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worksheets/sheet96.xml" ContentType="application/vnd.openxmlformats-officedocument.spreadsheetml.worksheet+xml"/>
  <Override PartName="/xl/worksheets/sheet97.xml" ContentType="application/vnd.openxmlformats-officedocument.spreadsheetml.worksheet+xml"/>
  <Override PartName="/xl/worksheets/sheet9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toyama-city.local\09福祉保健部\0914障害福祉\s1\15支給決定等（新）\令和６年度障害福祉サービス等報酬改定関係\【作業フォルダ】R6.4.1～加算関係様式\ホームページＵＰ用\チェックリスト\共通\"/>
    </mc:Choice>
  </mc:AlternateContent>
  <bookViews>
    <workbookView xWindow="-120" yWindow="-120" windowWidth="20736" windowHeight="11160" tabRatio="831"/>
  </bookViews>
  <sheets>
    <sheet name="1" sheetId="119" r:id="rId1"/>
    <sheet name="2" sheetId="120" r:id="rId2"/>
    <sheet name="3" sheetId="121" r:id="rId3"/>
    <sheet name="4" sheetId="122" r:id="rId4"/>
    <sheet name="5" sheetId="118" r:id="rId5"/>
    <sheet name="7" sheetId="117" r:id="rId6"/>
    <sheet name="8" sheetId="128" r:id="rId7"/>
    <sheet name="9(Ⅰ)" sheetId="110" r:id="rId8"/>
    <sheet name="9(Ⅱ)" sheetId="111" r:id="rId9"/>
    <sheet name="10" sheetId="11" r:id="rId10"/>
    <sheet name="11" sheetId="12" r:id="rId11"/>
    <sheet name="11【記載例】" sheetId="13" r:id="rId12"/>
    <sheet name="12" sheetId="14" r:id="rId13"/>
    <sheet name="13" sheetId="15" r:id="rId14"/>
    <sheet name="14" sheetId="116" r:id="rId15"/>
    <sheet name="15" sheetId="17" r:id="rId16"/>
    <sheet name="16" sheetId="18" r:id="rId17"/>
    <sheet name="16【記入例】" sheetId="19" r:id="rId18"/>
    <sheet name="16【注釈付き】" sheetId="20" r:id="rId19"/>
    <sheet name="17" sheetId="21" r:id="rId20"/>
    <sheet name="17【記入例】" sheetId="22" r:id="rId21"/>
    <sheet name="18" sheetId="23" r:id="rId22"/>
    <sheet name="18-1" sheetId="105" r:id="rId23"/>
    <sheet name="19" sheetId="24" r:id="rId24"/>
    <sheet name="19【記載例】" sheetId="25" r:id="rId25"/>
    <sheet name="20" sheetId="26" r:id="rId26"/>
    <sheet name="21" sheetId="27" r:id="rId27"/>
    <sheet name="21(記載例)" sheetId="28" r:id="rId28"/>
    <sheet name="22" sheetId="29" r:id="rId29"/>
    <sheet name="22【記載例】" sheetId="30" r:id="rId30"/>
    <sheet name="23" sheetId="31" r:id="rId31"/>
    <sheet name="23（記載例）" sheetId="32" r:id="rId32"/>
    <sheet name="25" sheetId="33" r:id="rId33"/>
    <sheet name="25【記載例】" sheetId="34" r:id="rId34"/>
    <sheet name="25-1" sheetId="35" r:id="rId35"/>
    <sheet name="26" sheetId="36" r:id="rId36"/>
    <sheet name="26の2" sheetId="37" r:id="rId37"/>
    <sheet name="27" sheetId="38" r:id="rId38"/>
    <sheet name="27【記載例】" sheetId="39" r:id="rId39"/>
    <sheet name="27【注釈付き】" sheetId="40" r:id="rId40"/>
    <sheet name="28" sheetId="41" r:id="rId41"/>
    <sheet name="29（生活介護・施設入所支援）" sheetId="113" r:id="rId42"/>
    <sheet name="29（短期入所）" sheetId="114" r:id="rId43"/>
    <sheet name="29（共同生活援助）" sheetId="115" r:id="rId44"/>
    <sheet name="32" sheetId="46" r:id="rId45"/>
    <sheet name="33" sheetId="47" r:id="rId46"/>
    <sheet name="34" sheetId="48" r:id="rId47"/>
    <sheet name="35 " sheetId="129" r:id="rId48"/>
    <sheet name="36" sheetId="50" r:id="rId49"/>
    <sheet name="39" sheetId="53" r:id="rId50"/>
    <sheet name="40" sheetId="54" r:id="rId51"/>
    <sheet name="41" sheetId="55" r:id="rId52"/>
    <sheet name="41（別添）" sheetId="56" r:id="rId53"/>
    <sheet name="41の２" sheetId="57" r:id="rId54"/>
    <sheet name="41の２（別添）" sheetId="58" r:id="rId55"/>
    <sheet name="42" sheetId="59" r:id="rId56"/>
    <sheet name="42別添1スコア表" sheetId="123" r:id="rId57"/>
    <sheet name="42別添２実績" sheetId="124" r:id="rId58"/>
    <sheet name="42別添3 地域連携活動実施状況報告書" sheetId="126" r:id="rId59"/>
    <sheet name="42別添4利用者の知識・能力向上に係る実施状況報告書" sheetId="127" r:id="rId60"/>
    <sheet name="43" sheetId="62" r:id="rId61"/>
    <sheet name="44" sheetId="63" r:id="rId62"/>
    <sheet name="45" sheetId="64" r:id="rId63"/>
    <sheet name="46" sheetId="66" r:id="rId64"/>
    <sheet name="（別添１）" sheetId="67" r:id="rId65"/>
    <sheet name="（別添２）" sheetId="68" r:id="rId66"/>
    <sheet name="47" sheetId="69" r:id="rId67"/>
    <sheet name="48" sheetId="70" r:id="rId68"/>
    <sheet name="49" sheetId="71" r:id="rId69"/>
    <sheet name="50" sheetId="72" r:id="rId70"/>
    <sheet name="52" sheetId="74" r:id="rId71"/>
    <sheet name="53" sheetId="75" r:id="rId72"/>
    <sheet name="５３－１（単独）" sheetId="107" r:id="rId73"/>
    <sheet name="５３－１（協働）" sheetId="108" r:id="rId74"/>
    <sheet name="５３-２　" sheetId="109" r:id="rId75"/>
    <sheet name="５３－３　" sheetId="112" r:id="rId76"/>
    <sheet name="54" sheetId="80" r:id="rId77"/>
    <sheet name="55" sheetId="81" r:id="rId78"/>
    <sheet name="54 55 別添" sheetId="82" r:id="rId79"/>
    <sheet name="56-1" sheetId="130" r:id="rId80"/>
    <sheet name="56-2" sheetId="131" r:id="rId81"/>
    <sheet name="57" sheetId="133" r:id="rId82"/>
    <sheet name="58" sheetId="134" r:id="rId83"/>
    <sheet name="59" sheetId="135" r:id="rId84"/>
    <sheet name="60" sheetId="87" r:id="rId85"/>
    <sheet name="61" sheetId="136" r:id="rId86"/>
    <sheet name="62-1" sheetId="137" r:id="rId87"/>
    <sheet name="62-2" sheetId="138" r:id="rId88"/>
    <sheet name="63" sheetId="139" r:id="rId89"/>
    <sheet name="64" sheetId="140" r:id="rId90"/>
    <sheet name="65" sheetId="141" r:id="rId91"/>
    <sheet name="65-２" sheetId="142" r:id="rId92"/>
    <sheet name="66" sheetId="143" r:id="rId93"/>
    <sheet name="67" sheetId="106" r:id="rId94"/>
    <sheet name="68" sheetId="95" r:id="rId95"/>
    <sheet name="69" sheetId="96" r:id="rId96"/>
    <sheet name="70" sheetId="97" r:id="rId97"/>
    <sheet name="71" sheetId="98" r:id="rId98"/>
  </sheets>
  <externalReferences>
    <externalReference r:id="rId99"/>
    <externalReference r:id="rId100"/>
    <externalReference r:id="rId101"/>
  </externalReferences>
  <definedNames>
    <definedName name="____________________________________________________________________kk29">#REF!</definedName>
    <definedName name="___________________________________________________________________kk29">#REF!</definedName>
    <definedName name="__________________________________________________________________kk29">#REF!</definedName>
    <definedName name="_________________________________________________________________kk06">#REF!</definedName>
    <definedName name="_________________________________________________________________kk29">#REF!</definedName>
    <definedName name="________________________________________________________________kk06">#REF!</definedName>
    <definedName name="________________________________________________________________kk29">#REF!</definedName>
    <definedName name="_______________________________________________________________kk06">#REF!</definedName>
    <definedName name="_______________________________________________________________kk29">#REF!</definedName>
    <definedName name="______________________________________________________________kk06">#REF!</definedName>
    <definedName name="______________________________________________________________kk29">#REF!</definedName>
    <definedName name="_____________________________________________________________kk06">#REF!</definedName>
    <definedName name="_____________________________________________________________kk29">#REF!</definedName>
    <definedName name="____________________________________________________________kk06">#REF!</definedName>
    <definedName name="____________________________________________________________kk29">#REF!</definedName>
    <definedName name="___________________________________________________________kk06">#REF!</definedName>
    <definedName name="___________________________________________________________kk29">#REF!</definedName>
    <definedName name="__________________________________________________________kk06">#REF!</definedName>
    <definedName name="__________________________________________________________kk29">#REF!</definedName>
    <definedName name="_________________________________________________________kk06">#REF!</definedName>
    <definedName name="_________________________________________________________kk29">#REF!</definedName>
    <definedName name="________________________________________________________kk06">#REF!</definedName>
    <definedName name="________________________________________________________kk29">#REF!</definedName>
    <definedName name="_______________________________________________________kk06">#REF!</definedName>
    <definedName name="_______________________________________________________kk29">#REF!</definedName>
    <definedName name="______________________________________________________kk06">#REF!</definedName>
    <definedName name="______________________________________________________kk29">#REF!</definedName>
    <definedName name="_____________________________________________________kk06">#REF!</definedName>
    <definedName name="_____________________________________________________kk29">#REF!</definedName>
    <definedName name="____________________________________________________kk06">#REF!</definedName>
    <definedName name="____________________________________________________kk29">#REF!</definedName>
    <definedName name="___________________________________________________kk06">#REF!</definedName>
    <definedName name="___________________________________________________kk29">#REF!</definedName>
    <definedName name="__________________________________________________kk06">#REF!</definedName>
    <definedName name="__________________________________________________kk29">#REF!</definedName>
    <definedName name="_________________________________________________kk06">#REF!</definedName>
    <definedName name="_________________________________________________kk29">#REF!</definedName>
    <definedName name="________________________________________________kk06">#REF!</definedName>
    <definedName name="________________________________________________kk29">#REF!</definedName>
    <definedName name="_______________________________________________kk06">#REF!</definedName>
    <definedName name="_______________________________________________kk29">#REF!</definedName>
    <definedName name="______________________________________________kk06">#REF!</definedName>
    <definedName name="______________________________________________kk29">#REF!</definedName>
    <definedName name="_____________________________________________kk06">#REF!</definedName>
    <definedName name="_____________________________________________kk29">#REF!</definedName>
    <definedName name="____________________________________________kk06">#REF!</definedName>
    <definedName name="____________________________________________kk29">#REF!</definedName>
    <definedName name="___________________________________________kk06">#REF!</definedName>
    <definedName name="___________________________________________kk29">#REF!</definedName>
    <definedName name="__________________________________________kk06">#REF!</definedName>
    <definedName name="__________________________________________kk29">#REF!</definedName>
    <definedName name="_________________________________________kk06">#REF!</definedName>
    <definedName name="_________________________________________kk29">#REF!</definedName>
    <definedName name="________________________________________kk06">#REF!</definedName>
    <definedName name="________________________________________kk29">#REF!</definedName>
    <definedName name="_______________________________________kk06">#REF!</definedName>
    <definedName name="_______________________________________kk29">#REF!</definedName>
    <definedName name="______________________________________kk06">#REF!</definedName>
    <definedName name="______________________________________kk29">#REF!</definedName>
    <definedName name="_____________________________________kk06">#REF!</definedName>
    <definedName name="_____________________________________kk29">#REF!</definedName>
    <definedName name="____________________________________kk06">#REF!</definedName>
    <definedName name="____________________________________kk29">#REF!</definedName>
    <definedName name="___________________________________kk06">#REF!</definedName>
    <definedName name="___________________________________kk29">#REF!</definedName>
    <definedName name="__________________________________kk06">#REF!</definedName>
    <definedName name="__________________________________kk29">#REF!</definedName>
    <definedName name="_________________________________kk06">#REF!</definedName>
    <definedName name="_________________________________kk29">#REF!</definedName>
    <definedName name="________________________________kk06">#REF!</definedName>
    <definedName name="________________________________kk29">#REF!</definedName>
    <definedName name="_______________________________kk06">#REF!</definedName>
    <definedName name="_______________________________kk29">#REF!</definedName>
    <definedName name="______________________________kk06">#REF!</definedName>
    <definedName name="______________________________kk29">#REF!</definedName>
    <definedName name="_____________________________kk06">#REF!</definedName>
    <definedName name="_____________________________kk29">#REF!</definedName>
    <definedName name="____________________________kk06">#REF!</definedName>
    <definedName name="____________________________kk29">#REF!</definedName>
    <definedName name="___________________________kk06">#REF!</definedName>
    <definedName name="___________________________kk29">#REF!</definedName>
    <definedName name="__________________________kk06">#REF!</definedName>
    <definedName name="__________________________kk29">#REF!</definedName>
    <definedName name="_________________________kk06">#REF!</definedName>
    <definedName name="_________________________kk29">#REF!</definedName>
    <definedName name="________________________kk06">#REF!</definedName>
    <definedName name="________________________kk29">#REF!</definedName>
    <definedName name="_______________________kk06">#REF!</definedName>
    <definedName name="_______________________kk29">#REF!</definedName>
    <definedName name="______________________kk06">#REF!</definedName>
    <definedName name="______________________kk29">#REF!</definedName>
    <definedName name="_____________________kk06">#REF!</definedName>
    <definedName name="_____________________kk29">#REF!</definedName>
    <definedName name="____________________kk06">#REF!</definedName>
    <definedName name="____________________kk29">#REF!</definedName>
    <definedName name="___________________kk06">#REF!</definedName>
    <definedName name="___________________kk29">#REF!</definedName>
    <definedName name="__________________kk06">#REF!</definedName>
    <definedName name="__________________kk29">#REF!</definedName>
    <definedName name="_________________kk06">#REF!</definedName>
    <definedName name="_________________kk29">#REF!</definedName>
    <definedName name="________________kk06">#REF!</definedName>
    <definedName name="________________kk29">#REF!</definedName>
    <definedName name="_______________kk06">#REF!</definedName>
    <definedName name="_______________kk29">#REF!</definedName>
    <definedName name="______________kk06">#REF!</definedName>
    <definedName name="______________kk29">#REF!</definedName>
    <definedName name="_____________kk06">#REF!</definedName>
    <definedName name="_____________kk29">#REF!</definedName>
    <definedName name="____________kk06">#REF!</definedName>
    <definedName name="____________kk29">#REF!</definedName>
    <definedName name="___________kk06">#REF!</definedName>
    <definedName name="___________kk29">#REF!</definedName>
    <definedName name="__________kk06">#REF!</definedName>
    <definedName name="__________kk29">#REF!</definedName>
    <definedName name="_________kk06">#REF!</definedName>
    <definedName name="_________kk29">#REF!</definedName>
    <definedName name="________kk06">#REF!</definedName>
    <definedName name="________kk29">#REF!</definedName>
    <definedName name="_______kk06">#REF!</definedName>
    <definedName name="_______kk29">#REF!</definedName>
    <definedName name="______kk06">#REF!</definedName>
    <definedName name="______kk29">#REF!</definedName>
    <definedName name="_____kk06">#REF!</definedName>
    <definedName name="_____kk29">#REF!</definedName>
    <definedName name="____kk06">#REF!</definedName>
    <definedName name="____kk29">#REF!</definedName>
    <definedName name="___kk06">#REF!</definedName>
    <definedName name="___kk29">#REF!</definedName>
    <definedName name="__kk06">#REF!</definedName>
    <definedName name="__kk29">#REF!</definedName>
    <definedName name="_kk06">#REF!</definedName>
    <definedName name="_kk29">#REF!</definedName>
    <definedName name="Avrg">#REF!</definedName>
    <definedName name="avrg1">#REF!</definedName>
    <definedName name="Excel_BuiltIn_Print_Area" localSheetId="7">'9(Ⅰ)'!$A$4:$AK$49</definedName>
    <definedName name="Excel_BuiltIn_Print_Area" localSheetId="8">'9(Ⅱ)'!$A$4:$AK$49</definedName>
    <definedName name="houjin">#REF!</definedName>
    <definedName name="jigyoumeishou">#REF!</definedName>
    <definedName name="jiritu">#REF!</definedName>
    <definedName name="ｋ">#N/A</definedName>
    <definedName name="kanagawaken">#REF!</definedName>
    <definedName name="kawasaki">#REF!</definedName>
    <definedName name="KK_03">#REF!</definedName>
    <definedName name="kk_04">#REF!</definedName>
    <definedName name="KK_06">#REF!</definedName>
    <definedName name="kk_07">#REF!</definedName>
    <definedName name="‐㏍08">#REF!</definedName>
    <definedName name="KK2_3">#REF!</definedName>
    <definedName name="ｋｋｋｋ">#REF!</definedName>
    <definedName name="nn">#REF!</definedName>
    <definedName name="_xlnm.Print_Area" localSheetId="0">'1'!$B$2:$Y$66</definedName>
    <definedName name="_xlnm.Print_Area" localSheetId="22">'18-1'!$A$1:$F$11</definedName>
    <definedName name="_xlnm.Print_Area" localSheetId="1">'2'!$B$2:$Y$63</definedName>
    <definedName name="_xlnm.Print_Area" localSheetId="26">'21'!$B$1:$H$19</definedName>
    <definedName name="_xlnm.Print_Area" localSheetId="27">'21(記載例)'!$A$1:$I$19</definedName>
    <definedName name="_xlnm.Print_Area" localSheetId="28">'22'!$A$1:$I$21</definedName>
    <definedName name="_xlnm.Print_Area" localSheetId="29">'22【記載例】'!$A$2:$I$22</definedName>
    <definedName name="_xlnm.Print_Area" localSheetId="32">'25'!$A$1:$H$35</definedName>
    <definedName name="_xlnm.Print_Area" localSheetId="34">'25-1'!$A$1:$L$37</definedName>
    <definedName name="_xlnm.Print_Area" localSheetId="35">'26'!$A$1:$L$59</definedName>
    <definedName name="_xlnm.Print_Area" localSheetId="36">'26の2'!$A$1:$L$40</definedName>
    <definedName name="_xlnm.Print_Area" localSheetId="37">'27'!$A$1:$L$58</definedName>
    <definedName name="_xlnm.Print_Area" localSheetId="39">'27【注釈付き】'!$A$1:$L$58</definedName>
    <definedName name="_xlnm.Print_Area" localSheetId="43">'29（共同生活援助）'!$A$1:$AH$47</definedName>
    <definedName name="_xlnm.Print_Area" localSheetId="41">'29（生活介護・施設入所支援）'!$A$1:$H$20</definedName>
    <definedName name="_xlnm.Print_Area" localSheetId="42">'29（短期入所）'!$A$1:$H$16</definedName>
    <definedName name="_xlnm.Print_Area" localSheetId="2">'3'!$B$2:$Y$68</definedName>
    <definedName name="_xlnm.Print_Area" localSheetId="46">'34'!$A$1:$H$29</definedName>
    <definedName name="_xlnm.Print_Area" localSheetId="48">'36'!$A$1:$H$29</definedName>
    <definedName name="_xlnm.Print_Area" localSheetId="3">'4'!$B$2:$Y$69</definedName>
    <definedName name="_xlnm.Print_Area" localSheetId="51">'41'!$A$1:$AL$56</definedName>
    <definedName name="_xlnm.Print_Area" localSheetId="53">'41の２'!$A$1:$AL$55</definedName>
    <definedName name="_xlnm.Print_Area" localSheetId="55">'42'!$A$1:$AL$37</definedName>
    <definedName name="_xlnm.Print_Area" localSheetId="56">'42別添1スコア表'!$A$1:$V$62</definedName>
    <definedName name="_xlnm.Print_Area" localSheetId="57">'42別添２実績'!$A$1:$AS$84</definedName>
    <definedName name="_xlnm.Print_Area" localSheetId="60">'43'!$A$1:$AL$11</definedName>
    <definedName name="_xlnm.Print_Area" localSheetId="61">'44'!$A$1:$H$43</definedName>
    <definedName name="_xlnm.Print_Area" localSheetId="62">'45'!$A$1:$AL$54</definedName>
    <definedName name="_xlnm.Print_Area" localSheetId="67">'48'!$A$1:$G$15</definedName>
    <definedName name="_xlnm.Print_Area" localSheetId="4">'5'!$A$1:$H$25</definedName>
    <definedName name="_xlnm.Print_Area" localSheetId="73">'５３－１（協働）'!$A$2:$Y$65</definedName>
    <definedName name="_xlnm.Print_Area" localSheetId="72">'５３－１（単独）'!$B$2:$Z$50</definedName>
    <definedName name="_xlnm.Print_Area" localSheetId="74">'５３-２　'!$A$2:$Y$65</definedName>
    <definedName name="_xlnm.Print_Area" localSheetId="75">'５３－３　'!$B$2:$Y$40</definedName>
    <definedName name="_xlnm.Print_Area" localSheetId="76">'54'!$A$1:$H$31</definedName>
    <definedName name="_xlnm.Print_Area" localSheetId="78">'54 55 別添'!$A$1:$AJ$42</definedName>
    <definedName name="_xlnm.Print_Area" localSheetId="77">'55'!$A$1:$H$12</definedName>
    <definedName name="_xlnm.Print_Area" localSheetId="79">'56-1'!$A$1:$N$28</definedName>
    <definedName name="_xlnm.Print_Area" localSheetId="80">'56-2'!$A$1:$J$20</definedName>
    <definedName name="_xlnm.Print_Area" localSheetId="81">'57'!$A$1:$N$38</definedName>
    <definedName name="_xlnm.Print_Area" localSheetId="82">'58'!$A$1:$K$46</definedName>
    <definedName name="_xlnm.Print_Area" localSheetId="83">'59'!$A$1:$I$24</definedName>
    <definedName name="_xlnm.Print_Area" localSheetId="84">'60'!$A$1:$H$18</definedName>
    <definedName name="_xlnm.Print_Area" localSheetId="85">'61'!$A$1:$K$46</definedName>
    <definedName name="_xlnm.Print_Area" localSheetId="86">'62-1'!$A$1:$H$17</definedName>
    <definedName name="_xlnm.Print_Area" localSheetId="87">'62-2'!$A$1:$H$21</definedName>
    <definedName name="_xlnm.Print_Area" localSheetId="88">'63'!$A$1:$I$32</definedName>
    <definedName name="_xlnm.Print_Area" localSheetId="89">'64'!$A$1:$H$34</definedName>
    <definedName name="_xlnm.Print_Area" localSheetId="90">'65'!$A$1:$K$21</definedName>
    <definedName name="_xlnm.Print_Area" localSheetId="91">'65-２'!$A$1:$J$24</definedName>
    <definedName name="_xlnm.Print_Area" localSheetId="92">'66'!$A$1:$H$24</definedName>
    <definedName name="_xlnm.Print_Area" localSheetId="93">'67'!$A$1:$J$35</definedName>
    <definedName name="_xlnm.Print_Area" localSheetId="5">'7'!$A$1:$AK$27</definedName>
    <definedName name="_xlnm.Print_Area" localSheetId="97">'71'!$A$1:$E$20</definedName>
    <definedName name="_xlnm.Print_Area" localSheetId="7">'9(Ⅰ)'!$A$1:$AK$48</definedName>
    <definedName name="_xlnm.Print_Area" localSheetId="8">'9(Ⅱ)'!$A$1:$AK$48</definedName>
    <definedName name="Roman_01">#REF!</definedName>
    <definedName name="Roman_02">#REF!</definedName>
    <definedName name="Roman_03">#REF!</definedName>
    <definedName name="Roman_04">#REF!</definedName>
    <definedName name="Roman_06">#REF!</definedName>
    <definedName name="roman_09">#REF!</definedName>
    <definedName name="roman_11">#REF!</definedName>
    <definedName name="roman11">#REF!</definedName>
    <definedName name="Roman2_1">#REF!</definedName>
    <definedName name="Roman2_3">#REF!</definedName>
    <definedName name="roman31">#REF!</definedName>
    <definedName name="roman33">#REF!</definedName>
    <definedName name="roman4_3">#REF!</definedName>
    <definedName name="roman43">#REF!</definedName>
    <definedName name="roman7_1">#REF!</definedName>
    <definedName name="roman77">#REF!</definedName>
    <definedName name="romann_12">#REF!</definedName>
    <definedName name="romann_66">#REF!</definedName>
    <definedName name="romann33">#REF!</definedName>
    <definedName name="serv">#REF!</definedName>
    <definedName name="serv_">#REF!</definedName>
    <definedName name="Serv_LIST">#REF!</definedName>
    <definedName name="servo1">#REF!</definedName>
    <definedName name="siharai">#REF!</definedName>
    <definedName name="sikuchouson">#REF!</definedName>
    <definedName name="sinseisaki">#REF!</definedName>
    <definedName name="ｔａｂｉｅ＿04">#REF!</definedName>
    <definedName name="table_03">#REF!</definedName>
    <definedName name="table_06">#REF!</definedName>
    <definedName name="table2_3">#REF!</definedName>
    <definedName name="tapi2">#REF!</definedName>
    <definedName name="tebie_07">#REF!</definedName>
    <definedName name="tebie_o7">#REF!</definedName>
    <definedName name="tebie07">#REF!</definedName>
    <definedName name="tebie08">#REF!</definedName>
    <definedName name="tebie33">#REF!</definedName>
    <definedName name="tebiroo">#REF!</definedName>
    <definedName name="teble">#REF!</definedName>
    <definedName name="teble_09">#REF!</definedName>
    <definedName name="teble77">#REF!</definedName>
    <definedName name="yokohama">#REF!</definedName>
    <definedName name="Z_8494577A_77FB_45FD_BD2B_C737BCFAD5B3_.wvu.PrintArea" localSheetId="26" hidden="1">'21'!$B$1:$H$19</definedName>
    <definedName name="Z_8494577A_77FB_45FD_BD2B_C737BCFAD5B3_.wvu.PrintArea" localSheetId="27" hidden="1">'21(記載例)'!$A$1:$I$19</definedName>
    <definedName name="Z_8494577A_77FB_45FD_BD2B_C737BCFAD5B3_.wvu.PrintArea" localSheetId="28" hidden="1">'22'!$A$1:$I$21</definedName>
    <definedName name="Z_8494577A_77FB_45FD_BD2B_C737BCFAD5B3_.wvu.PrintArea" localSheetId="29" hidden="1">'22【記載例】'!$A$2:$I$22</definedName>
    <definedName name="Z_8494577A_77FB_45FD_BD2B_C737BCFAD5B3_.wvu.PrintArea" localSheetId="32" hidden="1">'25'!$A$1:$H$35</definedName>
    <definedName name="Z_8494577A_77FB_45FD_BD2B_C737BCFAD5B3_.wvu.PrintArea" localSheetId="34" hidden="1">'25-1'!$A$1:$L$37</definedName>
    <definedName name="Z_8494577A_77FB_45FD_BD2B_C737BCFAD5B3_.wvu.PrintArea" localSheetId="35" hidden="1">'26'!$A$1:$L$59</definedName>
    <definedName name="Z_8494577A_77FB_45FD_BD2B_C737BCFAD5B3_.wvu.PrintArea" localSheetId="36" hidden="1">'26の2'!$A$1:$L$40</definedName>
    <definedName name="Z_8494577A_77FB_45FD_BD2B_C737BCFAD5B3_.wvu.PrintArea" localSheetId="37" hidden="1">'27'!$A$1:$L$58</definedName>
    <definedName name="Z_8494577A_77FB_45FD_BD2B_C737BCFAD5B3_.wvu.PrintArea" localSheetId="39" hidden="1">'27【注釈付き】'!$A$1:$L$58</definedName>
    <definedName name="Z_8494577A_77FB_45FD_BD2B_C737BCFAD5B3_.wvu.PrintArea" localSheetId="46" hidden="1">'34'!$A$1:$H$29</definedName>
    <definedName name="Z_8494577A_77FB_45FD_BD2B_C737BCFAD5B3_.wvu.PrintArea" localSheetId="48" hidden="1">'36'!$A$1:$H$29</definedName>
    <definedName name="Z_8494577A_77FB_45FD_BD2B_C737BCFAD5B3_.wvu.PrintArea" localSheetId="51" hidden="1">'41'!$A$1:$AL$56</definedName>
    <definedName name="Z_8494577A_77FB_45FD_BD2B_C737BCFAD5B3_.wvu.PrintArea" localSheetId="53" hidden="1">'41の２'!$A$1:$AL$55</definedName>
    <definedName name="Z_8494577A_77FB_45FD_BD2B_C737BCFAD5B3_.wvu.PrintArea" localSheetId="55" hidden="1">'42'!$A$1:$AL$37</definedName>
    <definedName name="Z_8494577A_77FB_45FD_BD2B_C737BCFAD5B3_.wvu.PrintArea" localSheetId="60" hidden="1">'43'!$A$1:$AL$11</definedName>
    <definedName name="Z_8494577A_77FB_45FD_BD2B_C737BCFAD5B3_.wvu.PrintArea" localSheetId="61" hidden="1">'44'!$A$1:$H$43</definedName>
    <definedName name="Z_8494577A_77FB_45FD_BD2B_C737BCFAD5B3_.wvu.PrintArea" localSheetId="62" hidden="1">'45'!$A$1:$AL$54</definedName>
    <definedName name="Z_8494577A_77FB_45FD_BD2B_C737BCFAD5B3_.wvu.PrintArea" localSheetId="67" hidden="1">'48'!$A$1:$G$15</definedName>
    <definedName name="Z_8494577A_77FB_45FD_BD2B_C737BCFAD5B3_.wvu.PrintArea" localSheetId="76" hidden="1">'54'!$A$1:$H$31</definedName>
    <definedName name="Z_8494577A_77FB_45FD_BD2B_C737BCFAD5B3_.wvu.PrintArea" localSheetId="78" hidden="1">'54 55 別添'!$A$1:$AJ$42</definedName>
    <definedName name="Z_8494577A_77FB_45FD_BD2B_C737BCFAD5B3_.wvu.PrintArea" localSheetId="77" hidden="1">'55'!$A$1:$H$12</definedName>
    <definedName name="Z_8494577A_77FB_45FD_BD2B_C737BCFAD5B3_.wvu.PrintArea" localSheetId="84" hidden="1">'60'!$A$1:$H$18</definedName>
    <definedName name="Z_8494577A_77FB_45FD_BD2B_C737BCFAD5B3_.wvu.PrintArea" localSheetId="97" hidden="1">'71'!$A$1:$E$20</definedName>
    <definedName name="Z_FA98832E_F01A_4598_9960_E27C2FDAB118_.wvu.PrintArea" localSheetId="26" hidden="1">'21'!$B$1:$H$19</definedName>
    <definedName name="Z_FA98832E_F01A_4598_9960_E27C2FDAB118_.wvu.PrintArea" localSheetId="27" hidden="1">'21(記載例)'!$A$1:$I$19</definedName>
    <definedName name="Z_FA98832E_F01A_4598_9960_E27C2FDAB118_.wvu.PrintArea" localSheetId="28" hidden="1">'22'!$A$1:$I$21</definedName>
    <definedName name="Z_FA98832E_F01A_4598_9960_E27C2FDAB118_.wvu.PrintArea" localSheetId="29" hidden="1">'22【記載例】'!$A$2:$I$22</definedName>
    <definedName name="Z_FA98832E_F01A_4598_9960_E27C2FDAB118_.wvu.PrintArea" localSheetId="32" hidden="1">'25'!$A$1:$H$35</definedName>
    <definedName name="Z_FA98832E_F01A_4598_9960_E27C2FDAB118_.wvu.PrintArea" localSheetId="34" hidden="1">'25-1'!$A$1:$L$37</definedName>
    <definedName name="Z_FA98832E_F01A_4598_9960_E27C2FDAB118_.wvu.PrintArea" localSheetId="35" hidden="1">'26'!$A$1:$L$59</definedName>
    <definedName name="Z_FA98832E_F01A_4598_9960_E27C2FDAB118_.wvu.PrintArea" localSheetId="36" hidden="1">'26の2'!$A$1:$L$40</definedName>
    <definedName name="Z_FA98832E_F01A_4598_9960_E27C2FDAB118_.wvu.PrintArea" localSheetId="37" hidden="1">'27'!$A$1:$L$58</definedName>
    <definedName name="Z_FA98832E_F01A_4598_9960_E27C2FDAB118_.wvu.PrintArea" localSheetId="39" hidden="1">'27【注釈付き】'!$A$1:$L$58</definedName>
    <definedName name="Z_FA98832E_F01A_4598_9960_E27C2FDAB118_.wvu.PrintArea" localSheetId="46" hidden="1">'34'!$A$1:$H$29</definedName>
    <definedName name="Z_FA98832E_F01A_4598_9960_E27C2FDAB118_.wvu.PrintArea" localSheetId="48" hidden="1">'36'!$A$1:$H$29</definedName>
    <definedName name="Z_FA98832E_F01A_4598_9960_E27C2FDAB118_.wvu.PrintArea" localSheetId="51" hidden="1">'41'!$A$1:$AL$56</definedName>
    <definedName name="Z_FA98832E_F01A_4598_9960_E27C2FDAB118_.wvu.PrintArea" localSheetId="53" hidden="1">'41の２'!$A$1:$AL$55</definedName>
    <definedName name="Z_FA98832E_F01A_4598_9960_E27C2FDAB118_.wvu.PrintArea" localSheetId="55" hidden="1">'42'!$A$1:$AL$37</definedName>
    <definedName name="Z_FA98832E_F01A_4598_9960_E27C2FDAB118_.wvu.PrintArea" localSheetId="60" hidden="1">'43'!$A$1:$AL$11</definedName>
    <definedName name="Z_FA98832E_F01A_4598_9960_E27C2FDAB118_.wvu.PrintArea" localSheetId="61" hidden="1">'44'!$A$1:$H$43</definedName>
    <definedName name="Z_FA98832E_F01A_4598_9960_E27C2FDAB118_.wvu.PrintArea" localSheetId="62" hidden="1">'45'!$A$1:$AL$54</definedName>
    <definedName name="Z_FA98832E_F01A_4598_9960_E27C2FDAB118_.wvu.PrintArea" localSheetId="67" hidden="1">'48'!$A$1:$G$15</definedName>
    <definedName name="Z_FA98832E_F01A_4598_9960_E27C2FDAB118_.wvu.PrintArea" localSheetId="76" hidden="1">'54'!$A$1:$H$31</definedName>
    <definedName name="Z_FA98832E_F01A_4598_9960_E27C2FDAB118_.wvu.PrintArea" localSheetId="78" hidden="1">'54 55 別添'!$A$1:$AJ$42</definedName>
    <definedName name="Z_FA98832E_F01A_4598_9960_E27C2FDAB118_.wvu.PrintArea" localSheetId="77" hidden="1">'55'!$A$1:$H$12</definedName>
    <definedName name="Z_FA98832E_F01A_4598_9960_E27C2FDAB118_.wvu.PrintArea" localSheetId="84" hidden="1">'60'!$A$1:$H$18</definedName>
    <definedName name="Z_FA98832E_F01A_4598_9960_E27C2FDAB118_.wvu.PrintArea" localSheetId="97" hidden="1">'71'!$A$1:$E$20</definedName>
    <definedName name="あ">#REF!</definedName>
    <definedName name="こ">#REF!</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看護時間">#REF!</definedName>
    <definedName name="種類">[3]サービス種類一覧!$A$4:$A$20</definedName>
    <definedName name="食事">#REF!</definedName>
    <definedName name="体制等状況一覧">#REF!</definedName>
    <definedName name="町っ油">#REF!</definedName>
    <definedName name="利用日数記入例">#REF!</definedName>
  </definedNames>
  <calcPr calcId="162913"/>
  <customWorkbookViews>
    <customWorkbookView name="大谷　文彦 - 個人用ビュー" guid="{FA98832E-F01A-4598-9960-E27C2FDAB118}" mergeInterval="0" personalView="1" maximized="1" xWindow="-9" yWindow="-9" windowWidth="1938" windowHeight="1048" tabRatio="920" activeSheetId="63"/>
    <customWorkbookView name="林　恵太 - 個人用ビュー" guid="{8494577A-77FB-45FD-BD2B-C737BCFAD5B3}" mergeInterval="0" personalView="1" maximized="1" xWindow="-8" yWindow="-8" windowWidth="1936" windowHeight="1048" tabRatio="920" activeSheetId="63" showComments="commIndAndComment"/>
  </customWorkbookViews>
</workbook>
</file>

<file path=xl/calcChain.xml><?xml version="1.0" encoding="utf-8"?>
<calcChain xmlns="http://schemas.openxmlformats.org/spreadsheetml/2006/main">
  <c r="G30" i="34" l="1"/>
  <c r="G20" i="34"/>
  <c r="G7" i="34"/>
  <c r="G6" i="34"/>
  <c r="AE32" i="64" l="1"/>
  <c r="AE40" i="64" s="1"/>
  <c r="H52" i="123" l="1"/>
  <c r="I36" i="123" s="1"/>
  <c r="U45" i="123"/>
  <c r="U40" i="123"/>
  <c r="U35" i="123"/>
  <c r="T32" i="123"/>
  <c r="U12" i="123" s="1"/>
  <c r="I22" i="123"/>
  <c r="I12" i="123"/>
  <c r="O57" i="123" s="1"/>
  <c r="S28" i="111" l="1"/>
  <c r="AE25" i="111"/>
  <c r="S13" i="111" s="1"/>
  <c r="S12" i="111"/>
  <c r="S28" i="110"/>
  <c r="AE25" i="110"/>
  <c r="S13" i="110" s="1"/>
  <c r="S12" i="110"/>
  <c r="J14" i="35" l="1"/>
  <c r="E32" i="82" l="1"/>
  <c r="F32" i="82"/>
  <c r="I39" i="82" s="1"/>
  <c r="G32" i="82"/>
  <c r="H32" i="82"/>
  <c r="I32" i="82"/>
  <c r="J32" i="82"/>
  <c r="K32" i="82"/>
  <c r="L32" i="82"/>
  <c r="M32" i="82"/>
  <c r="N32" i="82"/>
  <c r="O32" i="82"/>
  <c r="P32" i="82"/>
  <c r="Q32" i="82"/>
  <c r="R32" i="82"/>
  <c r="S32" i="82"/>
  <c r="T32" i="82"/>
  <c r="U32" i="82"/>
  <c r="V32" i="82"/>
  <c r="W32" i="82"/>
  <c r="X32" i="82"/>
  <c r="Y32" i="82"/>
  <c r="Z32" i="82"/>
  <c r="AA32" i="82"/>
  <c r="AB32" i="82"/>
  <c r="AC32" i="82"/>
  <c r="AD32" i="82"/>
  <c r="AE32" i="82"/>
  <c r="AF32" i="82"/>
  <c r="AG32" i="82"/>
  <c r="AH32" i="82"/>
  <c r="AI32" i="82"/>
  <c r="E33" i="82"/>
  <c r="F33" i="82"/>
  <c r="G33" i="82"/>
  <c r="H33" i="82"/>
  <c r="I33" i="82"/>
  <c r="J33" i="82"/>
  <c r="K33" i="82"/>
  <c r="L33" i="82"/>
  <c r="M33" i="82"/>
  <c r="N33" i="82"/>
  <c r="O33" i="82"/>
  <c r="P33" i="82"/>
  <c r="Q33" i="82"/>
  <c r="R33" i="82"/>
  <c r="S33" i="82"/>
  <c r="T33" i="82"/>
  <c r="U33" i="82"/>
  <c r="V33" i="82"/>
  <c r="W33" i="82"/>
  <c r="X33" i="82"/>
  <c r="Y33" i="82"/>
  <c r="Z33" i="82"/>
  <c r="AA33" i="82"/>
  <c r="AB33" i="82"/>
  <c r="AC33" i="82"/>
  <c r="AD33" i="82"/>
  <c r="AE33" i="82"/>
  <c r="AF33" i="82"/>
  <c r="AG33" i="82"/>
  <c r="AH33" i="82"/>
  <c r="AI33" i="82"/>
  <c r="E34" i="82"/>
  <c r="F34" i="82"/>
  <c r="F36" i="82" s="1"/>
  <c r="G34" i="82"/>
  <c r="H34" i="82"/>
  <c r="H36" i="82" s="1"/>
  <c r="I34" i="82"/>
  <c r="J34" i="82"/>
  <c r="J36" i="82" s="1"/>
  <c r="K34" i="82"/>
  <c r="L34" i="82"/>
  <c r="L36" i="82" s="1"/>
  <c r="M34" i="82"/>
  <c r="N34" i="82"/>
  <c r="N36" i="82" s="1"/>
  <c r="O34" i="82"/>
  <c r="P34" i="82"/>
  <c r="P36" i="82" s="1"/>
  <c r="Q34" i="82"/>
  <c r="R34" i="82"/>
  <c r="R36" i="82" s="1"/>
  <c r="S34" i="82"/>
  <c r="T34" i="82"/>
  <c r="U34" i="82"/>
  <c r="V34" i="82"/>
  <c r="V36" i="82" s="1"/>
  <c r="W34" i="82"/>
  <c r="X34" i="82"/>
  <c r="X36" i="82" s="1"/>
  <c r="Y34" i="82"/>
  <c r="Z34" i="82"/>
  <c r="Z36" i="82" s="1"/>
  <c r="AA34" i="82"/>
  <c r="AB34" i="82"/>
  <c r="AB36" i="82" s="1"/>
  <c r="AC34" i="82"/>
  <c r="AD34" i="82"/>
  <c r="AD36" i="82" s="1"/>
  <c r="AE34" i="82"/>
  <c r="AF34" i="82"/>
  <c r="AF36" i="82" s="1"/>
  <c r="AG34" i="82"/>
  <c r="AH34" i="82"/>
  <c r="AH36" i="82" s="1"/>
  <c r="AI34" i="82"/>
  <c r="E35" i="82"/>
  <c r="F35" i="82"/>
  <c r="G35" i="82"/>
  <c r="H35" i="82"/>
  <c r="I35" i="82"/>
  <c r="J35" i="82"/>
  <c r="K35" i="82"/>
  <c r="L35" i="82"/>
  <c r="M35" i="82"/>
  <c r="N35" i="82"/>
  <c r="O35" i="82"/>
  <c r="P35" i="82"/>
  <c r="Q35" i="82"/>
  <c r="R35" i="82"/>
  <c r="S35" i="82"/>
  <c r="T35" i="82"/>
  <c r="U35" i="82"/>
  <c r="V35" i="82"/>
  <c r="W35" i="82"/>
  <c r="X35" i="82"/>
  <c r="Y35" i="82"/>
  <c r="Z35" i="82"/>
  <c r="AA35" i="82"/>
  <c r="AB35" i="82"/>
  <c r="AC35" i="82"/>
  <c r="AD35" i="82"/>
  <c r="AE35" i="82"/>
  <c r="AF35" i="82"/>
  <c r="AG35" i="82"/>
  <c r="AH35" i="82"/>
  <c r="AI35" i="82"/>
  <c r="T36" i="82"/>
  <c r="AJ37" i="82"/>
  <c r="AI36" i="82" l="1"/>
  <c r="AG36" i="82"/>
  <c r="AE36" i="82"/>
  <c r="AC36" i="82"/>
  <c r="AA36" i="82"/>
  <c r="Y36" i="82"/>
  <c r="W36" i="82"/>
  <c r="U36" i="82"/>
  <c r="S36" i="82"/>
  <c r="Q36" i="82"/>
  <c r="O36" i="82"/>
  <c r="M36" i="82"/>
  <c r="K36" i="82"/>
  <c r="I36" i="82"/>
  <c r="G36" i="82"/>
  <c r="E36" i="82"/>
  <c r="AJ32" i="82"/>
  <c r="Z39" i="82" s="1"/>
  <c r="B8" i="58"/>
  <c r="B9" i="58"/>
  <c r="B10" i="58"/>
  <c r="B11" i="58"/>
  <c r="B12" i="58"/>
  <c r="B13" i="58"/>
  <c r="B14" i="58"/>
  <c r="B15" i="58"/>
  <c r="B16" i="58"/>
  <c r="B17" i="58"/>
  <c r="B18" i="58"/>
  <c r="B19" i="58"/>
  <c r="B20" i="58"/>
  <c r="B21" i="58"/>
  <c r="B22" i="58"/>
  <c r="B23" i="58"/>
  <c r="B24" i="58"/>
  <c r="B25" i="58"/>
  <c r="B26" i="58"/>
  <c r="B27" i="58"/>
  <c r="B28" i="58"/>
  <c r="B29" i="58"/>
  <c r="B30" i="58"/>
  <c r="B31" i="58"/>
  <c r="B32" i="58"/>
  <c r="B33" i="58"/>
  <c r="B34" i="58"/>
  <c r="B35" i="58"/>
  <c r="B36" i="58"/>
  <c r="B37" i="58"/>
  <c r="B38" i="58"/>
  <c r="B39" i="58"/>
  <c r="B40" i="58"/>
  <c r="B41" i="58"/>
  <c r="B42" i="58"/>
  <c r="B43" i="58"/>
  <c r="B44" i="58"/>
  <c r="B45" i="58"/>
  <c r="B46" i="58"/>
  <c r="B47" i="58"/>
  <c r="B8" i="56"/>
  <c r="B9" i="56"/>
  <c r="B10" i="56"/>
  <c r="B11" i="56"/>
  <c r="B12" i="56"/>
  <c r="B13" i="56"/>
  <c r="B14" i="56"/>
  <c r="B15" i="56"/>
  <c r="B16" i="56"/>
  <c r="B17" i="56"/>
  <c r="B18" i="56"/>
  <c r="B19" i="56"/>
  <c r="B20" i="56"/>
  <c r="B21" i="56"/>
  <c r="B22" i="56"/>
  <c r="B23" i="56"/>
  <c r="B24" i="56"/>
  <c r="B25" i="56"/>
  <c r="B26" i="56"/>
  <c r="B27" i="56"/>
  <c r="B28" i="56"/>
  <c r="B29" i="56"/>
  <c r="B30" i="56"/>
  <c r="B31" i="56"/>
  <c r="B32" i="56"/>
  <c r="B33" i="56"/>
  <c r="B34" i="56"/>
  <c r="B35" i="56"/>
  <c r="B36" i="56"/>
  <c r="B37" i="56"/>
  <c r="B38" i="56"/>
  <c r="B39" i="56"/>
  <c r="B40" i="56"/>
  <c r="B41" i="56"/>
  <c r="B42" i="56"/>
  <c r="B43" i="56"/>
  <c r="B44" i="56"/>
  <c r="B45" i="56"/>
  <c r="B46" i="56"/>
  <c r="B47" i="56"/>
  <c r="AJ36" i="82" l="1"/>
  <c r="R5" i="12" l="1"/>
  <c r="R5" i="13"/>
</calcChain>
</file>

<file path=xl/sharedStrings.xml><?xml version="1.0" encoding="utf-8"?>
<sst xmlns="http://schemas.openxmlformats.org/spreadsheetml/2006/main" count="3881" uniqueCount="1968">
  <si>
    <t>短期滞在及び精神障害者退院支援施設に係る体制</t>
    <rPh sb="0" eb="2">
      <t>タンキ</t>
    </rPh>
    <rPh sb="2" eb="4">
      <t>タイザイ</t>
    </rPh>
    <rPh sb="4" eb="5">
      <t>オヨ</t>
    </rPh>
    <rPh sb="6" eb="8">
      <t>セイシン</t>
    </rPh>
    <rPh sb="8" eb="11">
      <t>ショウガイシャ</t>
    </rPh>
    <rPh sb="11" eb="13">
      <t>タイイン</t>
    </rPh>
    <rPh sb="13" eb="15">
      <t>シエン</t>
    </rPh>
    <rPh sb="15" eb="17">
      <t>シセツ</t>
    </rPh>
    <rPh sb="18" eb="19">
      <t>カカワ</t>
    </rPh>
    <rPh sb="20" eb="22">
      <t>タイセイ</t>
    </rPh>
    <phoneticPr fontId="6"/>
  </si>
  <si>
    <t>居室数</t>
    <rPh sb="0" eb="2">
      <t>キョシツ</t>
    </rPh>
    <rPh sb="2" eb="3">
      <t>スウ</t>
    </rPh>
    <phoneticPr fontId="6"/>
  </si>
  <si>
    <t>１人当たり居室面積</t>
    <rPh sb="1" eb="2">
      <t>ニン</t>
    </rPh>
    <rPh sb="2" eb="3">
      <t>ア</t>
    </rPh>
    <rPh sb="5" eb="7">
      <t>キョシツ</t>
    </rPh>
    <rPh sb="7" eb="9">
      <t>メンセキ</t>
    </rPh>
    <phoneticPr fontId="6"/>
  </si>
  <si>
    <t>うち個室</t>
    <rPh sb="2" eb="4">
      <t>コシツ</t>
    </rPh>
    <phoneticPr fontId="6"/>
  </si>
  <si>
    <t>うち２人部屋</t>
    <rPh sb="3" eb="4">
      <t>ニン</t>
    </rPh>
    <rPh sb="4" eb="6">
      <t>ベヤ</t>
    </rPh>
    <phoneticPr fontId="6"/>
  </si>
  <si>
    <t>うち３人部屋</t>
    <rPh sb="3" eb="4">
      <t>ニン</t>
    </rPh>
    <rPh sb="4" eb="6">
      <t>ベヤ</t>
    </rPh>
    <phoneticPr fontId="6"/>
  </si>
  <si>
    <t>うち４人部屋</t>
    <rPh sb="3" eb="4">
      <t>ニン</t>
    </rPh>
    <rPh sb="4" eb="6">
      <t>ベヤ</t>
    </rPh>
    <phoneticPr fontId="6"/>
  </si>
  <si>
    <t>うち　人部屋</t>
    <rPh sb="3" eb="4">
      <t>ニン</t>
    </rPh>
    <rPh sb="4" eb="6">
      <t>ベヤ</t>
    </rPh>
    <phoneticPr fontId="6"/>
  </si>
  <si>
    <t>その他の設備の内容</t>
    <rPh sb="2" eb="3">
      <t>タ</t>
    </rPh>
    <rPh sb="4" eb="6">
      <t>セツビ</t>
    </rPh>
    <rPh sb="7" eb="9">
      <t>ナイヨウ</t>
    </rPh>
    <phoneticPr fontId="6"/>
  </si>
  <si>
    <t>夜間の支援体制</t>
    <rPh sb="0" eb="2">
      <t>ヤカン</t>
    </rPh>
    <rPh sb="3" eb="5">
      <t>シエン</t>
    </rPh>
    <rPh sb="5" eb="7">
      <t>タイセイ</t>
    </rPh>
    <phoneticPr fontId="6"/>
  </si>
  <si>
    <t>勤務形態</t>
    <rPh sb="0" eb="2">
      <t>キンム</t>
    </rPh>
    <rPh sb="2" eb="4">
      <t>ケイタイ</t>
    </rPh>
    <phoneticPr fontId="6"/>
  </si>
  <si>
    <t>人数</t>
    <rPh sb="0" eb="2">
      <t>ニンズウ</t>
    </rPh>
    <phoneticPr fontId="6"/>
  </si>
  <si>
    <t>専従</t>
    <rPh sb="0" eb="2">
      <t>センジュウ</t>
    </rPh>
    <phoneticPr fontId="6"/>
  </si>
  <si>
    <t>兼務</t>
    <rPh sb="0" eb="2">
      <t>ケンム</t>
    </rPh>
    <phoneticPr fontId="6"/>
  </si>
  <si>
    <t>連携施設の名称</t>
    <rPh sb="0" eb="2">
      <t>レンケイ</t>
    </rPh>
    <rPh sb="2" eb="4">
      <t>シセツ</t>
    </rPh>
    <rPh sb="5" eb="7">
      <t>メイショウ</t>
    </rPh>
    <phoneticPr fontId="6"/>
  </si>
  <si>
    <t>夜間の支援体制の内容</t>
    <rPh sb="0" eb="2">
      <t>ヤカン</t>
    </rPh>
    <rPh sb="3" eb="5">
      <t>シエン</t>
    </rPh>
    <rPh sb="5" eb="7">
      <t>タイセイ</t>
    </rPh>
    <rPh sb="8" eb="10">
      <t>ナイヨウ</t>
    </rPh>
    <phoneticPr fontId="6"/>
  </si>
  <si>
    <t>注１　「居室数」欄は、居室の定員規模ごとに、居室数及び当該居室の１人当たり床面積を記載し、居室の総
　　定員が定員欄の値と等しくなるように記載してください。</t>
    <rPh sb="0" eb="1">
      <t>チュウ</t>
    </rPh>
    <rPh sb="4" eb="6">
      <t>キョシツ</t>
    </rPh>
    <rPh sb="6" eb="7">
      <t>スウ</t>
    </rPh>
    <rPh sb="8" eb="9">
      <t>ラン</t>
    </rPh>
    <rPh sb="11" eb="13">
      <t>キョシツ</t>
    </rPh>
    <rPh sb="14" eb="16">
      <t>テイイン</t>
    </rPh>
    <rPh sb="16" eb="18">
      <t>キボ</t>
    </rPh>
    <rPh sb="22" eb="24">
      <t>キョシツ</t>
    </rPh>
    <rPh sb="24" eb="25">
      <t>カズ</t>
    </rPh>
    <rPh sb="25" eb="26">
      <t>オヨ</t>
    </rPh>
    <rPh sb="27" eb="29">
      <t>トウガイ</t>
    </rPh>
    <rPh sb="29" eb="31">
      <t>キョシツ</t>
    </rPh>
    <rPh sb="33" eb="34">
      <t>ニン</t>
    </rPh>
    <rPh sb="34" eb="35">
      <t>ア</t>
    </rPh>
    <rPh sb="37" eb="40">
      <t>ユカメンセキ</t>
    </rPh>
    <rPh sb="41" eb="43">
      <t>キサイ</t>
    </rPh>
    <rPh sb="45" eb="47">
      <t>キョシツ</t>
    </rPh>
    <rPh sb="48" eb="49">
      <t>ソウ</t>
    </rPh>
    <rPh sb="52" eb="54">
      <t>テイイン</t>
    </rPh>
    <rPh sb="55" eb="57">
      <t>テイイン</t>
    </rPh>
    <rPh sb="57" eb="58">
      <t>ラン</t>
    </rPh>
    <rPh sb="59" eb="60">
      <t>アタイ</t>
    </rPh>
    <rPh sb="61" eb="62">
      <t>ヒト</t>
    </rPh>
    <rPh sb="69" eb="71">
      <t>キサイ</t>
    </rPh>
    <phoneticPr fontId="6"/>
  </si>
  <si>
    <t>注２　「その他の設備の内容」欄は、居室以外の利用者が利用する設備の内容を具体的に記載してください。</t>
    <rPh sb="0" eb="1">
      <t>チュウ</t>
    </rPh>
    <rPh sb="6" eb="7">
      <t>タ</t>
    </rPh>
    <rPh sb="8" eb="10">
      <t>セツビ</t>
    </rPh>
    <rPh sb="11" eb="13">
      <t>ナイヨウ</t>
    </rPh>
    <rPh sb="14" eb="15">
      <t>ラン</t>
    </rPh>
    <rPh sb="17" eb="19">
      <t>キョシツ</t>
    </rPh>
    <rPh sb="19" eb="21">
      <t>イガイ</t>
    </rPh>
    <rPh sb="22" eb="25">
      <t>リヨウシャ</t>
    </rPh>
    <rPh sb="26" eb="28">
      <t>リヨウ</t>
    </rPh>
    <rPh sb="30" eb="32">
      <t>セツビ</t>
    </rPh>
    <rPh sb="33" eb="35">
      <t>ナイヨウ</t>
    </rPh>
    <rPh sb="36" eb="39">
      <t>グタイテキ</t>
    </rPh>
    <rPh sb="40" eb="42">
      <t>キサイ</t>
    </rPh>
    <phoneticPr fontId="6"/>
  </si>
  <si>
    <t>注３　「夜間の支援体制」欄は、夜間における支援の内容、他の社会福祉施設等との連携の状況等を具体的に記
　　載してください。</t>
    <rPh sb="0" eb="1">
      <t>チュウ</t>
    </rPh>
    <rPh sb="4" eb="6">
      <t>ヤカン</t>
    </rPh>
    <rPh sb="7" eb="9">
      <t>シエン</t>
    </rPh>
    <rPh sb="9" eb="11">
      <t>タイセイ</t>
    </rPh>
    <rPh sb="12" eb="13">
      <t>ラン</t>
    </rPh>
    <rPh sb="15" eb="17">
      <t>ヤカン</t>
    </rPh>
    <rPh sb="21" eb="23">
      <t>シエン</t>
    </rPh>
    <rPh sb="24" eb="26">
      <t>ナイヨウ</t>
    </rPh>
    <rPh sb="27" eb="28">
      <t>タ</t>
    </rPh>
    <rPh sb="29" eb="31">
      <t>シャカイ</t>
    </rPh>
    <rPh sb="31" eb="33">
      <t>フクシ</t>
    </rPh>
    <rPh sb="33" eb="35">
      <t>シセツ</t>
    </rPh>
    <rPh sb="35" eb="36">
      <t>トウ</t>
    </rPh>
    <rPh sb="38" eb="40">
      <t>レンケイ</t>
    </rPh>
    <rPh sb="41" eb="43">
      <t>ジョウキョウ</t>
    </rPh>
    <rPh sb="43" eb="44">
      <t>トウ</t>
    </rPh>
    <rPh sb="45" eb="48">
      <t>グタイテキ</t>
    </rPh>
    <rPh sb="49" eb="50">
      <t>キ</t>
    </rPh>
    <rPh sb="53" eb="54">
      <t>ミツル</t>
    </rPh>
    <phoneticPr fontId="6"/>
  </si>
  <si>
    <t>５０人</t>
    <rPh sb="2" eb="3">
      <t>ニン</t>
    </rPh>
    <phoneticPr fontId="6"/>
  </si>
  <si>
    <t>４室</t>
    <rPh sb="1" eb="2">
      <t>シツ</t>
    </rPh>
    <phoneticPr fontId="6"/>
  </si>
  <si>
    <t>１３㎡</t>
    <phoneticPr fontId="6"/>
  </si>
  <si>
    <t>６室</t>
    <rPh sb="1" eb="2">
      <t>シツ</t>
    </rPh>
    <phoneticPr fontId="6"/>
  </si>
  <si>
    <t>９㎡</t>
    <phoneticPr fontId="6"/>
  </si>
  <si>
    <t>８室</t>
    <rPh sb="1" eb="2">
      <t>シツ</t>
    </rPh>
    <phoneticPr fontId="6"/>
  </si>
  <si>
    <t>７㎡</t>
    <phoneticPr fontId="6"/>
  </si>
  <si>
    <t>①　デイルーム（○㎡）
②　食堂(○㎡)</t>
    <rPh sb="14" eb="16">
      <t>ショクドウ</t>
    </rPh>
    <phoneticPr fontId="6"/>
  </si>
  <si>
    <t>看護職員</t>
    <rPh sb="0" eb="2">
      <t>カンゴ</t>
    </rPh>
    <rPh sb="2" eb="4">
      <t>ショクイン</t>
    </rPh>
    <phoneticPr fontId="6"/>
  </si>
  <si>
    <t>共同生活住居の状況</t>
    <rPh sb="0" eb="2">
      <t>キョウドウ</t>
    </rPh>
    <rPh sb="2" eb="4">
      <t>セイカツ</t>
    </rPh>
    <rPh sb="4" eb="6">
      <t>ジュウキョ</t>
    </rPh>
    <rPh sb="7" eb="9">
      <t>ジョウキョウ</t>
    </rPh>
    <phoneticPr fontId="6"/>
  </si>
  <si>
    <t>共同生活住居の名称</t>
    <rPh sb="0" eb="2">
      <t>キョウドウ</t>
    </rPh>
    <rPh sb="2" eb="4">
      <t>セイカツ</t>
    </rPh>
    <rPh sb="4" eb="6">
      <t>ジュウキョ</t>
    </rPh>
    <rPh sb="7" eb="9">
      <t>メイショウ</t>
    </rPh>
    <phoneticPr fontId="6"/>
  </si>
  <si>
    <t>住所</t>
    <rPh sb="0" eb="2">
      <t>ジュウショ</t>
    </rPh>
    <phoneticPr fontId="6"/>
  </si>
  <si>
    <t>居住する共同生活住居の名称</t>
    <rPh sb="0" eb="2">
      <t>キョジュウ</t>
    </rPh>
    <rPh sb="4" eb="6">
      <t>キョウドウ</t>
    </rPh>
    <rPh sb="6" eb="8">
      <t>セイカツ</t>
    </rPh>
    <rPh sb="8" eb="10">
      <t>ジュウキョ</t>
    </rPh>
    <rPh sb="11" eb="13">
      <t>メイショウ</t>
    </rPh>
    <phoneticPr fontId="6"/>
  </si>
  <si>
    <t>Ａ</t>
    <phoneticPr fontId="6"/>
  </si>
  <si>
    <t>○</t>
    <phoneticPr fontId="6"/>
  </si>
  <si>
    <t>Ｂ</t>
    <phoneticPr fontId="6"/>
  </si>
  <si>
    <t>Ｃ</t>
    <phoneticPr fontId="6"/>
  </si>
  <si>
    <t>加算別紙２８</t>
    <rPh sb="0" eb="2">
      <t>カサン</t>
    </rPh>
    <rPh sb="2" eb="4">
      <t>ベッシ</t>
    </rPh>
    <phoneticPr fontId="6"/>
  </si>
  <si>
    <t>　　３　看護職員の総数については、常勤換算</t>
    <rPh sb="4" eb="6">
      <t>カンゴ</t>
    </rPh>
    <rPh sb="6" eb="8">
      <t>ショクイン</t>
    </rPh>
    <rPh sb="9" eb="11">
      <t>ソウスウ</t>
    </rPh>
    <rPh sb="17" eb="19">
      <t>ジョウキン</t>
    </rPh>
    <rPh sb="19" eb="21">
      <t>カンザン</t>
    </rPh>
    <phoneticPr fontId="6"/>
  </si>
  <si>
    <t>　１　異動区分</t>
    <rPh sb="3" eb="5">
      <t>イドウ</t>
    </rPh>
    <rPh sb="5" eb="7">
      <t>クブン</t>
    </rPh>
    <phoneticPr fontId="6"/>
  </si>
  <si>
    <t>　　　　　２．　業務期間欄は、証明を受ける者が障害者に対する直接的な援助を行っていた期間を記入すること。
　　　　　　　　（産休・育休・療養休暇や長期研修期間等は業務期間となりません。）</t>
    <rPh sb="8" eb="10">
      <t>ギョウム</t>
    </rPh>
    <rPh sb="10" eb="12">
      <t>キカン</t>
    </rPh>
    <rPh sb="12" eb="13">
      <t>ラン</t>
    </rPh>
    <rPh sb="15" eb="17">
      <t>ショウメイ</t>
    </rPh>
    <rPh sb="18" eb="19">
      <t>ウ</t>
    </rPh>
    <rPh sb="21" eb="22">
      <t>モノ</t>
    </rPh>
    <rPh sb="23" eb="26">
      <t>ショウガイシャ</t>
    </rPh>
    <rPh sb="27" eb="28">
      <t>タイ</t>
    </rPh>
    <rPh sb="30" eb="33">
      <t>チョクセツテキ</t>
    </rPh>
    <rPh sb="34" eb="36">
      <t>エンジョ</t>
    </rPh>
    <rPh sb="37" eb="38">
      <t>オコナ</t>
    </rPh>
    <rPh sb="42" eb="44">
      <t>キカン</t>
    </rPh>
    <rPh sb="45" eb="47">
      <t>キニュウ</t>
    </rPh>
    <rPh sb="62" eb="64">
      <t>サンキュウ</t>
    </rPh>
    <rPh sb="65" eb="67">
      <t>イクキュウ</t>
    </rPh>
    <rPh sb="68" eb="70">
      <t>リョウヨウ</t>
    </rPh>
    <rPh sb="70" eb="72">
      <t>キュウカ</t>
    </rPh>
    <rPh sb="73" eb="75">
      <t>チョウキ</t>
    </rPh>
    <rPh sb="75" eb="77">
      <t>ケンシュウ</t>
    </rPh>
    <rPh sb="77" eb="79">
      <t>キカン</t>
    </rPh>
    <rPh sb="79" eb="80">
      <t>トウ</t>
    </rPh>
    <rPh sb="81" eb="83">
      <t>ギョウム</t>
    </rPh>
    <rPh sb="83" eb="85">
      <t>キカン</t>
    </rPh>
    <phoneticPr fontId="6"/>
  </si>
  <si>
    <t>（注）　　１．　施設又は事業所名欄には、施設の種別も記入すること。</t>
    <rPh sb="1" eb="2">
      <t>チュウ</t>
    </rPh>
    <rPh sb="8" eb="10">
      <t>シセツ</t>
    </rPh>
    <rPh sb="10" eb="11">
      <t>マタ</t>
    </rPh>
    <rPh sb="12" eb="15">
      <t>ジギョウショ</t>
    </rPh>
    <rPh sb="15" eb="16">
      <t>メイ</t>
    </rPh>
    <rPh sb="16" eb="17">
      <t>ラン</t>
    </rPh>
    <rPh sb="20" eb="22">
      <t>シセツ</t>
    </rPh>
    <rPh sb="23" eb="25">
      <t>シュベツ</t>
    </rPh>
    <rPh sb="26" eb="28">
      <t>キニュウ</t>
    </rPh>
    <phoneticPr fontId="6"/>
  </si>
  <si>
    <t>　　　　　６．　就労支援関係研修修了加算を算定する場合に作成し、都道府県知事に届け出ること。</t>
    <rPh sb="8" eb="10">
      <t>シュウロウ</t>
    </rPh>
    <rPh sb="10" eb="12">
      <t>シエン</t>
    </rPh>
    <rPh sb="12" eb="14">
      <t>カンケイ</t>
    </rPh>
    <rPh sb="14" eb="16">
      <t>ケンシュウ</t>
    </rPh>
    <rPh sb="16" eb="18">
      <t>シュウリョウ</t>
    </rPh>
    <rPh sb="18" eb="20">
      <t>カサン</t>
    </rPh>
    <rPh sb="21" eb="23">
      <t>サンテイ</t>
    </rPh>
    <rPh sb="25" eb="27">
      <t>バアイ</t>
    </rPh>
    <rPh sb="28" eb="30">
      <t>サクセイ</t>
    </rPh>
    <rPh sb="32" eb="36">
      <t>トドウフケン</t>
    </rPh>
    <rPh sb="36" eb="38">
      <t>チジ</t>
    </rPh>
    <rPh sb="39" eb="40">
      <t>トド</t>
    </rPh>
    <rPh sb="41" eb="42">
      <t>デ</t>
    </rPh>
    <phoneticPr fontId="6"/>
  </si>
  <si>
    <t>注２　新設の場合には、「前年度の平均利用者数」欄には推定数を記載してください。</t>
    <rPh sb="0" eb="1">
      <t>チュウ</t>
    </rPh>
    <rPh sb="3" eb="5">
      <t>シンセツ</t>
    </rPh>
    <rPh sb="6" eb="8">
      <t>バアイ</t>
    </rPh>
    <rPh sb="12" eb="14">
      <t>ゼンネン</t>
    </rPh>
    <rPh sb="14" eb="15">
      <t>ド</t>
    </rPh>
    <rPh sb="16" eb="18">
      <t>ヘイキン</t>
    </rPh>
    <rPh sb="18" eb="21">
      <t>リヨウシャ</t>
    </rPh>
    <rPh sb="21" eb="22">
      <t>スウ</t>
    </rPh>
    <rPh sb="23" eb="24">
      <t>ラン</t>
    </rPh>
    <rPh sb="26" eb="29">
      <t>スイテイスウ</t>
    </rPh>
    <rPh sb="30" eb="32">
      <t>キサイ</t>
    </rPh>
    <phoneticPr fontId="6"/>
  </si>
  <si>
    <t>注３　「加算算定上の必要人数」欄には、記載しないでください。</t>
    <rPh sb="0" eb="1">
      <t>チュウ</t>
    </rPh>
    <rPh sb="4" eb="6">
      <t>カサン</t>
    </rPh>
    <rPh sb="6" eb="8">
      <t>サンテイ</t>
    </rPh>
    <rPh sb="8" eb="9">
      <t>ジョウ</t>
    </rPh>
    <rPh sb="10" eb="12">
      <t>ヒツヨウ</t>
    </rPh>
    <rPh sb="12" eb="14">
      <t>ニンズウ</t>
    </rPh>
    <rPh sb="15" eb="16">
      <t>ラン</t>
    </rPh>
    <rPh sb="19" eb="21">
      <t>キサイ</t>
    </rPh>
    <phoneticPr fontId="6"/>
  </si>
  <si>
    <t>注１　「異動区分」欄については、該当する番号に○を付してください。</t>
    <rPh sb="0" eb="1">
      <t>チュウ</t>
    </rPh>
    <rPh sb="4" eb="6">
      <t>イドウ</t>
    </rPh>
    <rPh sb="6" eb="8">
      <t>クブン</t>
    </rPh>
    <rPh sb="9" eb="10">
      <t>ラン</t>
    </rPh>
    <rPh sb="16" eb="18">
      <t>ガイトウ</t>
    </rPh>
    <rPh sb="20" eb="22">
      <t>バンゴウ</t>
    </rPh>
    <rPh sb="25" eb="26">
      <t>フ</t>
    </rPh>
    <phoneticPr fontId="6"/>
  </si>
  <si>
    <t>１　新規　　　　　　　　２　変更　　　　　　　　３　終了</t>
    <rPh sb="2" eb="4">
      <t>シンキ</t>
    </rPh>
    <rPh sb="14" eb="16">
      <t>ヘンコウ</t>
    </rPh>
    <rPh sb="26" eb="28">
      <t>シュウリョウ</t>
    </rPh>
    <phoneticPr fontId="6"/>
  </si>
  <si>
    <t>１　異動区分</t>
    <rPh sb="2" eb="4">
      <t>イドウ</t>
    </rPh>
    <rPh sb="4" eb="6">
      <t>クブン</t>
    </rPh>
    <phoneticPr fontId="6"/>
  </si>
  <si>
    <t>①　新規　　　　　　　　　　　　②　変更　　　　　　　　　　　　　③　終了</t>
    <rPh sb="2" eb="4">
      <t>シンキ</t>
    </rPh>
    <rPh sb="18" eb="20">
      <t>ヘンコウ</t>
    </rPh>
    <rPh sb="35" eb="37">
      <t>シュウリョウ</t>
    </rPh>
    <phoneticPr fontId="6"/>
  </si>
  <si>
    <t>管理栄養士</t>
    <rPh sb="0" eb="2">
      <t>カンリ</t>
    </rPh>
    <rPh sb="2" eb="5">
      <t>エイヨウシ</t>
    </rPh>
    <phoneticPr fontId="6"/>
  </si>
  <si>
    <t>人</t>
    <rPh sb="0" eb="1">
      <t>ヒト</t>
    </rPh>
    <phoneticPr fontId="6"/>
  </si>
  <si>
    <t>非常勤</t>
    <rPh sb="0" eb="3">
      <t>ヒジョウキン</t>
    </rPh>
    <phoneticPr fontId="6"/>
  </si>
  <si>
    <t>常勤</t>
    <rPh sb="0" eb="2">
      <t>ジョウキン</t>
    </rPh>
    <phoneticPr fontId="6"/>
  </si>
  <si>
    <t>栄養マネジメントに関わる者</t>
    <rPh sb="0" eb="2">
      <t>エイヨウ</t>
    </rPh>
    <rPh sb="9" eb="10">
      <t>カカ</t>
    </rPh>
    <rPh sb="12" eb="13">
      <t>シャ</t>
    </rPh>
    <phoneticPr fontId="6"/>
  </si>
  <si>
    <t>職種</t>
    <rPh sb="0" eb="2">
      <t>ショクシュ</t>
    </rPh>
    <phoneticPr fontId="6"/>
  </si>
  <si>
    <t>氏名</t>
    <rPh sb="0" eb="2">
      <t>シメイ</t>
    </rPh>
    <phoneticPr fontId="6"/>
  </si>
  <si>
    <t>医師</t>
    <rPh sb="0" eb="2">
      <t>イシ</t>
    </rPh>
    <phoneticPr fontId="6"/>
  </si>
  <si>
    <t>看護師</t>
    <rPh sb="0" eb="3">
      <t>カンゴシ</t>
    </rPh>
    <phoneticPr fontId="6"/>
  </si>
  <si>
    <t>常勤の管理栄養士</t>
    <rPh sb="0" eb="2">
      <t>ジョウキン</t>
    </rPh>
    <rPh sb="3" eb="5">
      <t>カンリ</t>
    </rPh>
    <rPh sb="5" eb="8">
      <t>エイヨウシ</t>
    </rPh>
    <phoneticPr fontId="6"/>
  </si>
  <si>
    <t>備考１　　「異動区分」欄については、該当する番号に○を付してください。</t>
    <rPh sb="0" eb="2">
      <t>ビコウ</t>
    </rPh>
    <rPh sb="6" eb="8">
      <t>イドウ</t>
    </rPh>
    <rPh sb="8" eb="10">
      <t>クブン</t>
    </rPh>
    <rPh sb="11" eb="12">
      <t>ラン</t>
    </rPh>
    <rPh sb="18" eb="20">
      <t>ガイトウ</t>
    </rPh>
    <rPh sb="22" eb="24">
      <t>バンゴウ</t>
    </rPh>
    <rPh sb="27" eb="28">
      <t>フ</t>
    </rPh>
    <phoneticPr fontId="6"/>
  </si>
  <si>
    <t>　　　２　　「栄養マネジメントに関わる者」には、共同で栄養ケア計画を作成している者の職種及び氏名を記入してく</t>
    <rPh sb="7" eb="9">
      <t>エイヨウ</t>
    </rPh>
    <rPh sb="16" eb="17">
      <t>カカ</t>
    </rPh>
    <rPh sb="19" eb="20">
      <t>シャ</t>
    </rPh>
    <rPh sb="24" eb="26">
      <t>キョウドウ</t>
    </rPh>
    <rPh sb="27" eb="29">
      <t>エイヨウ</t>
    </rPh>
    <rPh sb="31" eb="33">
      <t>ケイカク</t>
    </rPh>
    <rPh sb="34" eb="36">
      <t>サクセイ</t>
    </rPh>
    <rPh sb="40" eb="41">
      <t>シャ</t>
    </rPh>
    <rPh sb="42" eb="44">
      <t>ショクシュ</t>
    </rPh>
    <rPh sb="44" eb="45">
      <t>オヨ</t>
    </rPh>
    <rPh sb="46" eb="48">
      <t>シメイ</t>
    </rPh>
    <rPh sb="49" eb="51">
      <t>キニュウ</t>
    </rPh>
    <phoneticPr fontId="6"/>
  </si>
  <si>
    <t>事業所・施設の名称</t>
    <rPh sb="0" eb="3">
      <t>ジギョウショ</t>
    </rPh>
    <rPh sb="4" eb="6">
      <t>シセツ</t>
    </rPh>
    <rPh sb="7" eb="9">
      <t>メイショウ</t>
    </rPh>
    <phoneticPr fontId="6"/>
  </si>
  <si>
    <t>ださい。</t>
    <phoneticPr fontId="6"/>
  </si>
  <si>
    <t>①　新規　　　　　　　　　②　変更　　　　　　　　　　③　終了</t>
    <rPh sb="2" eb="4">
      <t>シンキ</t>
    </rPh>
    <rPh sb="15" eb="17">
      <t>ヘンコウ</t>
    </rPh>
    <rPh sb="29" eb="31">
      <t>シュウリョウ</t>
    </rPh>
    <phoneticPr fontId="6"/>
  </si>
  <si>
    <t>合計</t>
    <rPh sb="0" eb="2">
      <t>ゴウケイ</t>
    </rPh>
    <phoneticPr fontId="6"/>
  </si>
  <si>
    <t>夜勤職員配置体制加算に関する届出書</t>
    <rPh sb="0" eb="2">
      <t>ヤキン</t>
    </rPh>
    <rPh sb="2" eb="4">
      <t>ショクイン</t>
    </rPh>
    <rPh sb="4" eb="6">
      <t>ハイチ</t>
    </rPh>
    <rPh sb="6" eb="8">
      <t>タイセイ</t>
    </rPh>
    <rPh sb="8" eb="10">
      <t>カサン</t>
    </rPh>
    <rPh sb="11" eb="12">
      <t>カン</t>
    </rPh>
    <rPh sb="14" eb="16">
      <t>トドケデ</t>
    </rPh>
    <rPh sb="16" eb="17">
      <t>ショ</t>
    </rPh>
    <phoneticPr fontId="6"/>
  </si>
  <si>
    <t>２　申請する定員区分</t>
    <rPh sb="2" eb="4">
      <t>シンセイ</t>
    </rPh>
    <rPh sb="6" eb="8">
      <t>テイイン</t>
    </rPh>
    <rPh sb="8" eb="10">
      <t>クブン</t>
    </rPh>
    <phoneticPr fontId="6"/>
  </si>
  <si>
    <t>定員21人以上40人以下</t>
    <rPh sb="0" eb="2">
      <t>テイイン</t>
    </rPh>
    <rPh sb="4" eb="7">
      <t>ニンイジョウ</t>
    </rPh>
    <rPh sb="9" eb="10">
      <t>ニン</t>
    </rPh>
    <rPh sb="10" eb="12">
      <t>イカ</t>
    </rPh>
    <phoneticPr fontId="6"/>
  </si>
  <si>
    <t>定員41人以上60人以下</t>
    <rPh sb="0" eb="2">
      <t>テイイン</t>
    </rPh>
    <rPh sb="4" eb="7">
      <t>ニンイジョウ</t>
    </rPh>
    <rPh sb="9" eb="10">
      <t>ニン</t>
    </rPh>
    <rPh sb="10" eb="12">
      <t>イカ</t>
    </rPh>
    <phoneticPr fontId="6"/>
  </si>
  <si>
    <t>定員61人以上</t>
    <rPh sb="0" eb="2">
      <t>テイイン</t>
    </rPh>
    <rPh sb="4" eb="5">
      <t>ニン</t>
    </rPh>
    <rPh sb="5" eb="7">
      <t>イジョウ</t>
    </rPh>
    <phoneticPr fontId="6"/>
  </si>
  <si>
    <t>人</t>
    <rPh sb="0" eb="1">
      <t>ニン</t>
    </rPh>
    <phoneticPr fontId="6"/>
  </si>
  <si>
    <t>①　新規　　　　　　②　変更　　　　　　③　終了</t>
    <rPh sb="2" eb="4">
      <t>シンキ</t>
    </rPh>
    <rPh sb="12" eb="14">
      <t>ヘンコウ</t>
    </rPh>
    <rPh sb="22" eb="24">
      <t>シュウリョウ</t>
    </rPh>
    <phoneticPr fontId="6"/>
  </si>
  <si>
    <t>３　夜勤職員配置の状況</t>
    <rPh sb="2" eb="4">
      <t>ヤキン</t>
    </rPh>
    <rPh sb="4" eb="6">
      <t>ショクイン</t>
    </rPh>
    <rPh sb="6" eb="8">
      <t>ハイチ</t>
    </rPh>
    <rPh sb="9" eb="11">
      <t>ジョウキョウ</t>
    </rPh>
    <phoneticPr fontId="6"/>
  </si>
  <si>
    <t>　　　２　　「申請する定員区分」には、該当する番号（１～３）に○を付してください。</t>
    <rPh sb="7" eb="9">
      <t>シンセイ</t>
    </rPh>
    <rPh sb="11" eb="13">
      <t>テイイン</t>
    </rPh>
    <rPh sb="13" eb="15">
      <t>クブン</t>
    </rPh>
    <rPh sb="19" eb="21">
      <t>ガイトウ</t>
    </rPh>
    <rPh sb="23" eb="25">
      <t>バンゴウ</t>
    </rPh>
    <rPh sb="33" eb="34">
      <t>フ</t>
    </rPh>
    <phoneticPr fontId="6"/>
  </si>
  <si>
    <t>　　　３　　「夜勤職員配置の状況」には、施設入所支援を提供する時間に配置している</t>
    <rPh sb="7" eb="9">
      <t>ヤキン</t>
    </rPh>
    <rPh sb="9" eb="11">
      <t>ショクイン</t>
    </rPh>
    <rPh sb="11" eb="13">
      <t>ハイチ</t>
    </rPh>
    <rPh sb="14" eb="16">
      <t>ジョウキョウ</t>
    </rPh>
    <rPh sb="20" eb="22">
      <t>シセツ</t>
    </rPh>
    <rPh sb="22" eb="24">
      <t>ニュウショ</t>
    </rPh>
    <rPh sb="24" eb="26">
      <t>シエン</t>
    </rPh>
    <rPh sb="27" eb="29">
      <t>テイキョウ</t>
    </rPh>
    <rPh sb="31" eb="33">
      <t>ジカン</t>
    </rPh>
    <rPh sb="34" eb="36">
      <t>ハイチ</t>
    </rPh>
    <phoneticPr fontId="6"/>
  </si>
  <si>
    <t>職員の数を記載してください。</t>
  </si>
  <si>
    <t>夜間看護体制加算に関する届出書</t>
    <rPh sb="0" eb="2">
      <t>ヤカン</t>
    </rPh>
    <rPh sb="2" eb="4">
      <t>カンゴ</t>
    </rPh>
    <rPh sb="4" eb="6">
      <t>タイセイ</t>
    </rPh>
    <rPh sb="6" eb="8">
      <t>カサン</t>
    </rPh>
    <rPh sb="9" eb="10">
      <t>カン</t>
    </rPh>
    <rPh sb="12" eb="14">
      <t>トドケデ</t>
    </rPh>
    <rPh sb="14" eb="15">
      <t>ショ</t>
    </rPh>
    <phoneticPr fontId="6"/>
  </si>
  <si>
    <t>うち夜勤体制</t>
    <rPh sb="2" eb="4">
      <t>ヤキン</t>
    </rPh>
    <rPh sb="4" eb="6">
      <t>タイセイ</t>
    </rPh>
    <phoneticPr fontId="6"/>
  </si>
  <si>
    <t>人体制</t>
    <rPh sb="0" eb="1">
      <t>ニン</t>
    </rPh>
    <rPh sb="1" eb="3">
      <t>タイセイ</t>
    </rPh>
    <phoneticPr fontId="6"/>
  </si>
  <si>
    <t>看護職員の総数</t>
    <rPh sb="0" eb="2">
      <t>カンゴ</t>
    </rPh>
    <rPh sb="2" eb="4">
      <t>ショクイン</t>
    </rPh>
    <rPh sb="5" eb="7">
      <t>ソウスウ</t>
    </rPh>
    <phoneticPr fontId="6"/>
  </si>
  <si>
    <t>　　　</t>
    <phoneticPr fontId="6"/>
  </si>
  <si>
    <t>　１　事業所・施設の名称</t>
    <rPh sb="3" eb="6">
      <t>ジギョウショ</t>
    </rPh>
    <rPh sb="7" eb="9">
      <t>シセツ</t>
    </rPh>
    <rPh sb="10" eb="12">
      <t>メイショウ</t>
    </rPh>
    <phoneticPr fontId="6"/>
  </si>
  <si>
    <t>２　異動区分</t>
    <rPh sb="2" eb="4">
      <t>イドウ</t>
    </rPh>
    <rPh sb="4" eb="6">
      <t>クブン</t>
    </rPh>
    <phoneticPr fontId="6"/>
  </si>
  <si>
    <t>３　届出項目</t>
    <rPh sb="2" eb="4">
      <t>トドケデ</t>
    </rPh>
    <rPh sb="4" eb="6">
      <t>コウモク</t>
    </rPh>
    <phoneticPr fontId="6"/>
  </si>
  <si>
    <t>①</t>
    <phoneticPr fontId="6"/>
  </si>
  <si>
    <t>②</t>
    <phoneticPr fontId="6"/>
  </si>
  <si>
    <t>有・無</t>
    <rPh sb="0" eb="1">
      <t>ア</t>
    </rPh>
    <rPh sb="2" eb="3">
      <t>ナ</t>
    </rPh>
    <phoneticPr fontId="6"/>
  </si>
  <si>
    <t>①のうち常勤の者の数</t>
    <rPh sb="4" eb="6">
      <t>ジョウキン</t>
    </rPh>
    <rPh sb="7" eb="8">
      <t>モノ</t>
    </rPh>
    <rPh sb="9" eb="10">
      <t>カズ</t>
    </rPh>
    <phoneticPr fontId="6"/>
  </si>
  <si>
    <t>　４　社会福祉士等の状況</t>
    <rPh sb="3" eb="5">
      <t>シャカイ</t>
    </rPh>
    <rPh sb="5" eb="7">
      <t>フクシ</t>
    </rPh>
    <rPh sb="7" eb="8">
      <t>シ</t>
    </rPh>
    <rPh sb="8" eb="9">
      <t>トウ</t>
    </rPh>
    <rPh sb="10" eb="12">
      <t>ジョウキョウ</t>
    </rPh>
    <phoneticPr fontId="6"/>
  </si>
  <si>
    <t>①に占める②の割合が
７５％以上</t>
    <rPh sb="2" eb="3">
      <t>シ</t>
    </rPh>
    <rPh sb="7" eb="9">
      <t>ワリアイ</t>
    </rPh>
    <rPh sb="14" eb="16">
      <t>イジョウ</t>
    </rPh>
    <phoneticPr fontId="6"/>
  </si>
  <si>
    <t>　５　常勤職員の状況</t>
    <rPh sb="3" eb="5">
      <t>ジョウキン</t>
    </rPh>
    <rPh sb="5" eb="7">
      <t>ショクイン</t>
    </rPh>
    <rPh sb="8" eb="10">
      <t>ジョウキョウ</t>
    </rPh>
    <phoneticPr fontId="6"/>
  </si>
  <si>
    <t>　６　勤続年数の状況</t>
    <rPh sb="3" eb="5">
      <t>キンゾク</t>
    </rPh>
    <rPh sb="5" eb="7">
      <t>ネンスウ</t>
    </rPh>
    <rPh sb="8" eb="10">
      <t>ジョウキョウ</t>
    </rPh>
    <phoneticPr fontId="6"/>
  </si>
  <si>
    <t>①のうち勤続年数３年以上の者の数</t>
    <rPh sb="4" eb="6">
      <t>キンゾク</t>
    </rPh>
    <rPh sb="6" eb="8">
      <t>ネンスウ</t>
    </rPh>
    <rPh sb="9" eb="10">
      <t>ネン</t>
    </rPh>
    <rPh sb="10" eb="12">
      <t>イジョウ</t>
    </rPh>
    <rPh sb="13" eb="14">
      <t>シャ</t>
    </rPh>
    <rPh sb="15" eb="16">
      <t>カズ</t>
    </rPh>
    <phoneticPr fontId="6"/>
  </si>
  <si>
    <t>①に占める②の割合が
３０％以上</t>
    <rPh sb="2" eb="3">
      <t>シ</t>
    </rPh>
    <rPh sb="7" eb="9">
      <t>ワリアイ</t>
    </rPh>
    <rPh sb="14" eb="16">
      <t>イジョウ</t>
    </rPh>
    <phoneticPr fontId="6"/>
  </si>
  <si>
    <t>生活支援員等の総数
（常勤）</t>
    <rPh sb="0" eb="2">
      <t>セイカツ</t>
    </rPh>
    <rPh sb="2" eb="4">
      <t>シエン</t>
    </rPh>
    <rPh sb="4" eb="5">
      <t>イン</t>
    </rPh>
    <rPh sb="5" eb="6">
      <t>トウ</t>
    </rPh>
    <rPh sb="7" eb="9">
      <t>ソウスウ</t>
    </rPh>
    <rPh sb="11" eb="13">
      <t>ジョウキン</t>
    </rPh>
    <phoneticPr fontId="6"/>
  </si>
  <si>
    <t>①のうち社会福祉士等
の総数（常勤）</t>
    <rPh sb="4" eb="6">
      <t>シャカイ</t>
    </rPh>
    <rPh sb="6" eb="8">
      <t>フクシ</t>
    </rPh>
    <rPh sb="8" eb="9">
      <t>シ</t>
    </rPh>
    <rPh sb="9" eb="10">
      <t>トウ</t>
    </rPh>
    <rPh sb="12" eb="14">
      <t>ソウスウ</t>
    </rPh>
    <rPh sb="15" eb="17">
      <t>ジョウキン</t>
    </rPh>
    <phoneticPr fontId="6"/>
  </si>
  <si>
    <t>生活支援員等の総数
（常勤換算）</t>
    <rPh sb="0" eb="2">
      <t>セイカツ</t>
    </rPh>
    <rPh sb="2" eb="4">
      <t>シエン</t>
    </rPh>
    <rPh sb="4" eb="5">
      <t>イン</t>
    </rPh>
    <rPh sb="5" eb="6">
      <t>トウ</t>
    </rPh>
    <rPh sb="7" eb="9">
      <t>ソウスウ</t>
    </rPh>
    <rPh sb="11" eb="13">
      <t>ジョウキン</t>
    </rPh>
    <rPh sb="13" eb="15">
      <t>カンザン</t>
    </rPh>
    <phoneticPr fontId="6"/>
  </si>
  <si>
    <t>備考１　「異動区分」、「届出項目」欄については、該当する番号に○を付してください。</t>
    <rPh sb="0" eb="2">
      <t>ビコウ</t>
    </rPh>
    <rPh sb="5" eb="7">
      <t>イドウ</t>
    </rPh>
    <rPh sb="7" eb="9">
      <t>クブン</t>
    </rPh>
    <rPh sb="12" eb="14">
      <t>トドケデ</t>
    </rPh>
    <rPh sb="14" eb="16">
      <t>コウモク</t>
    </rPh>
    <rPh sb="17" eb="18">
      <t>ラン</t>
    </rPh>
    <rPh sb="24" eb="26">
      <t>ガイトウ</t>
    </rPh>
    <rPh sb="28" eb="30">
      <t>バンゴウ</t>
    </rPh>
    <rPh sb="33" eb="34">
      <t>フ</t>
    </rPh>
    <phoneticPr fontId="6"/>
  </si>
  <si>
    <t>　　３　ここでいう生活支援員等とは、</t>
    <rPh sb="9" eb="11">
      <t>セイカツ</t>
    </rPh>
    <rPh sb="11" eb="13">
      <t>シエン</t>
    </rPh>
    <rPh sb="13" eb="14">
      <t>イン</t>
    </rPh>
    <rPh sb="14" eb="15">
      <t>トウ</t>
    </rPh>
    <phoneticPr fontId="6"/>
  </si>
  <si>
    <t>　　　○就労移行支援にあっては、職業指導員、生活支援員又は就労支援員</t>
    <rPh sb="4" eb="6">
      <t>シュウロウ</t>
    </rPh>
    <rPh sb="6" eb="8">
      <t>イコウ</t>
    </rPh>
    <rPh sb="8" eb="10">
      <t>シエン</t>
    </rPh>
    <rPh sb="16" eb="18">
      <t>ショクギョウ</t>
    </rPh>
    <rPh sb="18" eb="21">
      <t>シドウイン</t>
    </rPh>
    <rPh sb="22" eb="24">
      <t>セイカツ</t>
    </rPh>
    <rPh sb="24" eb="26">
      <t>シエン</t>
    </rPh>
    <rPh sb="26" eb="27">
      <t>イン</t>
    </rPh>
    <rPh sb="27" eb="28">
      <t>マタ</t>
    </rPh>
    <rPh sb="29" eb="31">
      <t>シュウロウ</t>
    </rPh>
    <rPh sb="31" eb="33">
      <t>シエン</t>
    </rPh>
    <rPh sb="33" eb="34">
      <t>イン</t>
    </rPh>
    <phoneticPr fontId="6"/>
  </si>
  <si>
    <t>　　　○就労継続支援Ａ型・Ｂ型にあっては、職業指導員又は生活支援員</t>
    <rPh sb="4" eb="6">
      <t>シュウロウ</t>
    </rPh>
    <rPh sb="6" eb="8">
      <t>ケイゾク</t>
    </rPh>
    <rPh sb="8" eb="10">
      <t>シエン</t>
    </rPh>
    <rPh sb="11" eb="12">
      <t>ガタ</t>
    </rPh>
    <rPh sb="14" eb="15">
      <t>ガタ</t>
    </rPh>
    <rPh sb="21" eb="23">
      <t>ショクギョウ</t>
    </rPh>
    <rPh sb="23" eb="26">
      <t>シドウイン</t>
    </rPh>
    <rPh sb="26" eb="27">
      <t>マタ</t>
    </rPh>
    <rPh sb="28" eb="30">
      <t>セイカツ</t>
    </rPh>
    <rPh sb="30" eb="32">
      <t>シエン</t>
    </rPh>
    <rPh sb="32" eb="33">
      <t>イン</t>
    </rPh>
    <phoneticPr fontId="6"/>
  </si>
  <si>
    <t>特定事業所加算に係る届出書（居宅介護事業所）</t>
    <rPh sb="0" eb="2">
      <t>トクテイ</t>
    </rPh>
    <rPh sb="2" eb="5">
      <t>ジギョウショ</t>
    </rPh>
    <rPh sb="5" eb="7">
      <t>カサン</t>
    </rPh>
    <rPh sb="8" eb="9">
      <t>カカ</t>
    </rPh>
    <rPh sb="10" eb="13">
      <t>トドケデショ</t>
    </rPh>
    <rPh sb="14" eb="16">
      <t>キョタク</t>
    </rPh>
    <rPh sb="16" eb="18">
      <t>カイゴ</t>
    </rPh>
    <rPh sb="18" eb="21">
      <t>ジギョウショ</t>
    </rPh>
    <phoneticPr fontId="6"/>
  </si>
  <si>
    <t>事 業 所 名</t>
    <rPh sb="0" eb="1">
      <t>コト</t>
    </rPh>
    <rPh sb="2" eb="3">
      <t>ギョウ</t>
    </rPh>
    <rPh sb="4" eb="5">
      <t>ショ</t>
    </rPh>
    <rPh sb="6" eb="7">
      <t>メイ</t>
    </rPh>
    <phoneticPr fontId="6"/>
  </si>
  <si>
    <t>　〔　体　制　要　件　〕</t>
    <rPh sb="3" eb="4">
      <t>カラダ</t>
    </rPh>
    <rPh sb="5" eb="6">
      <t>セイ</t>
    </rPh>
    <rPh sb="7" eb="8">
      <t>ヨウ</t>
    </rPh>
    <rPh sb="9" eb="10">
      <t>ケン</t>
    </rPh>
    <phoneticPr fontId="6"/>
  </si>
  <si>
    <t>　〔　人　材　要　件　〕　</t>
    <rPh sb="3" eb="4">
      <t>ジン</t>
    </rPh>
    <rPh sb="5" eb="6">
      <t>ザイ</t>
    </rPh>
    <rPh sb="7" eb="8">
      <t>ヨウ</t>
    </rPh>
    <rPh sb="9" eb="10">
      <t>ケン</t>
    </rPh>
    <phoneticPr fontId="6"/>
  </si>
  <si>
    <t>常勤換算
職員数</t>
    <rPh sb="0" eb="2">
      <t>ジョウキン</t>
    </rPh>
    <rPh sb="2" eb="4">
      <t>カンサン</t>
    </rPh>
    <rPh sb="5" eb="7">
      <t>ショクイン</t>
    </rPh>
    <rPh sb="7" eb="8">
      <t>スウ</t>
    </rPh>
    <phoneticPr fontId="6"/>
  </si>
  <si>
    <t>サービス
提供時間</t>
    <rPh sb="5" eb="7">
      <t>テイキョウ</t>
    </rPh>
    <rPh sb="7" eb="9">
      <t>ジカン</t>
    </rPh>
    <phoneticPr fontId="6"/>
  </si>
  <si>
    <t>居宅介護従業者の総数</t>
    <rPh sb="0" eb="2">
      <t>キョタク</t>
    </rPh>
    <rPh sb="2" eb="4">
      <t>カイゴ</t>
    </rPh>
    <rPh sb="4" eb="7">
      <t>ジュウギョウシャ</t>
    </rPh>
    <rPh sb="8" eb="10">
      <t>ソウスウ</t>
    </rPh>
    <phoneticPr fontId="6"/>
  </si>
  <si>
    <t>時間</t>
    <rPh sb="0" eb="2">
      <t>ジカン</t>
    </rPh>
    <phoneticPr fontId="6"/>
  </si>
  <si>
    <t>(2)</t>
  </si>
  <si>
    <t>(3)</t>
  </si>
  <si>
    <t>月延べサービス提供時間</t>
    <rPh sb="0" eb="1">
      <t>ツキ</t>
    </rPh>
    <rPh sb="1" eb="2">
      <t>ノ</t>
    </rPh>
    <rPh sb="7" eb="9">
      <t>テイキョウ</t>
    </rPh>
    <rPh sb="9" eb="11">
      <t>ジカン</t>
    </rPh>
    <phoneticPr fontId="6"/>
  </si>
  <si>
    <t>居宅介護従業者の数</t>
    <rPh sb="0" eb="2">
      <t>キョタク</t>
    </rPh>
    <rPh sb="2" eb="4">
      <t>カイゴ</t>
    </rPh>
    <rPh sb="4" eb="7">
      <t>ジュウギョウシャ</t>
    </rPh>
    <rPh sb="8" eb="9">
      <t>スウ</t>
    </rPh>
    <phoneticPr fontId="6"/>
  </si>
  <si>
    <t>職員数</t>
    <rPh sb="0" eb="3">
      <t>ショクインスウ</t>
    </rPh>
    <phoneticPr fontId="6"/>
  </si>
  <si>
    <t>常勤換算職員数</t>
    <rPh sb="0" eb="2">
      <t>ジョウキン</t>
    </rPh>
    <rPh sb="2" eb="4">
      <t>カンサン</t>
    </rPh>
    <rPh sb="4" eb="7">
      <t>ショクインスウ</t>
    </rPh>
    <phoneticPr fontId="6"/>
  </si>
  <si>
    <t>サービス提供責任者</t>
    <rPh sb="4" eb="6">
      <t>テイキョウ</t>
    </rPh>
    <rPh sb="6" eb="9">
      <t>セキニンシャ</t>
    </rPh>
    <phoneticPr fontId="6"/>
  </si>
  <si>
    <t>　〔 重 度 障 害 者 対 応 要 件 〕</t>
    <rPh sb="3" eb="4">
      <t>シゲル</t>
    </rPh>
    <rPh sb="5" eb="6">
      <t>ド</t>
    </rPh>
    <rPh sb="7" eb="8">
      <t>サワ</t>
    </rPh>
    <rPh sb="9" eb="10">
      <t>ガイ</t>
    </rPh>
    <rPh sb="11" eb="12">
      <t>シャ</t>
    </rPh>
    <rPh sb="13" eb="14">
      <t>タイ</t>
    </rPh>
    <rPh sb="15" eb="16">
      <t>オウ</t>
    </rPh>
    <rPh sb="17" eb="18">
      <t>ヨウ</t>
    </rPh>
    <rPh sb="19" eb="20">
      <t>ケン</t>
    </rPh>
    <phoneticPr fontId="6"/>
  </si>
  <si>
    <t>③</t>
    <phoneticPr fontId="6"/>
  </si>
  <si>
    <t>特定事業所加算に係る届出書（重度訪問介護事業所）</t>
    <rPh sb="0" eb="2">
      <t>トクテイ</t>
    </rPh>
    <rPh sb="2" eb="5">
      <t>ジギョウショ</t>
    </rPh>
    <rPh sb="5" eb="7">
      <t>カサン</t>
    </rPh>
    <rPh sb="8" eb="9">
      <t>カカ</t>
    </rPh>
    <rPh sb="10" eb="13">
      <t>トドケデショ</t>
    </rPh>
    <rPh sb="14" eb="16">
      <t>ジュウド</t>
    </rPh>
    <rPh sb="16" eb="18">
      <t>ホウモン</t>
    </rPh>
    <rPh sb="18" eb="20">
      <t>カイゴ</t>
    </rPh>
    <rPh sb="20" eb="23">
      <t>ジギョウショ</t>
    </rPh>
    <phoneticPr fontId="6"/>
  </si>
  <si>
    <t>重度訪問介護従業者の総数</t>
    <rPh sb="0" eb="2">
      <t>ジュウド</t>
    </rPh>
    <rPh sb="2" eb="4">
      <t>ホウモン</t>
    </rPh>
    <rPh sb="4" eb="6">
      <t>カイゴ</t>
    </rPh>
    <rPh sb="6" eb="9">
      <t>ジュウギョウシャ</t>
    </rPh>
    <rPh sb="10" eb="12">
      <t>ソウスウ</t>
    </rPh>
    <phoneticPr fontId="6"/>
  </si>
  <si>
    <t>前年度又は前３月の期間におけるサービス提供時間のうち、常勤の重度訪問介護従業者によるサービス提供の総時間数</t>
    <rPh sb="0" eb="3">
      <t>ゼンネンド</t>
    </rPh>
    <rPh sb="3" eb="4">
      <t>マタ</t>
    </rPh>
    <rPh sb="5" eb="6">
      <t>ゼン</t>
    </rPh>
    <rPh sb="7" eb="8">
      <t>ツキ</t>
    </rPh>
    <rPh sb="9" eb="11">
      <t>キカン</t>
    </rPh>
    <rPh sb="19" eb="21">
      <t>テイキョウ</t>
    </rPh>
    <rPh sb="21" eb="23">
      <t>ジカン</t>
    </rPh>
    <rPh sb="27" eb="29">
      <t>ジョウキン</t>
    </rPh>
    <rPh sb="30" eb="32">
      <t>ジュウド</t>
    </rPh>
    <rPh sb="32" eb="34">
      <t>ホウモン</t>
    </rPh>
    <rPh sb="34" eb="36">
      <t>カイゴ</t>
    </rPh>
    <rPh sb="36" eb="39">
      <t>ジュウギョウシャ</t>
    </rPh>
    <rPh sb="46" eb="48">
      <t>テイキョウ</t>
    </rPh>
    <rPh sb="49" eb="50">
      <t>ソウ</t>
    </rPh>
    <rPh sb="50" eb="52">
      <t>ジカン</t>
    </rPh>
    <rPh sb="52" eb="53">
      <t>スウ</t>
    </rPh>
    <phoneticPr fontId="6"/>
  </si>
  <si>
    <t>重度訪問介護従業者の数</t>
    <rPh sb="0" eb="2">
      <t>ジュウド</t>
    </rPh>
    <rPh sb="2" eb="4">
      <t>ホウモン</t>
    </rPh>
    <rPh sb="4" eb="6">
      <t>カイゴ</t>
    </rPh>
    <rPh sb="6" eb="9">
      <t>ジュウギョウシャ</t>
    </rPh>
    <rPh sb="10" eb="11">
      <t>スウ</t>
    </rPh>
    <phoneticPr fontId="6"/>
  </si>
  <si>
    <t>サービス
提供責任者</t>
    <rPh sb="5" eb="6">
      <t>ツツミ</t>
    </rPh>
    <rPh sb="6" eb="7">
      <t>トモ</t>
    </rPh>
    <rPh sb="7" eb="10">
      <t>セキニンシャ</t>
    </rPh>
    <phoneticPr fontId="6"/>
  </si>
  <si>
    <t>特定事業所加算に係る届出書（行動援護事業所）</t>
    <rPh sb="0" eb="2">
      <t>トクテイ</t>
    </rPh>
    <rPh sb="2" eb="5">
      <t>ジギョウショ</t>
    </rPh>
    <rPh sb="5" eb="7">
      <t>カサン</t>
    </rPh>
    <rPh sb="8" eb="9">
      <t>カカ</t>
    </rPh>
    <rPh sb="10" eb="13">
      <t>トドケデショ</t>
    </rPh>
    <rPh sb="14" eb="18">
      <t>コウドウエンゴ</t>
    </rPh>
    <rPh sb="18" eb="21">
      <t>ジギョウショ</t>
    </rPh>
    <phoneticPr fontId="6"/>
  </si>
  <si>
    <t>行動援護従業者の総数</t>
    <rPh sb="0" eb="4">
      <t>コウドウエンゴ</t>
    </rPh>
    <rPh sb="4" eb="7">
      <t>ジュウギョウシャ</t>
    </rPh>
    <rPh sb="8" eb="10">
      <t>ソウスウ</t>
    </rPh>
    <phoneticPr fontId="6"/>
  </si>
  <si>
    <t>前年度又は前３月の期間におけるサービス提供時間のうち、常勤の行動援護従業者によるサービス提供の総時間数</t>
    <rPh sb="0" eb="3">
      <t>ゼンネンド</t>
    </rPh>
    <rPh sb="3" eb="4">
      <t>マタ</t>
    </rPh>
    <rPh sb="5" eb="6">
      <t>ゼン</t>
    </rPh>
    <rPh sb="7" eb="8">
      <t>ツキ</t>
    </rPh>
    <rPh sb="9" eb="11">
      <t>キカン</t>
    </rPh>
    <rPh sb="19" eb="21">
      <t>テイキョウ</t>
    </rPh>
    <rPh sb="21" eb="23">
      <t>ジカン</t>
    </rPh>
    <rPh sb="27" eb="29">
      <t>ジョウキン</t>
    </rPh>
    <rPh sb="30" eb="34">
      <t>コウドウエンゴ</t>
    </rPh>
    <rPh sb="34" eb="37">
      <t>ジュウギョウシャ</t>
    </rPh>
    <rPh sb="44" eb="46">
      <t>テイキョウ</t>
    </rPh>
    <rPh sb="47" eb="48">
      <t>ソウ</t>
    </rPh>
    <rPh sb="48" eb="50">
      <t>ジカン</t>
    </rPh>
    <rPh sb="50" eb="51">
      <t>スウ</t>
    </rPh>
    <phoneticPr fontId="6"/>
  </si>
  <si>
    <t>行動援護従業者の数</t>
    <rPh sb="0" eb="4">
      <t>コウドウエンゴ</t>
    </rPh>
    <rPh sb="4" eb="7">
      <t>ジュウギョウシャ</t>
    </rPh>
    <rPh sb="8" eb="9">
      <t>スウ</t>
    </rPh>
    <phoneticPr fontId="6"/>
  </si>
  <si>
    <t>事業所の所在地</t>
    <rPh sb="0" eb="3">
      <t>ジギョウショ</t>
    </rPh>
    <rPh sb="4" eb="7">
      <t>ショザイチ</t>
    </rPh>
    <phoneticPr fontId="6"/>
  </si>
  <si>
    <t>連絡先</t>
    <rPh sb="0" eb="3">
      <t>レンラクサキ</t>
    </rPh>
    <phoneticPr fontId="6"/>
  </si>
  <si>
    <t>電話番号</t>
    <rPh sb="0" eb="2">
      <t>デンワ</t>
    </rPh>
    <rPh sb="2" eb="4">
      <t>バンゴウ</t>
    </rPh>
    <phoneticPr fontId="6"/>
  </si>
  <si>
    <t>担当者名</t>
    <rPh sb="0" eb="4">
      <t>タントウシャメイ</t>
    </rPh>
    <phoneticPr fontId="6"/>
  </si>
  <si>
    <t>ＦＡＸ番号</t>
    <rPh sb="3" eb="5">
      <t>バンゴウ</t>
    </rPh>
    <phoneticPr fontId="6"/>
  </si>
  <si>
    <t>その他</t>
    <rPh sb="2" eb="3">
      <t>タ</t>
    </rPh>
    <phoneticPr fontId="6"/>
  </si>
  <si>
    <t>地域移行支援体制強化加算及び通勤者生活支援加算に係る体制</t>
    <rPh sb="0" eb="2">
      <t>チイキ</t>
    </rPh>
    <rPh sb="2" eb="4">
      <t>イコウ</t>
    </rPh>
    <rPh sb="4" eb="6">
      <t>シエン</t>
    </rPh>
    <rPh sb="6" eb="8">
      <t>タイセイ</t>
    </rPh>
    <rPh sb="8" eb="10">
      <t>キョウカ</t>
    </rPh>
    <rPh sb="10" eb="12">
      <t>カサン</t>
    </rPh>
    <rPh sb="12" eb="13">
      <t>オヨ</t>
    </rPh>
    <rPh sb="14" eb="17">
      <t>ツウキンシャ</t>
    </rPh>
    <rPh sb="17" eb="19">
      <t>セイカツ</t>
    </rPh>
    <rPh sb="19" eb="21">
      <t>シエン</t>
    </rPh>
    <rPh sb="21" eb="23">
      <t>カサン</t>
    </rPh>
    <rPh sb="24" eb="25">
      <t>カカ</t>
    </rPh>
    <rPh sb="26" eb="28">
      <t>タイセイ</t>
    </rPh>
    <phoneticPr fontId="6"/>
  </si>
  <si>
    <t>事業所の名称</t>
    <rPh sb="0" eb="3">
      <t>ジギョウショ</t>
    </rPh>
    <rPh sb="4" eb="6">
      <t>メイショウ</t>
    </rPh>
    <phoneticPr fontId="6"/>
  </si>
  <si>
    <t>連絡先</t>
    <rPh sb="0" eb="2">
      <t>レンラク</t>
    </rPh>
    <rPh sb="2" eb="3">
      <t>サキ</t>
    </rPh>
    <phoneticPr fontId="6"/>
  </si>
  <si>
    <t>担当者名</t>
    <rPh sb="0" eb="3">
      <t>タントウシャ</t>
    </rPh>
    <rPh sb="3" eb="4">
      <t>メイ</t>
    </rPh>
    <phoneticPr fontId="6"/>
  </si>
  <si>
    <t>FAX番号</t>
    <rPh sb="3" eb="5">
      <t>バンゴウ</t>
    </rPh>
    <phoneticPr fontId="6"/>
  </si>
  <si>
    <t>前年度の平均利用者数（人）</t>
    <phoneticPr fontId="6"/>
  </si>
  <si>
    <t>地域移行支援に係る体制</t>
    <rPh sb="0" eb="2">
      <t>チイキ</t>
    </rPh>
    <rPh sb="2" eb="4">
      <t>イコウ</t>
    </rPh>
    <rPh sb="4" eb="6">
      <t>シエン</t>
    </rPh>
    <rPh sb="7" eb="8">
      <t>カカ</t>
    </rPh>
    <rPh sb="9" eb="11">
      <t>タイセイ</t>
    </rPh>
    <phoneticPr fontId="6"/>
  </si>
  <si>
    <t>従業者の職種・員数　　</t>
    <rPh sb="0" eb="3">
      <t>ジュウギョウシャ</t>
    </rPh>
    <rPh sb="4" eb="6">
      <t>ショクシュ</t>
    </rPh>
    <rPh sb="7" eb="9">
      <t>インスウ</t>
    </rPh>
    <phoneticPr fontId="6"/>
  </si>
  <si>
    <t>地域移行支援員</t>
    <rPh sb="0" eb="2">
      <t>チイキ</t>
    </rPh>
    <rPh sb="2" eb="4">
      <t>イコウ</t>
    </rPh>
    <rPh sb="4" eb="7">
      <t>シエンイン</t>
    </rPh>
    <phoneticPr fontId="6"/>
  </si>
  <si>
    <t>従業者数</t>
    <phoneticPr fontId="6"/>
  </si>
  <si>
    <t>常　 勤（人）</t>
    <phoneticPr fontId="6"/>
  </si>
  <si>
    <t>非常勤（人）</t>
    <phoneticPr fontId="6"/>
  </si>
  <si>
    <t>常勤換算後の人数（人）</t>
    <phoneticPr fontId="6"/>
  </si>
  <si>
    <t>加算算定上の必要人数（人）</t>
    <phoneticPr fontId="6"/>
  </si>
  <si>
    <t>通勤者生活支援に係る体制</t>
    <rPh sb="0" eb="3">
      <t>ツウキンシャ</t>
    </rPh>
    <rPh sb="3" eb="5">
      <t>セイカツ</t>
    </rPh>
    <rPh sb="5" eb="7">
      <t>シエン</t>
    </rPh>
    <rPh sb="8" eb="9">
      <t>カカ</t>
    </rPh>
    <rPh sb="10" eb="12">
      <t>タイセイ</t>
    </rPh>
    <phoneticPr fontId="6"/>
  </si>
  <si>
    <t>前年度の平均利用者数のうち７０％（人）</t>
    <rPh sb="0" eb="3">
      <t>ゼンネンド</t>
    </rPh>
    <rPh sb="4" eb="6">
      <t>ヘイキン</t>
    </rPh>
    <rPh sb="6" eb="9">
      <t>リヨウシャ</t>
    </rPh>
    <rPh sb="9" eb="10">
      <t>スウ</t>
    </rPh>
    <phoneticPr fontId="6"/>
  </si>
  <si>
    <t>氏　　名</t>
    <rPh sb="0" eb="1">
      <t>シ</t>
    </rPh>
    <rPh sb="3" eb="4">
      <t>メイ</t>
    </rPh>
    <phoneticPr fontId="6"/>
  </si>
  <si>
    <t>雇用されている事業所名</t>
    <phoneticPr fontId="6"/>
  </si>
  <si>
    <t>異動区分</t>
    <rPh sb="0" eb="2">
      <t>イドウ</t>
    </rPh>
    <rPh sb="2" eb="4">
      <t>クブン</t>
    </rPh>
    <phoneticPr fontId="6"/>
  </si>
  <si>
    <t>実務経験及び研修証明書</t>
    <rPh sb="0" eb="2">
      <t>ジツム</t>
    </rPh>
    <rPh sb="2" eb="4">
      <t>ケイケン</t>
    </rPh>
    <rPh sb="4" eb="5">
      <t>オヨ</t>
    </rPh>
    <rPh sb="6" eb="8">
      <t>ケンシュウ</t>
    </rPh>
    <rPh sb="8" eb="11">
      <t>ショウメイショ</t>
    </rPh>
    <phoneticPr fontId="6"/>
  </si>
  <si>
    <t>番　　　　　　　　号</t>
    <rPh sb="0" eb="1">
      <t>バン</t>
    </rPh>
    <rPh sb="9" eb="10">
      <t>ゴウ</t>
    </rPh>
    <phoneticPr fontId="6"/>
  </si>
  <si>
    <t>様</t>
    <rPh sb="0" eb="1">
      <t>サマ</t>
    </rPh>
    <phoneticPr fontId="6"/>
  </si>
  <si>
    <t>施設又は事業所所在地及び名称</t>
    <rPh sb="0" eb="2">
      <t>シセツ</t>
    </rPh>
    <rPh sb="2" eb="3">
      <t>マタ</t>
    </rPh>
    <rPh sb="4" eb="7">
      <t>ジギョウショ</t>
    </rPh>
    <rPh sb="7" eb="10">
      <t>ショザイチ</t>
    </rPh>
    <rPh sb="10" eb="11">
      <t>オヨ</t>
    </rPh>
    <rPh sb="12" eb="14">
      <t>メイショウ</t>
    </rPh>
    <phoneticPr fontId="6"/>
  </si>
  <si>
    <t>代表者氏名</t>
    <rPh sb="0" eb="3">
      <t>ダイヒョウシャ</t>
    </rPh>
    <rPh sb="3" eb="5">
      <t>シメイ</t>
    </rPh>
    <phoneticPr fontId="6"/>
  </si>
  <si>
    <t>　　　　　　　　印</t>
    <rPh sb="8" eb="9">
      <t>イン</t>
    </rPh>
    <phoneticPr fontId="6"/>
  </si>
  <si>
    <t>　　　下記の者の就労支援の実務経験又は研修は以下のとおりであることを証明します。</t>
    <rPh sb="3" eb="5">
      <t>カキ</t>
    </rPh>
    <rPh sb="6" eb="7">
      <t>モノ</t>
    </rPh>
    <rPh sb="8" eb="10">
      <t>シュウロウ</t>
    </rPh>
    <rPh sb="10" eb="12">
      <t>シエン</t>
    </rPh>
    <rPh sb="13" eb="15">
      <t>ジツム</t>
    </rPh>
    <rPh sb="15" eb="17">
      <t>ケイケン</t>
    </rPh>
    <rPh sb="17" eb="18">
      <t>マタ</t>
    </rPh>
    <rPh sb="19" eb="21">
      <t>ケンシュウ</t>
    </rPh>
    <rPh sb="22" eb="24">
      <t>イカ</t>
    </rPh>
    <rPh sb="34" eb="36">
      <t>ショウメイ</t>
    </rPh>
    <phoneticPr fontId="6"/>
  </si>
  <si>
    <t>氏名　</t>
    <rPh sb="0" eb="2">
      <t>シメイ</t>
    </rPh>
    <phoneticPr fontId="6"/>
  </si>
  <si>
    <t>　　　　　　　　　　　　　　　　　　　　　　　　　　　　　　　　　　　　　　（生年月日　　　　年　　　　　　月　　　　　　日）</t>
    <rPh sb="39" eb="41">
      <t>セイネン</t>
    </rPh>
    <rPh sb="41" eb="43">
      <t>ガッピ</t>
    </rPh>
    <rPh sb="47" eb="48">
      <t>ネン</t>
    </rPh>
    <rPh sb="54" eb="55">
      <t>ガツ</t>
    </rPh>
    <rPh sb="61" eb="62">
      <t>ニチ</t>
    </rPh>
    <phoneticPr fontId="6"/>
  </si>
  <si>
    <t>現住所</t>
    <rPh sb="0" eb="3">
      <t>ゲンジュウショ</t>
    </rPh>
    <phoneticPr fontId="6"/>
  </si>
  <si>
    <t>実務経験の施設又は
事業所名</t>
    <rPh sb="0" eb="2">
      <t>ジツム</t>
    </rPh>
    <rPh sb="2" eb="4">
      <t>ケイケン</t>
    </rPh>
    <rPh sb="5" eb="7">
      <t>シセツ</t>
    </rPh>
    <rPh sb="7" eb="8">
      <t>マタ</t>
    </rPh>
    <rPh sb="10" eb="13">
      <t>ジギョウショ</t>
    </rPh>
    <rPh sb="13" eb="14">
      <t>メイ</t>
    </rPh>
    <phoneticPr fontId="6"/>
  </si>
  <si>
    <t>施設・事業所の種別　（　　　　　　　　　　　　　　　　　　　　　　　　　　　　　　　　）</t>
    <rPh sb="0" eb="2">
      <t>シセツ</t>
    </rPh>
    <rPh sb="3" eb="6">
      <t>ジギョウショ</t>
    </rPh>
    <rPh sb="7" eb="9">
      <t>シュベツ</t>
    </rPh>
    <phoneticPr fontId="6"/>
  </si>
  <si>
    <t>実務経験期間</t>
    <rPh sb="0" eb="2">
      <t>ジツム</t>
    </rPh>
    <rPh sb="2" eb="4">
      <t>ケイケン</t>
    </rPh>
    <rPh sb="4" eb="6">
      <t>キカン</t>
    </rPh>
    <phoneticPr fontId="6"/>
  </si>
  <si>
    <t>　　　　　　年　　　　月　　　　　日～　　　　　　　　年　　　　　　月　　　　　　日（　　　　年　　　　　月間）</t>
    <rPh sb="6" eb="7">
      <t>ネン</t>
    </rPh>
    <rPh sb="11" eb="12">
      <t>ガツ</t>
    </rPh>
    <rPh sb="17" eb="18">
      <t>ニチ</t>
    </rPh>
    <rPh sb="27" eb="28">
      <t>ネン</t>
    </rPh>
    <rPh sb="34" eb="35">
      <t>ガツ</t>
    </rPh>
    <rPh sb="41" eb="42">
      <t>ニチ</t>
    </rPh>
    <rPh sb="47" eb="48">
      <t>ネン</t>
    </rPh>
    <rPh sb="53" eb="54">
      <t>ガツ</t>
    </rPh>
    <rPh sb="54" eb="55">
      <t>カン</t>
    </rPh>
    <phoneticPr fontId="6"/>
  </si>
  <si>
    <t>業務内容</t>
    <rPh sb="0" eb="2">
      <t>ギョウム</t>
    </rPh>
    <rPh sb="2" eb="4">
      <t>ナイヨウ</t>
    </rPh>
    <phoneticPr fontId="6"/>
  </si>
  <si>
    <t>職名（　　　　　　　　　　　　　　　　　）</t>
    <rPh sb="0" eb="2">
      <t>ショクメイ</t>
    </rPh>
    <phoneticPr fontId="6"/>
  </si>
  <si>
    <t>研修名</t>
    <rPh sb="0" eb="2">
      <t>ケンシュウ</t>
    </rPh>
    <rPh sb="2" eb="3">
      <t>メイ</t>
    </rPh>
    <phoneticPr fontId="6"/>
  </si>
  <si>
    <t>研修修了年月日</t>
    <rPh sb="0" eb="2">
      <t>ケンシュウ</t>
    </rPh>
    <rPh sb="2" eb="4">
      <t>シュウリョウ</t>
    </rPh>
    <rPh sb="4" eb="7">
      <t>ネンガッピ</t>
    </rPh>
    <phoneticPr fontId="6"/>
  </si>
  <si>
    <t>　　　　　　　　　　年　　　　　　月　　　　　　日</t>
    <rPh sb="10" eb="11">
      <t>ネン</t>
    </rPh>
    <rPh sb="17" eb="18">
      <t>ガツ</t>
    </rPh>
    <rPh sb="24" eb="25">
      <t>ニチ</t>
    </rPh>
    <phoneticPr fontId="6"/>
  </si>
  <si>
    <t>　　　　　３．　業務内容欄は、本来業務について、施設における就労支援に関する業務を具体的に記入すること。</t>
    <rPh sb="8" eb="10">
      <t>ギョウム</t>
    </rPh>
    <rPh sb="10" eb="12">
      <t>ナイヨウ</t>
    </rPh>
    <rPh sb="12" eb="13">
      <t>ラン</t>
    </rPh>
    <rPh sb="15" eb="17">
      <t>ホンライ</t>
    </rPh>
    <rPh sb="17" eb="19">
      <t>ギョウム</t>
    </rPh>
    <rPh sb="24" eb="26">
      <t>シセツ</t>
    </rPh>
    <rPh sb="30" eb="32">
      <t>シュウロウ</t>
    </rPh>
    <rPh sb="32" eb="34">
      <t>シエン</t>
    </rPh>
    <rPh sb="35" eb="36">
      <t>カン</t>
    </rPh>
    <rPh sb="38" eb="40">
      <t>ギョウム</t>
    </rPh>
    <rPh sb="41" eb="44">
      <t>グタイテキ</t>
    </rPh>
    <rPh sb="45" eb="47">
      <t>キニュウ</t>
    </rPh>
    <phoneticPr fontId="6"/>
  </si>
  <si>
    <t>　　　　　４．　添付として、研修修了証（もしくは研修を修了したことを証明できる書類）を添付すること。</t>
    <rPh sb="8" eb="10">
      <t>テンプ</t>
    </rPh>
    <rPh sb="14" eb="16">
      <t>ケンシュウ</t>
    </rPh>
    <rPh sb="16" eb="19">
      <t>シュウリョウショウ</t>
    </rPh>
    <rPh sb="24" eb="26">
      <t>ケンシュウ</t>
    </rPh>
    <rPh sb="27" eb="29">
      <t>シュウリョウ</t>
    </rPh>
    <rPh sb="34" eb="36">
      <t>ショウメイ</t>
    </rPh>
    <rPh sb="39" eb="41">
      <t>ショルイ</t>
    </rPh>
    <rPh sb="43" eb="45">
      <t>テンプ</t>
    </rPh>
    <phoneticPr fontId="6"/>
  </si>
  <si>
    <t>　　　　　５．　証明内容を訂正した場合は、証明権者の職印を押印してください。なお、修正液による訂正は認められません。</t>
    <rPh sb="8" eb="10">
      <t>ショウメイ</t>
    </rPh>
    <rPh sb="10" eb="12">
      <t>ナイヨウ</t>
    </rPh>
    <rPh sb="13" eb="15">
      <t>テイセイ</t>
    </rPh>
    <rPh sb="17" eb="19">
      <t>バアイ</t>
    </rPh>
    <rPh sb="21" eb="23">
      <t>ショウメイ</t>
    </rPh>
    <rPh sb="23" eb="24">
      <t>ケン</t>
    </rPh>
    <rPh sb="24" eb="25">
      <t>シャ</t>
    </rPh>
    <rPh sb="26" eb="28">
      <t>ショクイン</t>
    </rPh>
    <rPh sb="29" eb="31">
      <t>オウイン</t>
    </rPh>
    <rPh sb="41" eb="44">
      <t>シュウセイエキ</t>
    </rPh>
    <rPh sb="47" eb="49">
      <t>テイセイ</t>
    </rPh>
    <rPh sb="50" eb="51">
      <t>ミト</t>
    </rPh>
    <phoneticPr fontId="6"/>
  </si>
  <si>
    <t>　　　　　　　　東京都千代田区大手町○○</t>
    <rPh sb="8" eb="11">
      <t>トウキョウト</t>
    </rPh>
    <rPh sb="11" eb="15">
      <t>チヨダク</t>
    </rPh>
    <rPh sb="15" eb="18">
      <t>オオテマチ</t>
    </rPh>
    <phoneticPr fontId="6"/>
  </si>
  <si>
    <t>社会福祉法人△△会　　　○○　　太郎</t>
    <rPh sb="0" eb="2">
      <t>シャカイ</t>
    </rPh>
    <rPh sb="2" eb="4">
      <t>フクシ</t>
    </rPh>
    <rPh sb="4" eb="6">
      <t>ホウジン</t>
    </rPh>
    <rPh sb="8" eb="9">
      <t>カイ</t>
    </rPh>
    <rPh sb="16" eb="18">
      <t>タロウ</t>
    </rPh>
    <phoneticPr fontId="6"/>
  </si>
  <si>
    <t>　　　　　　　印</t>
    <rPh sb="7" eb="8">
      <t>イン</t>
    </rPh>
    <phoneticPr fontId="6"/>
  </si>
  <si>
    <t>03-0000-0000</t>
    <phoneticPr fontId="6"/>
  </si>
  <si>
    <t>　　　　　　　　　　　　　　　　　　　　　　　　　　　　　　　　　　　　　　（生年月日　　○　年　　　　○　月　　　○　　日）</t>
    <rPh sb="39" eb="41">
      <t>セイネン</t>
    </rPh>
    <rPh sb="41" eb="43">
      <t>ガッピ</t>
    </rPh>
    <rPh sb="47" eb="48">
      <t>ネン</t>
    </rPh>
    <rPh sb="54" eb="55">
      <t>ガツ</t>
    </rPh>
    <rPh sb="61" eb="62">
      <t>ニチ</t>
    </rPh>
    <phoneticPr fontId="6"/>
  </si>
  <si>
    <t>東京都中央区○○１－２－３</t>
    <rPh sb="0" eb="3">
      <t>トウキョウト</t>
    </rPh>
    <rPh sb="3" eb="6">
      <t>チュウオウク</t>
    </rPh>
    <phoneticPr fontId="6"/>
  </si>
  <si>
    <t>○○工房</t>
    <rPh sb="2" eb="4">
      <t>コウボウ</t>
    </rPh>
    <phoneticPr fontId="6"/>
  </si>
  <si>
    <t>施設・事業所の種別　（就労移行支援　　　　　　　　　　　　　　　　　　　　　　　　　　　　　　　　）</t>
    <rPh sb="0" eb="2">
      <t>シセツ</t>
    </rPh>
    <rPh sb="3" eb="6">
      <t>ジギョウショ</t>
    </rPh>
    <rPh sb="7" eb="9">
      <t>シュベツ</t>
    </rPh>
    <rPh sb="11" eb="13">
      <t>シュウロウ</t>
    </rPh>
    <rPh sb="13" eb="15">
      <t>イコウ</t>
    </rPh>
    <rPh sb="15" eb="17">
      <t>シエン</t>
    </rPh>
    <phoneticPr fontId="6"/>
  </si>
  <si>
    <t>　　　　　○年　　　○月　　　　○日～　　　　　　　○年　　　　　○月　　　　　○日（　　○　年　　　○　月間）</t>
    <rPh sb="6" eb="7">
      <t>ネン</t>
    </rPh>
    <rPh sb="11" eb="12">
      <t>ガツ</t>
    </rPh>
    <rPh sb="17" eb="18">
      <t>ニチ</t>
    </rPh>
    <rPh sb="27" eb="28">
      <t>ネン</t>
    </rPh>
    <rPh sb="34" eb="35">
      <t>ガツ</t>
    </rPh>
    <rPh sb="41" eb="42">
      <t>ニチ</t>
    </rPh>
    <rPh sb="47" eb="48">
      <t>ネン</t>
    </rPh>
    <rPh sb="53" eb="54">
      <t>ガツ</t>
    </rPh>
    <rPh sb="54" eb="55">
      <t>カン</t>
    </rPh>
    <phoneticPr fontId="6"/>
  </si>
  <si>
    <t>職名（就労支援員　　　　　　　　　　　　　）</t>
    <rPh sb="0" eb="2">
      <t>ショクメイ</t>
    </rPh>
    <rPh sb="3" eb="5">
      <t>シュウロウ</t>
    </rPh>
    <rPh sb="5" eb="7">
      <t>シエン</t>
    </rPh>
    <rPh sb="7" eb="8">
      <t>イン</t>
    </rPh>
    <phoneticPr fontId="6"/>
  </si>
  <si>
    <t>利用者の求職活動の支援、一般就労後の職場定着支援</t>
    <rPh sb="0" eb="3">
      <t>リヨウシャ</t>
    </rPh>
    <rPh sb="4" eb="6">
      <t>キュウショク</t>
    </rPh>
    <rPh sb="6" eb="8">
      <t>カツドウ</t>
    </rPh>
    <rPh sb="9" eb="11">
      <t>シエン</t>
    </rPh>
    <rPh sb="12" eb="14">
      <t>イッパン</t>
    </rPh>
    <rPh sb="14" eb="16">
      <t>シュウロウ</t>
    </rPh>
    <rPh sb="16" eb="17">
      <t>ゴ</t>
    </rPh>
    <rPh sb="18" eb="20">
      <t>ショクバ</t>
    </rPh>
    <rPh sb="20" eb="22">
      <t>テイチャク</t>
    </rPh>
    <rPh sb="22" eb="24">
      <t>シエン</t>
    </rPh>
    <phoneticPr fontId="6"/>
  </si>
  <si>
    <t>第１号職場適応援助者研修</t>
    <rPh sb="0" eb="1">
      <t>ダイ</t>
    </rPh>
    <rPh sb="2" eb="3">
      <t>ゴウ</t>
    </rPh>
    <rPh sb="3" eb="5">
      <t>ショクバ</t>
    </rPh>
    <rPh sb="5" eb="7">
      <t>テキオウ</t>
    </rPh>
    <rPh sb="7" eb="10">
      <t>エンジョシャ</t>
    </rPh>
    <rPh sb="10" eb="12">
      <t>ケンシュウ</t>
    </rPh>
    <phoneticPr fontId="6"/>
  </si>
  <si>
    <t>　　　平成　　○年　　　　○　月　　　　○　日</t>
    <rPh sb="3" eb="5">
      <t>ヘイセイ</t>
    </rPh>
    <rPh sb="8" eb="9">
      <t>ネン</t>
    </rPh>
    <rPh sb="15" eb="16">
      <t>ガツ</t>
    </rPh>
    <rPh sb="22" eb="23">
      <t>ニチ</t>
    </rPh>
    <phoneticPr fontId="6"/>
  </si>
  <si>
    <t>就職先事業所名</t>
    <rPh sb="0" eb="3">
      <t>シュウショクサキ</t>
    </rPh>
    <rPh sb="3" eb="6">
      <t>ジギョウショ</t>
    </rPh>
    <rPh sb="6" eb="7">
      <t>メイ</t>
    </rPh>
    <phoneticPr fontId="6"/>
  </si>
  <si>
    <t>30人</t>
    <rPh sb="2" eb="3">
      <t>ニン</t>
    </rPh>
    <phoneticPr fontId="6"/>
  </si>
  <si>
    <t>Ａ</t>
    <phoneticPr fontId="6"/>
  </si>
  <si>
    <t>Ｂ</t>
    <phoneticPr fontId="6"/>
  </si>
  <si>
    <t>Ｃ</t>
    <phoneticPr fontId="6"/>
  </si>
  <si>
    <t>Ｄ</t>
    <phoneticPr fontId="6"/>
  </si>
  <si>
    <t>Ｅ</t>
    <phoneticPr fontId="6"/>
  </si>
  <si>
    <t>目標工賃達成指導員対象施設の配置状況</t>
    <rPh sb="0" eb="2">
      <t>モクヒョウ</t>
    </rPh>
    <rPh sb="2" eb="4">
      <t>コウチン</t>
    </rPh>
    <rPh sb="4" eb="6">
      <t>タッセイ</t>
    </rPh>
    <rPh sb="6" eb="9">
      <t>シドウイン</t>
    </rPh>
    <rPh sb="9" eb="11">
      <t>タイショウ</t>
    </rPh>
    <rPh sb="11" eb="13">
      <t>シセツ</t>
    </rPh>
    <rPh sb="14" eb="16">
      <t>ハイチ</t>
    </rPh>
    <rPh sb="16" eb="18">
      <t>ジョウキョウ</t>
    </rPh>
    <phoneticPr fontId="6"/>
  </si>
  <si>
    <t>目標工賃達成指導員の氏名</t>
    <rPh sb="0" eb="2">
      <t>モクヒョウ</t>
    </rPh>
    <rPh sb="2" eb="4">
      <t>コウチン</t>
    </rPh>
    <rPh sb="4" eb="6">
      <t>タッセイ</t>
    </rPh>
    <rPh sb="6" eb="9">
      <t>シドウイン</t>
    </rPh>
    <rPh sb="10" eb="12">
      <t>シメイ</t>
    </rPh>
    <phoneticPr fontId="6"/>
  </si>
  <si>
    <t>施設種別</t>
    <rPh sb="0" eb="2">
      <t>シセツ</t>
    </rPh>
    <rPh sb="2" eb="4">
      <t>シュベツ</t>
    </rPh>
    <phoneticPr fontId="6"/>
  </si>
  <si>
    <t>施設名</t>
    <rPh sb="0" eb="2">
      <t>シセツ</t>
    </rPh>
    <rPh sb="2" eb="3">
      <t>メイ</t>
    </rPh>
    <phoneticPr fontId="6"/>
  </si>
  <si>
    <t>定員</t>
    <rPh sb="0" eb="2">
      <t>テイイン</t>
    </rPh>
    <phoneticPr fontId="6"/>
  </si>
  <si>
    <t>年齢</t>
    <rPh sb="0" eb="2">
      <t>ネンレイ</t>
    </rPh>
    <phoneticPr fontId="6"/>
  </si>
  <si>
    <t>入所日</t>
    <rPh sb="0" eb="2">
      <t>ニュウショ</t>
    </rPh>
    <rPh sb="2" eb="3">
      <t>ビ</t>
    </rPh>
    <phoneticPr fontId="6"/>
  </si>
  <si>
    <t>備考</t>
    <rPh sb="0" eb="2">
      <t>ビコウ</t>
    </rPh>
    <phoneticPr fontId="6"/>
  </si>
  <si>
    <t>　１　新規　　　　　　２　変更　　　　　　３　終了</t>
    <rPh sb="3" eb="5">
      <t>シンキ</t>
    </rPh>
    <rPh sb="13" eb="15">
      <t>ヘンコウ</t>
    </rPh>
    <rPh sb="23" eb="25">
      <t>シュウリョウ</t>
    </rPh>
    <phoneticPr fontId="6"/>
  </si>
  <si>
    <t>１　新規　　　　　　　　　２　変更　　　　　　　　　　３　終了</t>
    <rPh sb="2" eb="4">
      <t>シンキ</t>
    </rPh>
    <rPh sb="15" eb="17">
      <t>ヘンコウ</t>
    </rPh>
    <rPh sb="29" eb="31">
      <t>シュウリョウ</t>
    </rPh>
    <phoneticPr fontId="6"/>
  </si>
  <si>
    <t>前年度の利用者数の
平均値</t>
    <rPh sb="0" eb="3">
      <t>ゼンネンド</t>
    </rPh>
    <rPh sb="4" eb="7">
      <t>リヨウシャ</t>
    </rPh>
    <rPh sb="7" eb="8">
      <t>スウ</t>
    </rPh>
    <rPh sb="10" eb="12">
      <t>ヘイキン</t>
    </rPh>
    <rPh sb="12" eb="13">
      <t>チ</t>
    </rPh>
    <phoneticPr fontId="6"/>
  </si>
  <si>
    <t>備考１　「異動区分」欄については、該当する番号に○を付してください。</t>
    <rPh sb="0" eb="2">
      <t>ビコウ</t>
    </rPh>
    <rPh sb="5" eb="7">
      <t>イドウ</t>
    </rPh>
    <rPh sb="7" eb="9">
      <t>クブン</t>
    </rPh>
    <rPh sb="10" eb="11">
      <t>ラン</t>
    </rPh>
    <rPh sb="17" eb="19">
      <t>ガイトウ</t>
    </rPh>
    <rPh sb="21" eb="23">
      <t>バンゴウ</t>
    </rPh>
    <rPh sb="26" eb="27">
      <t>フ</t>
    </rPh>
    <phoneticPr fontId="6"/>
  </si>
  <si>
    <t>２　看護職員の配置状況</t>
    <rPh sb="2" eb="4">
      <t>カンゴ</t>
    </rPh>
    <rPh sb="4" eb="6">
      <t>ショクイン</t>
    </rPh>
    <rPh sb="7" eb="9">
      <t>ハイチ</t>
    </rPh>
    <rPh sb="9" eb="11">
      <t>ジョウキョウ</t>
    </rPh>
    <phoneticPr fontId="6"/>
  </si>
  <si>
    <t>２　送迎の状況①
　 （全サービス）</t>
    <rPh sb="12" eb="13">
      <t>ゼン</t>
    </rPh>
    <phoneticPr fontId="6"/>
  </si>
  <si>
    <t>　当該事業所において行われる通所サービス等の利用につき、利用者の送迎を行っていること。</t>
    <rPh sb="1" eb="3">
      <t>トウガイ</t>
    </rPh>
    <rPh sb="3" eb="6">
      <t>ジギョウショ</t>
    </rPh>
    <rPh sb="10" eb="11">
      <t>オコナ</t>
    </rPh>
    <rPh sb="14" eb="16">
      <t>ツウショ</t>
    </rPh>
    <rPh sb="20" eb="21">
      <t>トウ</t>
    </rPh>
    <rPh sb="22" eb="24">
      <t>リヨウ</t>
    </rPh>
    <rPh sb="28" eb="31">
      <t>リヨウシャ</t>
    </rPh>
    <rPh sb="32" eb="34">
      <t>ソウゲイ</t>
    </rPh>
    <rPh sb="35" eb="36">
      <t>オコナ</t>
    </rPh>
    <phoneticPr fontId="6"/>
  </si>
  <si>
    <t xml:space="preserve">    ４　送迎の状況③
　    （生活介護のみ）</t>
    <rPh sb="6" eb="8">
      <t>ソウゲイ</t>
    </rPh>
    <rPh sb="9" eb="11">
      <t>ジョウキョウ</t>
    </rPh>
    <rPh sb="19" eb="21">
      <t>セイカツ</t>
    </rPh>
    <rPh sb="21" eb="23">
      <t>カイゴ</t>
    </rPh>
    <phoneticPr fontId="6"/>
  </si>
  <si>
    <t>　送迎を利用する者のうち、区分５若しくは区分６に該当する者又はこれに準ずる者が100分の60以上。</t>
    <rPh sb="1" eb="3">
      <t>ソウゲイ</t>
    </rPh>
    <rPh sb="4" eb="6">
      <t>リヨウ</t>
    </rPh>
    <rPh sb="8" eb="9">
      <t>モノ</t>
    </rPh>
    <rPh sb="13" eb="15">
      <t>クブン</t>
    </rPh>
    <rPh sb="16" eb="17">
      <t>モ</t>
    </rPh>
    <rPh sb="20" eb="22">
      <t>クブン</t>
    </rPh>
    <rPh sb="24" eb="26">
      <t>ガイトウ</t>
    </rPh>
    <rPh sb="28" eb="29">
      <t>シャ</t>
    </rPh>
    <rPh sb="29" eb="30">
      <t>マタ</t>
    </rPh>
    <rPh sb="34" eb="35">
      <t>ジュン</t>
    </rPh>
    <rPh sb="37" eb="38">
      <t>シャ</t>
    </rPh>
    <rPh sb="42" eb="43">
      <t>ブン</t>
    </rPh>
    <rPh sb="46" eb="48">
      <t>イジョウ</t>
    </rPh>
    <phoneticPr fontId="6"/>
  </si>
  <si>
    <t>　1には該当しない。</t>
    <rPh sb="4" eb="6">
      <t>ガイトウ</t>
    </rPh>
    <phoneticPr fontId="6"/>
  </si>
  <si>
    <t>備考　　「異動区分」欄については、該当する番号に○を付してください。</t>
    <rPh sb="0" eb="2">
      <t>ビコウ</t>
    </rPh>
    <rPh sb="5" eb="7">
      <t>イドウ</t>
    </rPh>
    <rPh sb="7" eb="9">
      <t>クブン</t>
    </rPh>
    <rPh sb="10" eb="11">
      <t>ラン</t>
    </rPh>
    <rPh sb="17" eb="19">
      <t>ガイトウ</t>
    </rPh>
    <rPh sb="21" eb="23">
      <t>バンゴウ</t>
    </rPh>
    <rPh sb="26" eb="27">
      <t>フ</t>
    </rPh>
    <phoneticPr fontId="6"/>
  </si>
  <si>
    <t>％</t>
    <phoneticPr fontId="6"/>
  </si>
  <si>
    <t>夜間支援体制の確保が必要な理由</t>
    <phoneticPr fontId="6"/>
  </si>
  <si>
    <t>利用者の緊急事態等に対応するための連絡体制・支援体制の確保の具体的方法</t>
    <rPh sb="0" eb="3">
      <t>リヨウシャ</t>
    </rPh>
    <rPh sb="4" eb="6">
      <t>キンキュウ</t>
    </rPh>
    <rPh sb="6" eb="8">
      <t>ジタイ</t>
    </rPh>
    <rPh sb="8" eb="9">
      <t>トウ</t>
    </rPh>
    <rPh sb="10" eb="12">
      <t>タイオウ</t>
    </rPh>
    <rPh sb="17" eb="19">
      <t>レンラク</t>
    </rPh>
    <rPh sb="19" eb="21">
      <t>タイセイ</t>
    </rPh>
    <rPh sb="22" eb="24">
      <t>シエン</t>
    </rPh>
    <rPh sb="24" eb="26">
      <t>タイセイ</t>
    </rPh>
    <rPh sb="27" eb="29">
      <t>カクホ</t>
    </rPh>
    <rPh sb="30" eb="33">
      <t>グタイテキ</t>
    </rPh>
    <rPh sb="33" eb="35">
      <t>ホウホウ</t>
    </rPh>
    <phoneticPr fontId="6"/>
  </si>
  <si>
    <t>事業所番号</t>
    <rPh sb="0" eb="3">
      <t>ジギョウショ</t>
    </rPh>
    <rPh sb="3" eb="5">
      <t>バンゴウ</t>
    </rPh>
    <phoneticPr fontId="6"/>
  </si>
  <si>
    <t>前年度の平均利用者数のうち５０％（人）</t>
    <rPh sb="0" eb="3">
      <t>ゼンネンド</t>
    </rPh>
    <rPh sb="4" eb="6">
      <t>ヘイキン</t>
    </rPh>
    <rPh sb="6" eb="9">
      <t>リヨウシャ</t>
    </rPh>
    <rPh sb="9" eb="10">
      <t>スウ</t>
    </rPh>
    <phoneticPr fontId="6"/>
  </si>
  <si>
    <t>注１　「異動区分」欄については、該当する番号に○を付して下さい。</t>
    <rPh sb="0" eb="1">
      <t>チュウ</t>
    </rPh>
    <rPh sb="4" eb="6">
      <t>イドウ</t>
    </rPh>
    <rPh sb="6" eb="8">
      <t>クブン</t>
    </rPh>
    <rPh sb="9" eb="10">
      <t>ラン</t>
    </rPh>
    <rPh sb="16" eb="18">
      <t>ガイトウ</t>
    </rPh>
    <rPh sb="20" eb="22">
      <t>バンゴウ</t>
    </rPh>
    <rPh sb="25" eb="26">
      <t>フ</t>
    </rPh>
    <rPh sb="28" eb="29">
      <t>クダ</t>
    </rPh>
    <phoneticPr fontId="6"/>
  </si>
  <si>
    <t>注２　新設の場合には、「前年度の平均利用者数」欄には推定数を記入して下さい。</t>
    <rPh sb="0" eb="1">
      <t>チュウ</t>
    </rPh>
    <rPh sb="3" eb="5">
      <t>シンセツ</t>
    </rPh>
    <rPh sb="6" eb="8">
      <t>バアイ</t>
    </rPh>
    <rPh sb="12" eb="14">
      <t>ゼンネン</t>
    </rPh>
    <rPh sb="14" eb="15">
      <t>ド</t>
    </rPh>
    <rPh sb="16" eb="18">
      <t>ヘイキン</t>
    </rPh>
    <rPh sb="18" eb="21">
      <t>リヨウシャ</t>
    </rPh>
    <rPh sb="21" eb="22">
      <t>スウ</t>
    </rPh>
    <rPh sb="23" eb="24">
      <t>ラン</t>
    </rPh>
    <rPh sb="26" eb="29">
      <t>スイテイスウ</t>
    </rPh>
    <rPh sb="30" eb="32">
      <t>キニュウ</t>
    </rPh>
    <phoneticPr fontId="6"/>
  </si>
  <si>
    <t>注３　「通勤者生活支援に係る体制」欄には、通常の事業所に雇用されている者を記入して下さい。</t>
    <rPh sb="0" eb="1">
      <t>チュウ</t>
    </rPh>
    <rPh sb="4" eb="7">
      <t>ツウキンシャ</t>
    </rPh>
    <rPh sb="7" eb="9">
      <t>セイカツ</t>
    </rPh>
    <rPh sb="9" eb="11">
      <t>シエン</t>
    </rPh>
    <rPh sb="12" eb="13">
      <t>カカ</t>
    </rPh>
    <rPh sb="14" eb="16">
      <t>タイセイ</t>
    </rPh>
    <rPh sb="17" eb="18">
      <t>ラン</t>
    </rPh>
    <rPh sb="21" eb="23">
      <t>ツウジョウ</t>
    </rPh>
    <rPh sb="24" eb="27">
      <t>ジギョウショ</t>
    </rPh>
    <rPh sb="28" eb="30">
      <t>コヨウ</t>
    </rPh>
    <rPh sb="35" eb="36">
      <t>シャ</t>
    </rPh>
    <rPh sb="37" eb="39">
      <t>キニュウ</t>
    </rPh>
    <phoneticPr fontId="6"/>
  </si>
  <si>
    <t>保健師</t>
    <rPh sb="0" eb="3">
      <t>ホケンシ</t>
    </rPh>
    <phoneticPr fontId="6"/>
  </si>
  <si>
    <t>准看護師</t>
    <rPh sb="0" eb="4">
      <t>ジュンカンゴシ</t>
    </rPh>
    <phoneticPr fontId="6"/>
  </si>
  <si>
    <t>注１　「異動区分」欄については、該当する番号に○を付して下さい。</t>
    <rPh sb="0" eb="1">
      <t>チュウ</t>
    </rPh>
    <rPh sb="4" eb="6">
      <t>イドウ</t>
    </rPh>
    <rPh sb="6" eb="8">
      <t>クブン</t>
    </rPh>
    <rPh sb="9" eb="10">
      <t>ラン</t>
    </rPh>
    <rPh sb="16" eb="18">
      <t>ガイトウ</t>
    </rPh>
    <rPh sb="20" eb="22">
      <t>バンゴウ</t>
    </rPh>
    <rPh sb="25" eb="26">
      <t>フ</t>
    </rPh>
    <phoneticPr fontId="6"/>
  </si>
  <si>
    <t>注３　「加算算定上の必要人数」欄には、記入しないで下さい。</t>
    <rPh sb="0" eb="1">
      <t>チュウ</t>
    </rPh>
    <rPh sb="4" eb="6">
      <t>カサン</t>
    </rPh>
    <rPh sb="6" eb="8">
      <t>サンテイ</t>
    </rPh>
    <rPh sb="8" eb="9">
      <t>ジョウ</t>
    </rPh>
    <rPh sb="10" eb="12">
      <t>ヒツヨウ</t>
    </rPh>
    <rPh sb="12" eb="14">
      <t>ニンズウ</t>
    </rPh>
    <rPh sb="15" eb="16">
      <t>ラン</t>
    </rPh>
    <rPh sb="19" eb="21">
      <t>キニュウ</t>
    </rPh>
    <phoneticPr fontId="6"/>
  </si>
  <si>
    <t>注４　「通勤者生活支援に係る体制」欄には、通常の事業所に雇用されている者を記入して下さい。</t>
    <rPh sb="0" eb="1">
      <t>チュウ</t>
    </rPh>
    <rPh sb="4" eb="7">
      <t>ツウキンシャ</t>
    </rPh>
    <rPh sb="7" eb="9">
      <t>セイカツ</t>
    </rPh>
    <rPh sb="9" eb="11">
      <t>シエン</t>
    </rPh>
    <rPh sb="12" eb="13">
      <t>カカ</t>
    </rPh>
    <rPh sb="14" eb="16">
      <t>タイセイ</t>
    </rPh>
    <rPh sb="17" eb="18">
      <t>ラン</t>
    </rPh>
    <rPh sb="21" eb="23">
      <t>ツウジョウ</t>
    </rPh>
    <rPh sb="24" eb="27">
      <t>ジギョウショ</t>
    </rPh>
    <rPh sb="28" eb="30">
      <t>コヨウ</t>
    </rPh>
    <rPh sb="35" eb="36">
      <t>シャ</t>
    </rPh>
    <rPh sb="37" eb="39">
      <t>キニュウ</t>
    </rPh>
    <phoneticPr fontId="6"/>
  </si>
  <si>
    <t>夜間における防災体制の内容
（契約内容等）</t>
    <phoneticPr fontId="6"/>
  </si>
  <si>
    <t>当該施設の前年度の利用定員</t>
    <rPh sb="0" eb="2">
      <t>トウガイ</t>
    </rPh>
    <rPh sb="2" eb="4">
      <t>シセツ</t>
    </rPh>
    <rPh sb="5" eb="8">
      <t>ゼンネンド</t>
    </rPh>
    <rPh sb="9" eb="11">
      <t>リヨウ</t>
    </rPh>
    <rPh sb="11" eb="13">
      <t>テイイン</t>
    </rPh>
    <phoneticPr fontId="6"/>
  </si>
  <si>
    <t>うち施設外支援実施利用者</t>
    <rPh sb="2" eb="5">
      <t>シセツガイ</t>
    </rPh>
    <rPh sb="5" eb="7">
      <t>シエン</t>
    </rPh>
    <rPh sb="7" eb="9">
      <t>ジッシ</t>
    </rPh>
    <rPh sb="9" eb="12">
      <t>リヨウシャ</t>
    </rPh>
    <phoneticPr fontId="6"/>
  </si>
  <si>
    <t>施設外支援実施率　（　（Ｂ）／（Ａ）　）</t>
    <rPh sb="0" eb="3">
      <t>シセツガイ</t>
    </rPh>
    <rPh sb="3" eb="5">
      <t>シエン</t>
    </rPh>
    <rPh sb="5" eb="7">
      <t>ジッシ</t>
    </rPh>
    <rPh sb="7" eb="8">
      <t>リツ</t>
    </rPh>
    <phoneticPr fontId="6"/>
  </si>
  <si>
    <t>職場実習等</t>
    <rPh sb="0" eb="2">
      <t>ショクバ</t>
    </rPh>
    <rPh sb="2" eb="5">
      <t>ジッシュウナド</t>
    </rPh>
    <phoneticPr fontId="6"/>
  </si>
  <si>
    <t>求職活動等</t>
    <rPh sb="0" eb="2">
      <t>キュウショク</t>
    </rPh>
    <rPh sb="2" eb="5">
      <t>カツドウナド</t>
    </rPh>
    <phoneticPr fontId="6"/>
  </si>
  <si>
    <t>注１．　本表は前年度に施設外支援を実施した利用者を記載してください。</t>
    <rPh sb="0" eb="1">
      <t>チュウ</t>
    </rPh>
    <rPh sb="4" eb="5">
      <t>ホン</t>
    </rPh>
    <rPh sb="5" eb="6">
      <t>ヒョウ</t>
    </rPh>
    <rPh sb="7" eb="10">
      <t>ゼンネンド</t>
    </rPh>
    <rPh sb="11" eb="14">
      <t>シセツガイ</t>
    </rPh>
    <rPh sb="14" eb="16">
      <t>シエン</t>
    </rPh>
    <rPh sb="17" eb="19">
      <t>ジッシ</t>
    </rPh>
    <rPh sb="21" eb="24">
      <t>リヨウシャ</t>
    </rPh>
    <rPh sb="25" eb="27">
      <t>キサイ</t>
    </rPh>
    <phoneticPr fontId="6"/>
  </si>
  <si>
    <t>注２．　移行準備支援体制加算（Ⅰ）を算定する場合に作成し、都道府県知事に届け出ること。</t>
    <rPh sb="0" eb="1">
      <t>チュウ</t>
    </rPh>
    <rPh sb="4" eb="6">
      <t>イコウ</t>
    </rPh>
    <rPh sb="6" eb="8">
      <t>ジュンビ</t>
    </rPh>
    <rPh sb="8" eb="10">
      <t>シエン</t>
    </rPh>
    <rPh sb="10" eb="12">
      <t>タイセイ</t>
    </rPh>
    <rPh sb="12" eb="14">
      <t>カサン</t>
    </rPh>
    <rPh sb="18" eb="20">
      <t>サンテイ</t>
    </rPh>
    <rPh sb="22" eb="24">
      <t>バアイ</t>
    </rPh>
    <rPh sb="25" eb="27">
      <t>サクセイ</t>
    </rPh>
    <rPh sb="29" eb="33">
      <t>トドウフケン</t>
    </rPh>
    <rPh sb="33" eb="35">
      <t>チジ</t>
    </rPh>
    <rPh sb="36" eb="37">
      <t>トド</t>
    </rPh>
    <rPh sb="38" eb="39">
      <t>デ</t>
    </rPh>
    <phoneticPr fontId="6"/>
  </si>
  <si>
    <t>15人</t>
    <rPh sb="2" eb="3">
      <t>ニン</t>
    </rPh>
    <phoneticPr fontId="6"/>
  </si>
  <si>
    <t>○</t>
    <phoneticPr fontId="6"/>
  </si>
  <si>
    <t>当該施設の前年度の平均実利用者</t>
    <rPh sb="0" eb="2">
      <t>トウガイ</t>
    </rPh>
    <rPh sb="2" eb="4">
      <t>シセツ</t>
    </rPh>
    <rPh sb="5" eb="8">
      <t>ゼンネンド</t>
    </rPh>
    <rPh sb="9" eb="11">
      <t>ヘイキン</t>
    </rPh>
    <rPh sb="11" eb="12">
      <t>ジツ</t>
    </rPh>
    <rPh sb="12" eb="14">
      <t>リヨウ</t>
    </rPh>
    <rPh sb="14" eb="15">
      <t>シャ</t>
    </rPh>
    <phoneticPr fontId="6"/>
  </si>
  <si>
    <t>うち障害基礎年金１級を受給する利用者</t>
    <phoneticPr fontId="6"/>
  </si>
  <si>
    <t>（Ｂ）／（Ａ）　</t>
    <phoneticPr fontId="6"/>
  </si>
  <si>
    <t>重度者支援体制加算</t>
    <rPh sb="0" eb="2">
      <t>ジュウド</t>
    </rPh>
    <rPh sb="2" eb="3">
      <t>シャ</t>
    </rPh>
    <rPh sb="3" eb="5">
      <t>シエン</t>
    </rPh>
    <rPh sb="5" eb="7">
      <t>タイセイ</t>
    </rPh>
    <rPh sb="7" eb="9">
      <t>カサン</t>
    </rPh>
    <phoneticPr fontId="6"/>
  </si>
  <si>
    <t>（Ⅰ）
50％～</t>
    <phoneticPr fontId="6"/>
  </si>
  <si>
    <t>（Ⅱ）
25％～50％</t>
    <phoneticPr fontId="6"/>
  </si>
  <si>
    <t>注１．　本表は前年度の障害基礎年金１級を受給する利用者を記載してください。</t>
    <rPh sb="0" eb="1">
      <t>チュウ</t>
    </rPh>
    <rPh sb="4" eb="5">
      <t>ホン</t>
    </rPh>
    <rPh sb="5" eb="6">
      <t>ヒョウ</t>
    </rPh>
    <rPh sb="7" eb="10">
      <t>ゼンネンド</t>
    </rPh>
    <rPh sb="11" eb="13">
      <t>ショウガイ</t>
    </rPh>
    <rPh sb="13" eb="15">
      <t>キソ</t>
    </rPh>
    <rPh sb="15" eb="17">
      <t>ネンキン</t>
    </rPh>
    <rPh sb="18" eb="19">
      <t>キュウ</t>
    </rPh>
    <rPh sb="20" eb="22">
      <t>ジュキュウ</t>
    </rPh>
    <rPh sb="24" eb="27">
      <t>リヨウシャ</t>
    </rPh>
    <rPh sb="28" eb="30">
      <t>キサイ</t>
    </rPh>
    <phoneticPr fontId="6"/>
  </si>
  <si>
    <t>注２．　重度者支援体制加算を算定する場合に作成し、都道府県知事に届け出ること。</t>
    <rPh sb="0" eb="1">
      <t>チュウ</t>
    </rPh>
    <rPh sb="4" eb="6">
      <t>ジュウド</t>
    </rPh>
    <rPh sb="6" eb="7">
      <t>シャ</t>
    </rPh>
    <rPh sb="7" eb="9">
      <t>シエン</t>
    </rPh>
    <rPh sb="9" eb="11">
      <t>タイセイ</t>
    </rPh>
    <rPh sb="11" eb="13">
      <t>カサン</t>
    </rPh>
    <rPh sb="14" eb="16">
      <t>サンテイ</t>
    </rPh>
    <rPh sb="18" eb="20">
      <t>バアイ</t>
    </rPh>
    <rPh sb="21" eb="23">
      <t>サクセイ</t>
    </rPh>
    <rPh sb="25" eb="29">
      <t>トドウフケン</t>
    </rPh>
    <rPh sb="29" eb="31">
      <t>チジ</t>
    </rPh>
    <rPh sb="32" eb="33">
      <t>トド</t>
    </rPh>
    <rPh sb="34" eb="35">
      <t>デ</t>
    </rPh>
    <phoneticPr fontId="6"/>
  </si>
  <si>
    <t>福祉型　・　医療型</t>
    <rPh sb="0" eb="3">
      <t>フクシガタ</t>
    </rPh>
    <rPh sb="6" eb="8">
      <t>イリョウ</t>
    </rPh>
    <rPh sb="8" eb="9">
      <t>ガタ</t>
    </rPh>
    <phoneticPr fontId="6"/>
  </si>
  <si>
    <t>入所定員</t>
    <rPh sb="0" eb="2">
      <t>ニュウショ</t>
    </rPh>
    <rPh sb="2" eb="4">
      <t>テイイン</t>
    </rPh>
    <phoneticPr fontId="6"/>
  </si>
  <si>
    <t>届出区分</t>
    <rPh sb="0" eb="1">
      <t>トド</t>
    </rPh>
    <rPh sb="1" eb="2">
      <t>デ</t>
    </rPh>
    <rPh sb="2" eb="4">
      <t>クブン</t>
    </rPh>
    <phoneticPr fontId="6"/>
  </si>
  <si>
    <t>１．新規　　　　　　２．変更　　　　　　3．廃止</t>
    <rPh sb="2" eb="4">
      <t>シンキ</t>
    </rPh>
    <rPh sb="12" eb="14">
      <t>ヘンコウ</t>
    </rPh>
    <rPh sb="22" eb="24">
      <t>ハイシ</t>
    </rPh>
    <phoneticPr fontId="6"/>
  </si>
  <si>
    <t>単位１</t>
    <rPh sb="0" eb="2">
      <t>タンイ</t>
    </rPh>
    <phoneticPr fontId="6"/>
  </si>
  <si>
    <t>一単位当たりの定員</t>
    <rPh sb="0" eb="3">
      <t>イチタンイ</t>
    </rPh>
    <rPh sb="3" eb="4">
      <t>ア</t>
    </rPh>
    <rPh sb="7" eb="9">
      <t>テイイン</t>
    </rPh>
    <phoneticPr fontId="6"/>
  </si>
  <si>
    <t>　　　　　　　　人</t>
    <phoneticPr fontId="6"/>
  </si>
  <si>
    <t>専任職員の配置</t>
    <rPh sb="0" eb="2">
      <t>センニン</t>
    </rPh>
    <rPh sb="2" eb="4">
      <t>ショクイン</t>
    </rPh>
    <rPh sb="5" eb="7">
      <t>ハイチ</t>
    </rPh>
    <phoneticPr fontId="6"/>
  </si>
  <si>
    <t>人（職種：　　　　　　　　　　）</t>
    <phoneticPr fontId="6"/>
  </si>
  <si>
    <t>設備</t>
    <rPh sb="0" eb="2">
      <t>セツビ</t>
    </rPh>
    <phoneticPr fontId="6"/>
  </si>
  <si>
    <t>専用・共用の別</t>
    <rPh sb="0" eb="2">
      <t>センヨウ</t>
    </rPh>
    <rPh sb="3" eb="5">
      <t>キョウヨウ</t>
    </rPh>
    <rPh sb="6" eb="7">
      <t>ベツ</t>
    </rPh>
    <phoneticPr fontId="6"/>
  </si>
  <si>
    <t>居室</t>
    <rPh sb="0" eb="2">
      <t>キョシツ</t>
    </rPh>
    <phoneticPr fontId="6"/>
  </si>
  <si>
    <t>専　・　共</t>
    <rPh sb="0" eb="1">
      <t>アツシ</t>
    </rPh>
    <rPh sb="4" eb="5">
      <t>トモ</t>
    </rPh>
    <phoneticPr fontId="6"/>
  </si>
  <si>
    <t>児童一人当たりの面積（　　　　　㎡）</t>
    <rPh sb="0" eb="2">
      <t>ジドウ</t>
    </rPh>
    <rPh sb="2" eb="4">
      <t>ヒトリ</t>
    </rPh>
    <rPh sb="4" eb="5">
      <t>ア</t>
    </rPh>
    <rPh sb="8" eb="10">
      <t>メンセキ</t>
    </rPh>
    <phoneticPr fontId="6"/>
  </si>
  <si>
    <t>台所</t>
    <rPh sb="0" eb="2">
      <t>ダイドコロ</t>
    </rPh>
    <phoneticPr fontId="6"/>
  </si>
  <si>
    <t>食堂</t>
    <rPh sb="0" eb="2">
      <t>ショクドウ</t>
    </rPh>
    <phoneticPr fontId="6"/>
  </si>
  <si>
    <t>浴室</t>
    <rPh sb="0" eb="2">
      <t>ヨクシツ</t>
    </rPh>
    <phoneticPr fontId="6"/>
  </si>
  <si>
    <t>便所</t>
    <rPh sb="0" eb="2">
      <t>ベンジョ</t>
    </rPh>
    <phoneticPr fontId="6"/>
  </si>
  <si>
    <t>玄関</t>
    <rPh sb="0" eb="2">
      <t>ゲンカン</t>
    </rPh>
    <phoneticPr fontId="6"/>
  </si>
  <si>
    <t>単位２</t>
    <rPh sb="0" eb="2">
      <t>タンイ</t>
    </rPh>
    <phoneticPr fontId="6"/>
  </si>
  <si>
    <t>対象児童の状況</t>
    <rPh sb="0" eb="2">
      <t>タイショウ</t>
    </rPh>
    <rPh sb="2" eb="4">
      <t>ジドウ</t>
    </rPh>
    <rPh sb="5" eb="7">
      <t>ジョウキョウ</t>
    </rPh>
    <phoneticPr fontId="6"/>
  </si>
  <si>
    <t>児童氏名</t>
    <rPh sb="0" eb="2">
      <t>ジドウ</t>
    </rPh>
    <rPh sb="2" eb="4">
      <t>シメイ</t>
    </rPh>
    <phoneticPr fontId="6"/>
  </si>
  <si>
    <t>性別</t>
    <rPh sb="0" eb="2">
      <t>セイベツ</t>
    </rPh>
    <phoneticPr fontId="6"/>
  </si>
  <si>
    <t>本体施設での入所期間</t>
    <rPh sb="0" eb="2">
      <t>ホンタイ</t>
    </rPh>
    <rPh sb="2" eb="4">
      <t>シセツ</t>
    </rPh>
    <rPh sb="6" eb="8">
      <t>ニュウショ</t>
    </rPh>
    <rPh sb="8" eb="10">
      <t>キカン</t>
    </rPh>
    <phoneticPr fontId="6"/>
  </si>
  <si>
    <t>グループケア実施期間</t>
    <rPh sb="6" eb="8">
      <t>ジッシ</t>
    </rPh>
    <rPh sb="8" eb="10">
      <t>キカン</t>
    </rPh>
    <phoneticPr fontId="6"/>
  </si>
  <si>
    <t>加算別紙１</t>
    <rPh sb="0" eb="2">
      <t>カサン</t>
    </rPh>
    <rPh sb="2" eb="4">
      <t>ベッシ</t>
    </rPh>
    <phoneticPr fontId="6"/>
  </si>
  <si>
    <t>加算別紙２</t>
    <rPh sb="0" eb="2">
      <t>カサン</t>
    </rPh>
    <rPh sb="2" eb="4">
      <t>ベッシ</t>
    </rPh>
    <phoneticPr fontId="6"/>
  </si>
  <si>
    <t>加算別紙４</t>
    <rPh sb="0" eb="2">
      <t>カサン</t>
    </rPh>
    <rPh sb="2" eb="4">
      <t>ベッシ</t>
    </rPh>
    <phoneticPr fontId="6"/>
  </si>
  <si>
    <t>加算別紙５</t>
    <rPh sb="0" eb="2">
      <t>カサン</t>
    </rPh>
    <rPh sb="2" eb="4">
      <t>ベッシ</t>
    </rPh>
    <phoneticPr fontId="6"/>
  </si>
  <si>
    <t>加算別紙７</t>
    <rPh sb="0" eb="2">
      <t>カサン</t>
    </rPh>
    <rPh sb="2" eb="4">
      <t>ベッシ</t>
    </rPh>
    <phoneticPr fontId="6"/>
  </si>
  <si>
    <t>加算別紙１１</t>
    <rPh sb="0" eb="2">
      <t>カサン</t>
    </rPh>
    <rPh sb="2" eb="4">
      <t>ベッシ</t>
    </rPh>
    <phoneticPr fontId="6"/>
  </si>
  <si>
    <t>加算別紙１２</t>
    <rPh sb="0" eb="2">
      <t>カサン</t>
    </rPh>
    <rPh sb="2" eb="4">
      <t>ベッシ</t>
    </rPh>
    <phoneticPr fontId="6"/>
  </si>
  <si>
    <t>加算別紙１３</t>
    <rPh sb="0" eb="2">
      <t>カサン</t>
    </rPh>
    <rPh sb="2" eb="4">
      <t>ベッシ</t>
    </rPh>
    <phoneticPr fontId="6"/>
  </si>
  <si>
    <t>加算別紙１６</t>
    <rPh sb="0" eb="2">
      <t>カサン</t>
    </rPh>
    <rPh sb="2" eb="4">
      <t>ベッシ</t>
    </rPh>
    <phoneticPr fontId="6"/>
  </si>
  <si>
    <t>加算別紙１７</t>
    <rPh sb="0" eb="2">
      <t>カサン</t>
    </rPh>
    <rPh sb="2" eb="4">
      <t>ベッシ</t>
    </rPh>
    <phoneticPr fontId="6"/>
  </si>
  <si>
    <t>加算別紙１８</t>
    <rPh sb="0" eb="2">
      <t>カサン</t>
    </rPh>
    <rPh sb="2" eb="4">
      <t>ベッシ</t>
    </rPh>
    <phoneticPr fontId="6"/>
  </si>
  <si>
    <t>加算別紙１９</t>
    <rPh sb="0" eb="2">
      <t>カサン</t>
    </rPh>
    <rPh sb="2" eb="4">
      <t>ベッシ</t>
    </rPh>
    <phoneticPr fontId="6"/>
  </si>
  <si>
    <t>加算別紙２０</t>
    <rPh sb="0" eb="2">
      <t>カサン</t>
    </rPh>
    <rPh sb="2" eb="4">
      <t>ベッシ</t>
    </rPh>
    <phoneticPr fontId="6"/>
  </si>
  <si>
    <t>加算別紙２１</t>
    <rPh sb="0" eb="2">
      <t>カサン</t>
    </rPh>
    <rPh sb="2" eb="4">
      <t>ベッシ</t>
    </rPh>
    <phoneticPr fontId="6"/>
  </si>
  <si>
    <t>加算別紙２３</t>
    <rPh sb="0" eb="2">
      <t>カサン</t>
    </rPh>
    <rPh sb="2" eb="4">
      <t>ベッシ</t>
    </rPh>
    <phoneticPr fontId="6"/>
  </si>
  <si>
    <t>加算別紙２６</t>
    <rPh sb="0" eb="2">
      <t>カサン</t>
    </rPh>
    <rPh sb="2" eb="4">
      <t>ベッシ</t>
    </rPh>
    <phoneticPr fontId="6"/>
  </si>
  <si>
    <t>加算別紙２７</t>
    <rPh sb="0" eb="2">
      <t>カサン</t>
    </rPh>
    <rPh sb="2" eb="4">
      <t>ベッシ</t>
    </rPh>
    <phoneticPr fontId="6"/>
  </si>
  <si>
    <t>栄養士配置加算及び栄養マネジメント加算に関する届出書</t>
    <rPh sb="0" eb="3">
      <t>エイヨウシ</t>
    </rPh>
    <rPh sb="3" eb="5">
      <t>ハイチ</t>
    </rPh>
    <rPh sb="5" eb="7">
      <t>カサン</t>
    </rPh>
    <rPh sb="7" eb="8">
      <t>オヨ</t>
    </rPh>
    <rPh sb="9" eb="11">
      <t>エイヨウ</t>
    </rPh>
    <rPh sb="17" eb="19">
      <t>カサン</t>
    </rPh>
    <rPh sb="20" eb="21">
      <t>カン</t>
    </rPh>
    <rPh sb="23" eb="26">
      <t>トドケデショ</t>
    </rPh>
    <phoneticPr fontId="6"/>
  </si>
  <si>
    <t>　２　栄養士配置の状況</t>
    <rPh sb="3" eb="5">
      <t>エイヨウ</t>
    </rPh>
    <rPh sb="5" eb="6">
      <t>シ</t>
    </rPh>
    <rPh sb="6" eb="8">
      <t>ハイチ</t>
    </rPh>
    <rPh sb="9" eb="11">
      <t>ジョウキョウ</t>
    </rPh>
    <phoneticPr fontId="6"/>
  </si>
  <si>
    <t>栄養士</t>
    <rPh sb="0" eb="3">
      <t>エイヨウシ</t>
    </rPh>
    <phoneticPr fontId="6"/>
  </si>
  <si>
    <t>　３　栄養マネジメントの状況</t>
    <rPh sb="3" eb="5">
      <t>エイヨウ</t>
    </rPh>
    <rPh sb="12" eb="14">
      <t>ジョウキョウ</t>
    </rPh>
    <phoneticPr fontId="6"/>
  </si>
  <si>
    <t>重度障害者の状況</t>
    <rPh sb="0" eb="2">
      <t>ジュウド</t>
    </rPh>
    <rPh sb="2" eb="5">
      <t>ショウガイシャ</t>
    </rPh>
    <rPh sb="6" eb="8">
      <t>ジョウキョウ</t>
    </rPh>
    <phoneticPr fontId="6"/>
  </si>
  <si>
    <t>気管切開を伴う人工呼吸器による呼吸管理が必要な者又は重症心身障害者の該当の有無</t>
    <rPh sb="0" eb="2">
      <t>キカン</t>
    </rPh>
    <rPh sb="2" eb="4">
      <t>セッカイ</t>
    </rPh>
    <rPh sb="5" eb="6">
      <t>トモナ</t>
    </rPh>
    <rPh sb="7" eb="9">
      <t>ジンコウ</t>
    </rPh>
    <rPh sb="9" eb="11">
      <t>コキュウ</t>
    </rPh>
    <rPh sb="11" eb="12">
      <t>キ</t>
    </rPh>
    <rPh sb="15" eb="17">
      <t>コキュウ</t>
    </rPh>
    <rPh sb="17" eb="19">
      <t>カンリ</t>
    </rPh>
    <rPh sb="20" eb="22">
      <t>ヒツヨウ</t>
    </rPh>
    <rPh sb="23" eb="24">
      <t>モノ</t>
    </rPh>
    <rPh sb="24" eb="25">
      <t>マタ</t>
    </rPh>
    <rPh sb="26" eb="28">
      <t>ジュウショウ</t>
    </rPh>
    <rPh sb="28" eb="30">
      <t>シンシン</t>
    </rPh>
    <rPh sb="30" eb="33">
      <t>ショウガイシャ</t>
    </rPh>
    <rPh sb="34" eb="36">
      <t>ガイトウ</t>
    </rPh>
    <rPh sb="37" eb="39">
      <t>ウム</t>
    </rPh>
    <phoneticPr fontId="6"/>
  </si>
  <si>
    <t>区分５</t>
    <rPh sb="0" eb="2">
      <t>クブン</t>
    </rPh>
    <phoneticPr fontId="6"/>
  </si>
  <si>
    <t>区分６</t>
    <rPh sb="0" eb="2">
      <t>クブン</t>
    </rPh>
    <phoneticPr fontId="6"/>
  </si>
  <si>
    <t>気管切開の処置</t>
    <rPh sb="0" eb="2">
      <t>キカン</t>
    </rPh>
    <rPh sb="2" eb="4">
      <t>セッカイ</t>
    </rPh>
    <rPh sb="5" eb="7">
      <t>ショチ</t>
    </rPh>
    <phoneticPr fontId="6"/>
  </si>
  <si>
    <t>点滴の管理</t>
    <rPh sb="0" eb="2">
      <t>テンテキ</t>
    </rPh>
    <rPh sb="3" eb="5">
      <t>カンリ</t>
    </rPh>
    <phoneticPr fontId="6"/>
  </si>
  <si>
    <t>透析</t>
    <rPh sb="0" eb="2">
      <t>トウセキ</t>
    </rPh>
    <phoneticPr fontId="6"/>
  </si>
  <si>
    <t>ストーマの処置</t>
    <rPh sb="5" eb="7">
      <t>ショチ</t>
    </rPh>
    <phoneticPr fontId="6"/>
  </si>
  <si>
    <t>サービスの種類</t>
    <rPh sb="5" eb="7">
      <t>シュルイ</t>
    </rPh>
    <phoneticPr fontId="6"/>
  </si>
  <si>
    <t>事業所・施設の所在地</t>
    <rPh sb="0" eb="3">
      <t>ジギョウショ</t>
    </rPh>
    <rPh sb="4" eb="6">
      <t>シセツ</t>
    </rPh>
    <rPh sb="7" eb="10">
      <t>ショザイチ</t>
    </rPh>
    <phoneticPr fontId="6"/>
  </si>
  <si>
    <t>食事の提供体制</t>
    <rPh sb="0" eb="2">
      <t>ショクジ</t>
    </rPh>
    <rPh sb="3" eb="5">
      <t>テイキョウ</t>
    </rPh>
    <rPh sb="5" eb="7">
      <t>タイセイ</t>
    </rPh>
    <phoneticPr fontId="6"/>
  </si>
  <si>
    <t>食事提供に係る
人員配置</t>
    <rPh sb="0" eb="2">
      <t>ショクジ</t>
    </rPh>
    <rPh sb="2" eb="4">
      <t>テイキョウ</t>
    </rPh>
    <rPh sb="5" eb="6">
      <t>カカ</t>
    </rPh>
    <rPh sb="8" eb="10">
      <t>ジンイン</t>
    </rPh>
    <rPh sb="10" eb="12">
      <t>ハイチ</t>
    </rPh>
    <phoneticPr fontId="6"/>
  </si>
  <si>
    <t>業務委託先</t>
    <rPh sb="0" eb="2">
      <t>ギョウム</t>
    </rPh>
    <rPh sb="2" eb="5">
      <t>イタクサキ</t>
    </rPh>
    <phoneticPr fontId="6"/>
  </si>
  <si>
    <t>適切な食事提供
の確保方策</t>
    <rPh sb="0" eb="2">
      <t>テキセツ</t>
    </rPh>
    <rPh sb="3" eb="5">
      <t>ショクジ</t>
    </rPh>
    <rPh sb="5" eb="7">
      <t>テイキョウ</t>
    </rPh>
    <rPh sb="9" eb="11">
      <t>カクホ</t>
    </rPh>
    <rPh sb="11" eb="13">
      <t>ホウサク</t>
    </rPh>
    <phoneticPr fontId="6"/>
  </si>
  <si>
    <r>
      <t xml:space="preserve">地域移行支援体制強化加算及び通勤者生活支援加算に係る体制
</t>
    </r>
    <r>
      <rPr>
        <sz val="11"/>
        <rFont val="ＭＳ Ｐゴシック"/>
        <family val="3"/>
        <charset val="128"/>
      </rPr>
      <t>（宿泊型自立訓練事業所）</t>
    </r>
    <rPh sb="0" eb="2">
      <t>チイキ</t>
    </rPh>
    <rPh sb="2" eb="4">
      <t>イコウ</t>
    </rPh>
    <rPh sb="4" eb="6">
      <t>シエン</t>
    </rPh>
    <rPh sb="6" eb="8">
      <t>タイセイ</t>
    </rPh>
    <rPh sb="8" eb="10">
      <t>キョウカ</t>
    </rPh>
    <rPh sb="10" eb="12">
      <t>カサン</t>
    </rPh>
    <rPh sb="12" eb="13">
      <t>オヨ</t>
    </rPh>
    <rPh sb="14" eb="17">
      <t>ツウキンシャ</t>
    </rPh>
    <rPh sb="17" eb="19">
      <t>セイカツ</t>
    </rPh>
    <rPh sb="19" eb="21">
      <t>シエン</t>
    </rPh>
    <rPh sb="21" eb="23">
      <t>カサン</t>
    </rPh>
    <rPh sb="24" eb="25">
      <t>カカ</t>
    </rPh>
    <rPh sb="26" eb="28">
      <t>タイセイ</t>
    </rPh>
    <rPh sb="30" eb="33">
      <t>シュクハクガタ</t>
    </rPh>
    <rPh sb="33" eb="35">
      <t>ジリツ</t>
    </rPh>
    <rPh sb="35" eb="37">
      <t>クンレン</t>
    </rPh>
    <rPh sb="37" eb="40">
      <t>ジギョウショ</t>
    </rPh>
    <phoneticPr fontId="6"/>
  </si>
  <si>
    <t>注４　「通勤者生活支援に係る体制」欄には、通常の事業所に雇用されている者を記載してください。</t>
    <rPh sb="0" eb="1">
      <t>チュウ</t>
    </rPh>
    <rPh sb="4" eb="7">
      <t>ツウキンシャ</t>
    </rPh>
    <rPh sb="7" eb="9">
      <t>セイカツ</t>
    </rPh>
    <rPh sb="9" eb="11">
      <t>シエン</t>
    </rPh>
    <rPh sb="12" eb="13">
      <t>カカ</t>
    </rPh>
    <rPh sb="14" eb="16">
      <t>タイセイ</t>
    </rPh>
    <rPh sb="17" eb="18">
      <t>ラン</t>
    </rPh>
    <rPh sb="21" eb="23">
      <t>ツウジョウ</t>
    </rPh>
    <rPh sb="24" eb="27">
      <t>ジギョウショ</t>
    </rPh>
    <rPh sb="28" eb="30">
      <t>コヨウ</t>
    </rPh>
    <rPh sb="35" eb="36">
      <t>シャ</t>
    </rPh>
    <rPh sb="37" eb="39">
      <t>キサイ</t>
    </rPh>
    <phoneticPr fontId="6"/>
  </si>
  <si>
    <t>事業所番号</t>
    <rPh sb="3" eb="4">
      <t>バン</t>
    </rPh>
    <rPh sb="4" eb="5">
      <t>ゴウ</t>
    </rPh>
    <phoneticPr fontId="6"/>
  </si>
  <si>
    <t>事業所名</t>
    <phoneticPr fontId="6"/>
  </si>
  <si>
    <t>夜間支援等体制加算（Ⅰ）・（Ⅱ）</t>
    <rPh sb="0" eb="2">
      <t>ヤカン</t>
    </rPh>
    <rPh sb="2" eb="4">
      <t>シエン</t>
    </rPh>
    <rPh sb="4" eb="5">
      <t>トウ</t>
    </rPh>
    <rPh sb="5" eb="7">
      <t>タイセイ</t>
    </rPh>
    <rPh sb="7" eb="9">
      <t>カサン</t>
    </rPh>
    <phoneticPr fontId="6"/>
  </si>
  <si>
    <t>夜間支援の対象者数及び夜間支援従事者の配置状況</t>
    <rPh sb="11" eb="13">
      <t>ヤカン</t>
    </rPh>
    <rPh sb="13" eb="15">
      <t>シエン</t>
    </rPh>
    <rPh sb="15" eb="18">
      <t>ジュウジシャ</t>
    </rPh>
    <rPh sb="19" eb="21">
      <t>ハイチ</t>
    </rPh>
    <rPh sb="21" eb="23">
      <t>ジョウキョウ</t>
    </rPh>
    <phoneticPr fontId="6"/>
  </si>
  <si>
    <t>共同生活住居名</t>
    <phoneticPr fontId="6"/>
  </si>
  <si>
    <t>夜間支援の対象者数（人）</t>
    <rPh sb="5" eb="8">
      <t>タイショウシャ</t>
    </rPh>
    <rPh sb="8" eb="9">
      <t>スウ</t>
    </rPh>
    <phoneticPr fontId="6"/>
  </si>
  <si>
    <t>１人の夜間支援従事者が支援を行う利用者の数（人）</t>
    <rPh sb="1" eb="2">
      <t>ニン</t>
    </rPh>
    <rPh sb="7" eb="10">
      <t>ジュウジシャ</t>
    </rPh>
    <rPh sb="11" eb="13">
      <t>シエン</t>
    </rPh>
    <rPh sb="14" eb="15">
      <t>オコナ</t>
    </rPh>
    <rPh sb="16" eb="19">
      <t>リヨウシャ</t>
    </rPh>
    <rPh sb="20" eb="21">
      <t>カズ</t>
    </rPh>
    <rPh sb="22" eb="23">
      <t>ニン</t>
    </rPh>
    <phoneticPr fontId="6"/>
  </si>
  <si>
    <t>夜間支援従事者①</t>
    <phoneticPr fontId="6"/>
  </si>
  <si>
    <t>夜間支援従事者②</t>
    <phoneticPr fontId="6"/>
  </si>
  <si>
    <t>夜間支援従事者③</t>
    <phoneticPr fontId="6"/>
  </si>
  <si>
    <t>配置場所から最も離れた共同生活住居までの移動時間（複数の共同生活住居の夜間支援を行っている場合）</t>
    <rPh sb="0" eb="2">
      <t>ハイチ</t>
    </rPh>
    <rPh sb="2" eb="4">
      <t>バショ</t>
    </rPh>
    <rPh sb="6" eb="7">
      <t>モット</t>
    </rPh>
    <rPh sb="8" eb="9">
      <t>ハナ</t>
    </rPh>
    <rPh sb="11" eb="13">
      <t>キョウドウ</t>
    </rPh>
    <rPh sb="13" eb="15">
      <t>セイカツ</t>
    </rPh>
    <rPh sb="15" eb="17">
      <t>ジュウキョ</t>
    </rPh>
    <rPh sb="20" eb="22">
      <t>イドウ</t>
    </rPh>
    <rPh sb="22" eb="24">
      <t>ジカン</t>
    </rPh>
    <phoneticPr fontId="6"/>
  </si>
  <si>
    <t>配置場所とグループホームとの間の連絡体制（非常通報装置・携帯電話等）（複数の共同生活住居の夜間支援を行っている場合）</t>
    <rPh sb="0" eb="2">
      <t>ハイチ</t>
    </rPh>
    <rPh sb="2" eb="4">
      <t>バショ</t>
    </rPh>
    <rPh sb="14" eb="15">
      <t>アイダ</t>
    </rPh>
    <rPh sb="16" eb="18">
      <t>レンラク</t>
    </rPh>
    <rPh sb="18" eb="20">
      <t>タイセイ</t>
    </rPh>
    <rPh sb="21" eb="23">
      <t>ヒジョウ</t>
    </rPh>
    <rPh sb="23" eb="25">
      <t>ツウホウ</t>
    </rPh>
    <rPh sb="25" eb="27">
      <t>ソウチ</t>
    </rPh>
    <rPh sb="28" eb="30">
      <t>ケイタイ</t>
    </rPh>
    <rPh sb="30" eb="32">
      <t>デンワ</t>
    </rPh>
    <rPh sb="32" eb="33">
      <t>トウ</t>
    </rPh>
    <phoneticPr fontId="6"/>
  </si>
  <si>
    <t>夜間支援体制を確保している夜間及び深夜の時間帯</t>
    <rPh sb="0" eb="2">
      <t>ヤカン</t>
    </rPh>
    <rPh sb="2" eb="4">
      <t>シエン</t>
    </rPh>
    <rPh sb="4" eb="6">
      <t>タイセイ</t>
    </rPh>
    <rPh sb="7" eb="9">
      <t>カクホ</t>
    </rPh>
    <rPh sb="13" eb="15">
      <t>ヤカン</t>
    </rPh>
    <rPh sb="15" eb="16">
      <t>オヨ</t>
    </rPh>
    <rPh sb="17" eb="19">
      <t>シンヤ</t>
    </rPh>
    <rPh sb="20" eb="23">
      <t>ジカンタイ</t>
    </rPh>
    <phoneticPr fontId="6"/>
  </si>
  <si>
    <t>夜間支援等体制加算（Ⅲ）</t>
    <rPh sb="4" eb="5">
      <t>トウ</t>
    </rPh>
    <phoneticPr fontId="6"/>
  </si>
  <si>
    <t>注１　記入欄が不足する場合は、適宜欄を設けるなどして記載してください。</t>
    <rPh sb="3" eb="5">
      <t>キニュウ</t>
    </rPh>
    <rPh sb="5" eb="6">
      <t>ラン</t>
    </rPh>
    <rPh sb="7" eb="9">
      <t>フソク</t>
    </rPh>
    <rPh sb="11" eb="13">
      <t>バアイ</t>
    </rPh>
    <rPh sb="15" eb="17">
      <t>テキギ</t>
    </rPh>
    <rPh sb="17" eb="18">
      <t>ラン</t>
    </rPh>
    <rPh sb="19" eb="20">
      <t>モウ</t>
    </rPh>
    <rPh sb="26" eb="28">
      <t>キサイ</t>
    </rPh>
    <phoneticPr fontId="6"/>
  </si>
  <si>
    <t>注７　夜間支援等体制加算（Ⅲ）の２については、事業所の人員体制や利用者との連絡体制を含め、具体的に記入して下さい。</t>
    <rPh sb="7" eb="8">
      <t>トウ</t>
    </rPh>
    <rPh sb="23" eb="26">
      <t>ジギョウショ</t>
    </rPh>
    <rPh sb="27" eb="29">
      <t>ジンイン</t>
    </rPh>
    <rPh sb="29" eb="31">
      <t>タイセイ</t>
    </rPh>
    <rPh sb="32" eb="35">
      <t>リヨウシャ</t>
    </rPh>
    <rPh sb="37" eb="39">
      <t>レンラク</t>
    </rPh>
    <rPh sb="39" eb="41">
      <t>タイセイ</t>
    </rPh>
    <rPh sb="42" eb="43">
      <t>フク</t>
    </rPh>
    <rPh sb="45" eb="48">
      <t>グタイテキ</t>
    </rPh>
    <rPh sb="49" eb="51">
      <t>キニュウ</t>
    </rPh>
    <rPh sb="53" eb="54">
      <t>クダ</t>
    </rPh>
    <phoneticPr fontId="6"/>
  </si>
  <si>
    <t>××××××</t>
    <phoneticPr fontId="6"/>
  </si>
  <si>
    <t>△△県□□市◇◇×－×－×</t>
    <phoneticPr fontId="6"/>
  </si>
  <si>
    <t>××－××××－××××</t>
    <phoneticPr fontId="6"/>
  </si>
  <si>
    <t>◎◎　◎◎</t>
    <phoneticPr fontId="6"/>
  </si>
  <si>
    <t>Ａホーム</t>
    <phoneticPr fontId="6"/>
  </si>
  <si>
    <t>宿直</t>
    <rPh sb="0" eb="2">
      <t>シュクチョク</t>
    </rPh>
    <phoneticPr fontId="6"/>
  </si>
  <si>
    <t>Ｂホーム</t>
    <phoneticPr fontId="6"/>
  </si>
  <si>
    <t>Ｃホーム</t>
    <phoneticPr fontId="6"/>
  </si>
  <si>
    <t>夜勤</t>
    <rPh sb="0" eb="2">
      <t>ヤキン</t>
    </rPh>
    <phoneticPr fontId="6"/>
  </si>
  <si>
    <t>22:00～6:00</t>
    <phoneticPr fontId="6"/>
  </si>
  <si>
    <t>事業所所在地</t>
    <rPh sb="0" eb="3">
      <t>ジギョウショ</t>
    </rPh>
    <rPh sb="3" eb="6">
      <t>ショザイチ</t>
    </rPh>
    <phoneticPr fontId="6"/>
  </si>
  <si>
    <t>１　新規　　　　　　　　　２　変更　　　　　　　　　　３　終了</t>
  </si>
  <si>
    <t>看護師の配置状況（事業所の職員として看護師を確保している場合）</t>
    <phoneticPr fontId="6"/>
  </si>
  <si>
    <t>配置する看護師の数（人）</t>
    <rPh sb="4" eb="7">
      <t>カンゴシ</t>
    </rPh>
    <rPh sb="8" eb="9">
      <t>カズ</t>
    </rPh>
    <rPh sb="10" eb="11">
      <t>ニン</t>
    </rPh>
    <phoneticPr fontId="6"/>
  </si>
  <si>
    <t>他事業所との併任</t>
    <phoneticPr fontId="6"/>
  </si>
  <si>
    <t>有　　・　　無</t>
    <rPh sb="0" eb="1">
      <t>ア</t>
    </rPh>
    <rPh sb="6" eb="7">
      <t>ナ</t>
    </rPh>
    <phoneticPr fontId="6"/>
  </si>
  <si>
    <t>訪問看護ステーション等との提携状況（訪問看護ステーション等との連携により看護師を確保している場合）</t>
    <rPh sb="10" eb="11">
      <t>トウ</t>
    </rPh>
    <rPh sb="28" eb="29">
      <t>トウ</t>
    </rPh>
    <phoneticPr fontId="6"/>
  </si>
  <si>
    <t>訪問看護ステーション等の名称</t>
    <rPh sb="10" eb="11">
      <t>トウ</t>
    </rPh>
    <phoneticPr fontId="6"/>
  </si>
  <si>
    <t>訪問看護ステーション等の所在地</t>
    <rPh sb="10" eb="11">
      <t>トウ</t>
    </rPh>
    <phoneticPr fontId="6"/>
  </si>
  <si>
    <t>看護師の勤務状況</t>
    <rPh sb="0" eb="3">
      <t>カンゴシ</t>
    </rPh>
    <rPh sb="4" eb="6">
      <t>キンム</t>
    </rPh>
    <rPh sb="6" eb="8">
      <t>ジョウキョウ</t>
    </rPh>
    <phoneticPr fontId="6"/>
  </si>
  <si>
    <t>その他の体制の整備状況</t>
    <rPh sb="2" eb="3">
      <t>タ</t>
    </rPh>
    <rPh sb="4" eb="6">
      <t>タイセイ</t>
    </rPh>
    <rPh sb="7" eb="9">
      <t>セイビ</t>
    </rPh>
    <rPh sb="9" eb="11">
      <t>ジョウキョウ</t>
    </rPh>
    <phoneticPr fontId="6"/>
  </si>
  <si>
    <t>看護師に２４時間常時連絡できる体制を整備している。</t>
    <phoneticPr fontId="6"/>
  </si>
  <si>
    <t>重度化した場合の対応に係る指針を定め、入居の際に、入居者又はその家族等に対して、当該指針の内容を説明し、同意を得る体制を整備している。</t>
    <phoneticPr fontId="6"/>
  </si>
  <si>
    <t>通勤者生活支援加算に係る体制（共同生活援助事業所）</t>
    <rPh sb="0" eb="3">
      <t>ツウキンシャ</t>
    </rPh>
    <rPh sb="3" eb="5">
      <t>セイカツ</t>
    </rPh>
    <rPh sb="5" eb="7">
      <t>シエン</t>
    </rPh>
    <rPh sb="7" eb="9">
      <t>カサン</t>
    </rPh>
    <rPh sb="10" eb="11">
      <t>カカ</t>
    </rPh>
    <rPh sb="12" eb="14">
      <t>タイセイ</t>
    </rPh>
    <rPh sb="15" eb="17">
      <t>キョウドウ</t>
    </rPh>
    <rPh sb="17" eb="19">
      <t>セイカツ</t>
    </rPh>
    <rPh sb="19" eb="21">
      <t>エンジョ</t>
    </rPh>
    <rPh sb="21" eb="24">
      <t>ジギョウショ</t>
    </rPh>
    <phoneticPr fontId="6"/>
  </si>
  <si>
    <t>共同生活援助に係る体制</t>
    <rPh sb="0" eb="2">
      <t>キョウドウ</t>
    </rPh>
    <rPh sb="2" eb="4">
      <t>セイカツ</t>
    </rPh>
    <rPh sb="4" eb="6">
      <t>エンジョ</t>
    </rPh>
    <rPh sb="7" eb="8">
      <t>カカワ</t>
    </rPh>
    <rPh sb="9" eb="11">
      <t>タイセイ</t>
    </rPh>
    <phoneticPr fontId="6"/>
  </si>
  <si>
    <t>施設区分</t>
    <rPh sb="0" eb="2">
      <t>シセツ</t>
    </rPh>
    <rPh sb="2" eb="4">
      <t>クブン</t>
    </rPh>
    <phoneticPr fontId="6"/>
  </si>
  <si>
    <t>介護サービス包括型　　・　　外部サービス利用型</t>
    <rPh sb="0" eb="2">
      <t>カイゴ</t>
    </rPh>
    <rPh sb="6" eb="8">
      <t>ホウカツ</t>
    </rPh>
    <rPh sb="8" eb="9">
      <t>カタ</t>
    </rPh>
    <rPh sb="14" eb="16">
      <t>ガイブ</t>
    </rPh>
    <rPh sb="20" eb="22">
      <t>リヨウ</t>
    </rPh>
    <rPh sb="22" eb="23">
      <t>ガタ</t>
    </rPh>
    <phoneticPr fontId="6"/>
  </si>
  <si>
    <t>大規模住居減算の該当の有無（該当する場合に○）</t>
    <rPh sb="0" eb="3">
      <t>ダイキボ</t>
    </rPh>
    <rPh sb="3" eb="5">
      <t>ジュウキョ</t>
    </rPh>
    <rPh sb="5" eb="7">
      <t>ゲンサン</t>
    </rPh>
    <rPh sb="8" eb="10">
      <t>ガイトウ</t>
    </rPh>
    <rPh sb="11" eb="13">
      <t>ウム</t>
    </rPh>
    <rPh sb="14" eb="16">
      <t>ガイトウ</t>
    </rPh>
    <rPh sb="18" eb="20">
      <t>バアイ</t>
    </rPh>
    <phoneticPr fontId="6"/>
  </si>
  <si>
    <t>Aホーム</t>
    <phoneticPr fontId="6"/>
  </si>
  <si>
    <t>○○○○○○○</t>
    <phoneticPr fontId="6"/>
  </si>
  <si>
    <t>４人</t>
    <rPh sb="1" eb="2">
      <t>ヒト</t>
    </rPh>
    <phoneticPr fontId="6"/>
  </si>
  <si>
    <t>Bホーム</t>
    <phoneticPr fontId="6"/>
  </si>
  <si>
    <t>２０人</t>
    <rPh sb="2" eb="3">
      <t>ヒト</t>
    </rPh>
    <phoneticPr fontId="6"/>
  </si>
  <si>
    <t>Cホーム</t>
    <phoneticPr fontId="6"/>
  </si>
  <si>
    <t>５人</t>
    <rPh sb="1" eb="2">
      <t>ヒト</t>
    </rPh>
    <phoneticPr fontId="6"/>
  </si>
  <si>
    <t>合計（か所数）</t>
    <rPh sb="0" eb="2">
      <t>ゴウケイ</t>
    </rPh>
    <rPh sb="4" eb="5">
      <t>トコロ</t>
    </rPh>
    <rPh sb="5" eb="6">
      <t>カズ</t>
    </rPh>
    <phoneticPr fontId="6"/>
  </si>
  <si>
    <t>２９人</t>
    <rPh sb="2" eb="3">
      <t>ヒト</t>
    </rPh>
    <phoneticPr fontId="6"/>
  </si>
  <si>
    <t>介護サービス提供対象者の状況（区分２以上）</t>
    <rPh sb="0" eb="2">
      <t>カイゴ</t>
    </rPh>
    <rPh sb="6" eb="8">
      <t>テイキョウ</t>
    </rPh>
    <rPh sb="8" eb="11">
      <t>タイショウシャ</t>
    </rPh>
    <rPh sb="12" eb="14">
      <t>ジョウキョウ</t>
    </rPh>
    <rPh sb="15" eb="17">
      <t>クブン</t>
    </rPh>
    <rPh sb="18" eb="20">
      <t>イジョウ</t>
    </rPh>
    <phoneticPr fontId="6"/>
  </si>
  <si>
    <t>夜間支援体制の
内容</t>
    <rPh sb="0" eb="2">
      <t>ヤカン</t>
    </rPh>
    <rPh sb="2" eb="4">
      <t>シエン</t>
    </rPh>
    <rPh sb="4" eb="6">
      <t>タイセイ</t>
    </rPh>
    <rPh sb="8" eb="10">
      <t>ナイヨウ</t>
    </rPh>
    <phoneticPr fontId="6"/>
  </si>
  <si>
    <t>障害支援区分</t>
    <rPh sb="0" eb="2">
      <t>ショウガイ</t>
    </rPh>
    <rPh sb="2" eb="4">
      <t>シエン</t>
    </rPh>
    <rPh sb="4" eb="6">
      <t>クブン</t>
    </rPh>
    <phoneticPr fontId="6"/>
  </si>
  <si>
    <t>重度障害者等包括支援対象者の有無（該当する者に○）</t>
    <rPh sb="0" eb="2">
      <t>ジュウド</t>
    </rPh>
    <rPh sb="2" eb="5">
      <t>ショウガイシャ</t>
    </rPh>
    <rPh sb="5" eb="6">
      <t>トウ</t>
    </rPh>
    <rPh sb="6" eb="8">
      <t>ホウカツ</t>
    </rPh>
    <rPh sb="8" eb="10">
      <t>シエン</t>
    </rPh>
    <rPh sb="10" eb="13">
      <t>タイショウシャ</t>
    </rPh>
    <rPh sb="14" eb="16">
      <t>ウム</t>
    </rPh>
    <rPh sb="17" eb="19">
      <t>ガイトウ</t>
    </rPh>
    <rPh sb="21" eb="22">
      <t>モノ</t>
    </rPh>
    <phoneticPr fontId="6"/>
  </si>
  <si>
    <t>○○○○</t>
    <phoneticPr fontId="6"/>
  </si>
  <si>
    <t>重度障害者等包括支援対象者の数の合計数</t>
    <rPh sb="0" eb="2">
      <t>ジュウド</t>
    </rPh>
    <rPh sb="2" eb="5">
      <t>ショウガイシャ</t>
    </rPh>
    <rPh sb="5" eb="6">
      <t>トウ</t>
    </rPh>
    <rPh sb="6" eb="8">
      <t>ホウカツ</t>
    </rPh>
    <rPh sb="8" eb="10">
      <t>シエン</t>
    </rPh>
    <rPh sb="10" eb="13">
      <t>タイショウシャ</t>
    </rPh>
    <rPh sb="14" eb="15">
      <t>カズ</t>
    </rPh>
    <rPh sb="16" eb="19">
      <t>ゴウケイスウ</t>
    </rPh>
    <phoneticPr fontId="6"/>
  </si>
  <si>
    <t>１人</t>
    <rPh sb="1" eb="2">
      <t>ヒト</t>
    </rPh>
    <phoneticPr fontId="6"/>
  </si>
  <si>
    <t>注　「加算の該当の有無」欄については、各加算の要件を確認のうえ、加算要件に該当する場合に○をしてください。</t>
    <rPh sb="0" eb="1">
      <t>チュウ</t>
    </rPh>
    <rPh sb="3" eb="5">
      <t>カサン</t>
    </rPh>
    <rPh sb="6" eb="8">
      <t>ガイトウ</t>
    </rPh>
    <rPh sb="9" eb="11">
      <t>ウム</t>
    </rPh>
    <rPh sb="12" eb="13">
      <t>ラン</t>
    </rPh>
    <rPh sb="19" eb="20">
      <t>カク</t>
    </rPh>
    <rPh sb="20" eb="22">
      <t>カサン</t>
    </rPh>
    <rPh sb="23" eb="25">
      <t>ヨウケン</t>
    </rPh>
    <rPh sb="26" eb="28">
      <t>カクニン</t>
    </rPh>
    <rPh sb="32" eb="34">
      <t>カサン</t>
    </rPh>
    <rPh sb="34" eb="36">
      <t>ヨウケン</t>
    </rPh>
    <rPh sb="37" eb="39">
      <t>ガイトウ</t>
    </rPh>
    <rPh sb="41" eb="43">
      <t>バアイ</t>
    </rPh>
    <phoneticPr fontId="6"/>
  </si>
  <si>
    <t>　　２　「看護職員配置の状況」には、当該施設における看護職員総数（実数）と施設入所支</t>
    <rPh sb="5" eb="7">
      <t>カンゴ</t>
    </rPh>
    <rPh sb="7" eb="9">
      <t>ショクイン</t>
    </rPh>
    <rPh sb="9" eb="11">
      <t>ハイチ</t>
    </rPh>
    <rPh sb="12" eb="14">
      <t>ジョウキョウ</t>
    </rPh>
    <rPh sb="18" eb="20">
      <t>トウガイ</t>
    </rPh>
    <rPh sb="20" eb="22">
      <t>シセツ</t>
    </rPh>
    <rPh sb="26" eb="28">
      <t>カンゴ</t>
    </rPh>
    <rPh sb="28" eb="30">
      <t>ショクイン</t>
    </rPh>
    <rPh sb="30" eb="32">
      <t>ソウスウ</t>
    </rPh>
    <rPh sb="33" eb="35">
      <t>ジッスウ</t>
    </rPh>
    <rPh sb="37" eb="39">
      <t>シセツ</t>
    </rPh>
    <rPh sb="39" eb="41">
      <t>ニュウショ</t>
    </rPh>
    <rPh sb="41" eb="42">
      <t>シ</t>
    </rPh>
    <phoneticPr fontId="6"/>
  </si>
  <si>
    <t>援を提供する時間における看護体制を記載してください。</t>
    <phoneticPr fontId="6"/>
  </si>
  <si>
    <t>当該施設の前年度の平均実利用者数</t>
    <rPh sb="0" eb="2">
      <t>トウガイ</t>
    </rPh>
    <rPh sb="2" eb="4">
      <t>シセツ</t>
    </rPh>
    <rPh sb="5" eb="8">
      <t>ゼンネンド</t>
    </rPh>
    <rPh sb="9" eb="11">
      <t>ヘイキン</t>
    </rPh>
    <rPh sb="11" eb="15">
      <t>ジツリヨウシャ</t>
    </rPh>
    <phoneticPr fontId="6"/>
  </si>
  <si>
    <t>当該施設の平均障害支援区分</t>
    <rPh sb="0" eb="2">
      <t>トウガイ</t>
    </rPh>
    <rPh sb="2" eb="4">
      <t>シセツ</t>
    </rPh>
    <rPh sb="5" eb="7">
      <t>ヘイキン</t>
    </rPh>
    <rPh sb="7" eb="9">
      <t>ショウガイ</t>
    </rPh>
    <rPh sb="9" eb="11">
      <t>シエン</t>
    </rPh>
    <rPh sb="11" eb="13">
      <t>クブン</t>
    </rPh>
    <phoneticPr fontId="6"/>
  </si>
  <si>
    <r>
      <rPr>
        <sz val="11"/>
        <rFont val="ＭＳ ゴシック"/>
        <family val="3"/>
        <charset val="128"/>
      </rPr>
      <t>人員体制</t>
    </r>
    <r>
      <rPr>
        <sz val="9"/>
        <rFont val="ＭＳ ゴシック"/>
        <family val="3"/>
        <charset val="128"/>
      </rPr>
      <t>（生活介護の人員配置体制加算の内容）</t>
    </r>
    <rPh sb="0" eb="2">
      <t>ジンイン</t>
    </rPh>
    <rPh sb="2" eb="4">
      <t>タイセイ</t>
    </rPh>
    <rPh sb="5" eb="7">
      <t>セイカツ</t>
    </rPh>
    <rPh sb="7" eb="9">
      <t>カイゴ</t>
    </rPh>
    <rPh sb="10" eb="12">
      <t>ジンイン</t>
    </rPh>
    <rPh sb="12" eb="14">
      <t>ハイチ</t>
    </rPh>
    <rPh sb="14" eb="16">
      <t>タイセイ</t>
    </rPh>
    <rPh sb="16" eb="18">
      <t>カサン</t>
    </rPh>
    <rPh sb="19" eb="21">
      <t>ナイヨウ</t>
    </rPh>
    <phoneticPr fontId="6"/>
  </si>
  <si>
    <t>うち２０％</t>
    <phoneticPr fontId="6"/>
  </si>
  <si>
    <t xml:space="preserve">1.7:1　　　2:1　　　2.5:1　　　なし   </t>
    <phoneticPr fontId="6"/>
  </si>
  <si>
    <t>障害支援区分</t>
    <phoneticPr fontId="6"/>
  </si>
  <si>
    <t>人員体制（生活介護の人員配置体制加算の内容）</t>
    <rPh sb="0" eb="2">
      <t>ジンイン</t>
    </rPh>
    <rPh sb="2" eb="4">
      <t>タイセイ</t>
    </rPh>
    <rPh sb="5" eb="7">
      <t>セイカツ</t>
    </rPh>
    <rPh sb="7" eb="9">
      <t>カイゴ</t>
    </rPh>
    <rPh sb="10" eb="12">
      <t>ジンイン</t>
    </rPh>
    <rPh sb="12" eb="14">
      <t>ハイチ</t>
    </rPh>
    <rPh sb="14" eb="16">
      <t>タイセイ</t>
    </rPh>
    <rPh sb="16" eb="18">
      <t>カサン</t>
    </rPh>
    <rPh sb="19" eb="21">
      <t>ナイヨウ</t>
    </rPh>
    <phoneticPr fontId="6"/>
  </si>
  <si>
    <t>Ａ</t>
    <phoneticPr fontId="6"/>
  </si>
  <si>
    <t>カテーテル</t>
    <phoneticPr fontId="6"/>
  </si>
  <si>
    <t>Ｂ</t>
    <phoneticPr fontId="6"/>
  </si>
  <si>
    <t>○</t>
    <phoneticPr fontId="6"/>
  </si>
  <si>
    <t>Ｃ</t>
    <phoneticPr fontId="6"/>
  </si>
  <si>
    <t>Ｄ</t>
    <phoneticPr fontId="6"/>
  </si>
  <si>
    <t>Ｅ</t>
    <phoneticPr fontId="6"/>
  </si>
  <si>
    <t>Ｆ</t>
    <phoneticPr fontId="6"/>
  </si>
  <si>
    <t>　　２　ここでいう常勤とは、「障害者の日常生活及び社会生活を総合的に支援するための法律に基づく指定障害福祉サー</t>
    <rPh sb="9" eb="11">
      <t>ジョウキン</t>
    </rPh>
    <rPh sb="15" eb="43">
      <t>ソウゴウシエンホウ</t>
    </rPh>
    <rPh sb="44" eb="45">
      <t>モト</t>
    </rPh>
    <rPh sb="47" eb="49">
      <t>シテイ</t>
    </rPh>
    <rPh sb="49" eb="51">
      <t>ショウガイ</t>
    </rPh>
    <rPh sb="51" eb="53">
      <t>フクシ</t>
    </rPh>
    <phoneticPr fontId="6"/>
  </si>
  <si>
    <t>　１回の送迎につき、平均１０人以上（ただし、利用定員が20人未満の事業所にあっては、１回の送迎につき、平均的に定員の100分の50以上）が利用している</t>
    <rPh sb="2" eb="3">
      <t>カイ</t>
    </rPh>
    <rPh sb="4" eb="6">
      <t>ソウゲイ</t>
    </rPh>
    <rPh sb="10" eb="12">
      <t>ヘイキン</t>
    </rPh>
    <rPh sb="14" eb="15">
      <t>ニン</t>
    </rPh>
    <rPh sb="15" eb="17">
      <t>イジョウ</t>
    </rPh>
    <rPh sb="22" eb="24">
      <t>リヨウ</t>
    </rPh>
    <rPh sb="24" eb="26">
      <t>テイイン</t>
    </rPh>
    <rPh sb="29" eb="30">
      <t>ニン</t>
    </rPh>
    <rPh sb="30" eb="32">
      <t>ミマン</t>
    </rPh>
    <rPh sb="33" eb="36">
      <t>ジギョウショ</t>
    </rPh>
    <rPh sb="43" eb="44">
      <t>カイ</t>
    </rPh>
    <rPh sb="45" eb="47">
      <t>ソウゲイ</t>
    </rPh>
    <rPh sb="51" eb="54">
      <t>ヘイキンテキ</t>
    </rPh>
    <rPh sb="55" eb="57">
      <t>テイイン</t>
    </rPh>
    <rPh sb="61" eb="62">
      <t>ブン</t>
    </rPh>
    <rPh sb="65" eb="67">
      <t>イジョウ</t>
    </rPh>
    <rPh sb="69" eb="71">
      <t>リヨウ</t>
    </rPh>
    <phoneticPr fontId="6"/>
  </si>
  <si>
    <t>　週３回以上の送迎を実施している。</t>
    <phoneticPr fontId="6"/>
  </si>
  <si>
    <t>　　　　　「送迎の状況②」欄については、両方に該当する場合は両方に○を付けること。</t>
    <rPh sb="6" eb="8">
      <t>ソウゲイ</t>
    </rPh>
    <rPh sb="9" eb="11">
      <t>ジョウキョウ</t>
    </rPh>
    <rPh sb="13" eb="14">
      <t>ラン</t>
    </rPh>
    <rPh sb="20" eb="22">
      <t>リョウホウ</t>
    </rPh>
    <rPh sb="23" eb="25">
      <t>ガイトウ</t>
    </rPh>
    <rPh sb="27" eb="29">
      <t>バアイ</t>
    </rPh>
    <rPh sb="30" eb="32">
      <t>リョウホウ</t>
    </rPh>
    <rPh sb="35" eb="36">
      <t>ツ</t>
    </rPh>
    <phoneticPr fontId="6"/>
  </si>
  <si>
    <t>　①　特定事業所加算(Ⅰ)　　②　特定事業所加算(Ⅱ)　　③　特定事業所加算(Ⅲ)　④　特定事業所加算（Ⅳ）</t>
    <rPh sb="3" eb="5">
      <t>トクテイ</t>
    </rPh>
    <rPh sb="5" eb="8">
      <t>ジギョウショ</t>
    </rPh>
    <rPh sb="8" eb="10">
      <t>カサン</t>
    </rPh>
    <rPh sb="17" eb="19">
      <t>トクテイ</t>
    </rPh>
    <rPh sb="19" eb="22">
      <t>ジギョウショ</t>
    </rPh>
    <rPh sb="22" eb="24">
      <t>カサン</t>
    </rPh>
    <rPh sb="31" eb="33">
      <t>トクテイ</t>
    </rPh>
    <rPh sb="33" eb="36">
      <t>ジギョウショ</t>
    </rPh>
    <rPh sb="36" eb="38">
      <t>カサン</t>
    </rPh>
    <rPh sb="44" eb="46">
      <t>トクテイ</t>
    </rPh>
    <rPh sb="46" eb="49">
      <t>ジギョウショ</t>
    </rPh>
    <rPh sb="49" eb="51">
      <t>カサン</t>
    </rPh>
    <phoneticPr fontId="6"/>
  </si>
  <si>
    <t>前年度又は前３月間におけるサービス提供時間のうち、常勤の居宅介護従業者によるサービス提供の総時間数</t>
    <rPh sb="0" eb="3">
      <t>ゼンネンド</t>
    </rPh>
    <rPh sb="3" eb="4">
      <t>マタ</t>
    </rPh>
    <rPh sb="5" eb="6">
      <t>ゼン</t>
    </rPh>
    <rPh sb="7" eb="8">
      <t>ツキ</t>
    </rPh>
    <rPh sb="8" eb="9">
      <t>アイダ</t>
    </rPh>
    <rPh sb="17" eb="19">
      <t>テイキョウ</t>
    </rPh>
    <rPh sb="19" eb="21">
      <t>ジカン</t>
    </rPh>
    <rPh sb="25" eb="27">
      <t>ジョウキン</t>
    </rPh>
    <rPh sb="28" eb="30">
      <t>キョタク</t>
    </rPh>
    <rPh sb="30" eb="32">
      <t>カイゴ</t>
    </rPh>
    <rPh sb="32" eb="35">
      <t>ジュウギョウシャ</t>
    </rPh>
    <rPh sb="42" eb="44">
      <t>テイキョウ</t>
    </rPh>
    <rPh sb="45" eb="46">
      <t>ソウ</t>
    </rPh>
    <rPh sb="46" eb="48">
      <t>ジカン</t>
    </rPh>
    <rPh sb="48" eb="49">
      <t>スウ</t>
    </rPh>
    <phoneticPr fontId="6"/>
  </si>
  <si>
    <t>特定事業所加算に係る届出書（同行援護事業所）</t>
    <rPh sb="0" eb="2">
      <t>トクテイ</t>
    </rPh>
    <rPh sb="2" eb="5">
      <t>ジギョウショ</t>
    </rPh>
    <rPh sb="5" eb="7">
      <t>カサン</t>
    </rPh>
    <rPh sb="8" eb="9">
      <t>カカ</t>
    </rPh>
    <rPh sb="10" eb="13">
      <t>トドケデショ</t>
    </rPh>
    <rPh sb="14" eb="16">
      <t>ドウコウ</t>
    </rPh>
    <rPh sb="16" eb="18">
      <t>エンゴ</t>
    </rPh>
    <rPh sb="18" eb="21">
      <t>ジギョウショ</t>
    </rPh>
    <phoneticPr fontId="6"/>
  </si>
  <si>
    <t>①－ア</t>
    <phoneticPr fontId="6"/>
  </si>
  <si>
    <t>②　</t>
    <phoneticPr fontId="6"/>
  </si>
  <si>
    <t>同行援護従業者の総数</t>
    <rPh sb="0" eb="2">
      <t>ドウコウ</t>
    </rPh>
    <rPh sb="2" eb="4">
      <t>エンゴ</t>
    </rPh>
    <rPh sb="4" eb="7">
      <t>ジュウギョウシャ</t>
    </rPh>
    <rPh sb="8" eb="10">
      <t>ソウスウ</t>
    </rPh>
    <phoneticPr fontId="6"/>
  </si>
  <si>
    <t>重度障害者支援加算に関する届出書（短期入所）</t>
    <rPh sb="0" eb="2">
      <t>ジュウド</t>
    </rPh>
    <rPh sb="2" eb="5">
      <t>ショウガイシャ</t>
    </rPh>
    <rPh sb="5" eb="7">
      <t>シエン</t>
    </rPh>
    <rPh sb="7" eb="9">
      <t>カサン</t>
    </rPh>
    <rPh sb="10" eb="11">
      <t>カン</t>
    </rPh>
    <rPh sb="13" eb="15">
      <t>トドケデ</t>
    </rPh>
    <rPh sb="15" eb="16">
      <t>ショ</t>
    </rPh>
    <rPh sb="17" eb="19">
      <t>タンキ</t>
    </rPh>
    <rPh sb="19" eb="21">
      <t>ニュウショ</t>
    </rPh>
    <phoneticPr fontId="6"/>
  </si>
  <si>
    <t>（宿泊型自立訓練）夜間支援等体制加算届出書</t>
    <rPh sb="1" eb="4">
      <t>シュクハクガタ</t>
    </rPh>
    <rPh sb="4" eb="6">
      <t>ジリツ</t>
    </rPh>
    <rPh sb="6" eb="8">
      <t>クンレン</t>
    </rPh>
    <rPh sb="9" eb="11">
      <t>ヤカン</t>
    </rPh>
    <rPh sb="11" eb="13">
      <t>シエン</t>
    </rPh>
    <rPh sb="13" eb="14">
      <t>トウ</t>
    </rPh>
    <rPh sb="14" eb="16">
      <t>タイセイ</t>
    </rPh>
    <rPh sb="16" eb="18">
      <t>カサン</t>
    </rPh>
    <rPh sb="18" eb="21">
      <t>トドケデショ</t>
    </rPh>
    <phoneticPr fontId="6"/>
  </si>
  <si>
    <t>夜間の排せつ支援等を必要とする利用者が入居しているため。</t>
    <phoneticPr fontId="6"/>
  </si>
  <si>
    <t>想定される夜間支援体制（夜勤・宿直）</t>
    <rPh sb="0" eb="2">
      <t>ソウテイ</t>
    </rPh>
    <rPh sb="5" eb="7">
      <t>ヤカン</t>
    </rPh>
    <rPh sb="7" eb="9">
      <t>シエン</t>
    </rPh>
    <rPh sb="9" eb="11">
      <t>タイセイ</t>
    </rPh>
    <rPh sb="12" eb="14">
      <t>ヤキン</t>
    </rPh>
    <rPh sb="15" eb="17">
      <t>トノイ</t>
    </rPh>
    <phoneticPr fontId="6"/>
  </si>
  <si>
    <r>
      <t xml:space="preserve">夜間支援従事者
</t>
    </r>
    <r>
      <rPr>
        <sz val="9"/>
        <color indexed="8"/>
        <rFont val="ＭＳ Ｐゴシック"/>
        <family val="3"/>
        <charset val="128"/>
      </rPr>
      <t>①</t>
    </r>
    <phoneticPr fontId="6"/>
  </si>
  <si>
    <r>
      <t xml:space="preserve">夜間支援従事者
</t>
    </r>
    <r>
      <rPr>
        <sz val="9"/>
        <color indexed="8"/>
        <rFont val="ＭＳ Ｐゴシック"/>
        <family val="3"/>
        <charset val="128"/>
      </rPr>
      <t>②</t>
    </r>
    <phoneticPr fontId="6"/>
  </si>
  <si>
    <r>
      <t xml:space="preserve">夜間支援従事者
</t>
    </r>
    <r>
      <rPr>
        <sz val="9"/>
        <color indexed="8"/>
        <rFont val="ＭＳ Ｐゴシック"/>
        <family val="3"/>
        <charset val="128"/>
      </rPr>
      <t>③</t>
    </r>
    <phoneticPr fontId="6"/>
  </si>
  <si>
    <r>
      <t>注２　夜間支援等体制加算（Ⅰ）・（Ⅱ）</t>
    </r>
    <r>
      <rPr>
        <sz val="10"/>
        <color indexed="8"/>
        <rFont val="ＭＳ Ｐゴシック"/>
        <family val="3"/>
        <charset val="128"/>
      </rPr>
      <t>の２の「夜間支援の対象者数（人）」欄には、事業所における前年度の平均利用者数
　　　（新設の場合は推定数）を記入して下さい。また、前年度の平均利用者数の算定に当たって小数点以下の端数が生じる
　　　場合は、小数点第１位を四捨五入してください。</t>
    </r>
    <rPh sb="33" eb="34">
      <t>ニン</t>
    </rPh>
    <rPh sb="40" eb="43">
      <t>ジギョウショ</t>
    </rPh>
    <rPh sb="68" eb="71">
      <t>スイテイスウ</t>
    </rPh>
    <rPh sb="73" eb="75">
      <t>キニュウ</t>
    </rPh>
    <rPh sb="95" eb="97">
      <t>サンテイ</t>
    </rPh>
    <rPh sb="98" eb="99">
      <t>ア</t>
    </rPh>
    <rPh sb="105" eb="107">
      <t>イカ</t>
    </rPh>
    <rPh sb="108" eb="110">
      <t>ハスウ</t>
    </rPh>
    <rPh sb="111" eb="112">
      <t>ショウ</t>
    </rPh>
    <rPh sb="118" eb="120">
      <t>バアイ</t>
    </rPh>
    <rPh sb="122" eb="125">
      <t>ショウスウテン</t>
    </rPh>
    <phoneticPr fontId="6"/>
  </si>
  <si>
    <r>
      <t>注３　夜間支援等体制加算（Ⅰ）・（Ⅱ）</t>
    </r>
    <r>
      <rPr>
        <sz val="10"/>
        <color indexed="8"/>
        <rFont val="ＭＳ Ｐゴシック"/>
        <family val="3"/>
        <charset val="128"/>
      </rPr>
      <t>の２の「当該住居の夜間支援体制（夜勤・宿直）」欄について、同じ月の中で別々の
　　　日に夜勤又は宿直を配置する場合は、複数枚に書き分けるなど、夜勤を配置する日又は宿直を配置する日それぞれ
　　　の場合の体制について記載してください。</t>
    </r>
    <rPh sb="23" eb="25">
      <t>トウガイ</t>
    </rPh>
    <rPh sb="25" eb="27">
      <t>ジュウキョ</t>
    </rPh>
    <rPh sb="28" eb="30">
      <t>ヤカン</t>
    </rPh>
    <rPh sb="30" eb="32">
      <t>シエン</t>
    </rPh>
    <rPh sb="32" eb="34">
      <t>タイセイ</t>
    </rPh>
    <rPh sb="48" eb="49">
      <t>オナ</t>
    </rPh>
    <rPh sb="50" eb="51">
      <t>ツキ</t>
    </rPh>
    <rPh sb="52" eb="53">
      <t>ナカ</t>
    </rPh>
    <phoneticPr fontId="6"/>
  </si>
  <si>
    <t>注４　夜間支援等体制加算（Ⅲ）については、２、３のいずれか、又は両方を記載してください。</t>
    <rPh sb="3" eb="5">
      <t>ヤカン</t>
    </rPh>
    <rPh sb="5" eb="7">
      <t>シエン</t>
    </rPh>
    <rPh sb="7" eb="8">
      <t>トウ</t>
    </rPh>
    <rPh sb="8" eb="10">
      <t>タイセイ</t>
    </rPh>
    <rPh sb="10" eb="12">
      <t>カサン</t>
    </rPh>
    <rPh sb="30" eb="31">
      <t>マタ</t>
    </rPh>
    <rPh sb="32" eb="34">
      <t>リョウホウ</t>
    </rPh>
    <rPh sb="35" eb="37">
      <t>キサイ</t>
    </rPh>
    <phoneticPr fontId="6"/>
  </si>
  <si>
    <t>注５　夜間支援等体制加算（Ⅲ）の２については、事業所の人員体制や利用者との連絡体制を含め、具体的に記入して
　　　下さい。</t>
    <rPh sb="7" eb="8">
      <t>トウ</t>
    </rPh>
    <rPh sb="23" eb="26">
      <t>ジギョウショ</t>
    </rPh>
    <rPh sb="27" eb="29">
      <t>ジンイン</t>
    </rPh>
    <rPh sb="29" eb="31">
      <t>タイセイ</t>
    </rPh>
    <rPh sb="32" eb="35">
      <t>リヨウシャ</t>
    </rPh>
    <rPh sb="37" eb="39">
      <t>レンラク</t>
    </rPh>
    <rPh sb="39" eb="41">
      <t>タイセイ</t>
    </rPh>
    <rPh sb="42" eb="43">
      <t>フク</t>
    </rPh>
    <rPh sb="45" eb="48">
      <t>グタイテキ</t>
    </rPh>
    <rPh sb="49" eb="51">
      <t>キニュウ</t>
    </rPh>
    <rPh sb="57" eb="58">
      <t>クダ</t>
    </rPh>
    <phoneticPr fontId="6"/>
  </si>
  <si>
    <t>○○事業所</t>
    <phoneticPr fontId="6"/>
  </si>
  <si>
    <r>
      <t xml:space="preserve">夜間支援従事者
</t>
    </r>
    <r>
      <rPr>
        <sz val="9"/>
        <color indexed="8"/>
        <rFont val="ＭＳ Ｐゴシック"/>
        <family val="3"/>
        <charset val="128"/>
      </rPr>
      <t>③</t>
    </r>
    <phoneticPr fontId="6"/>
  </si>
  <si>
    <t>夜勤</t>
    <phoneticPr fontId="6"/>
  </si>
  <si>
    <t>夜間における防災体制の内容
（契約内容等）</t>
    <phoneticPr fontId="6"/>
  </si>
  <si>
    <t>　警備会社（◆◆会社）と警備の委託契約を締結。（契約書の写しは別添のとおり。）</t>
    <phoneticPr fontId="6"/>
  </si>
  <si>
    <t>職員が携帯電話を身につけ、連絡体制を確保するとともに、緊急連絡先を住居内に掲示している。</t>
    <phoneticPr fontId="6"/>
  </si>
  <si>
    <r>
      <t xml:space="preserve">夜間支援従事者
</t>
    </r>
    <r>
      <rPr>
        <sz val="9"/>
        <color indexed="8"/>
        <rFont val="ＭＳ Ｐゴシック"/>
        <family val="3"/>
        <charset val="128"/>
      </rPr>
      <t>②</t>
    </r>
    <phoneticPr fontId="6"/>
  </si>
  <si>
    <t>職員が携帯電話を身につけ、連絡体制を確保するとともに、緊急連絡先を住居内に掲示している。</t>
    <rPh sb="33" eb="35">
      <t>ジュウキョ</t>
    </rPh>
    <phoneticPr fontId="6"/>
  </si>
  <si>
    <t>注４　夜間支援等体制加算（Ⅲ）については、１又は２のいずれか一方（両方でも可）を記載してください。</t>
    <rPh sb="3" eb="5">
      <t>ヤカン</t>
    </rPh>
    <rPh sb="5" eb="7">
      <t>シエン</t>
    </rPh>
    <rPh sb="7" eb="8">
      <t>トウ</t>
    </rPh>
    <rPh sb="8" eb="10">
      <t>タイセイ</t>
    </rPh>
    <rPh sb="10" eb="12">
      <t>カサン</t>
    </rPh>
    <rPh sb="22" eb="23">
      <t>マタ</t>
    </rPh>
    <rPh sb="30" eb="32">
      <t>イッポウ</t>
    </rPh>
    <rPh sb="33" eb="35">
      <t>リョウホウ</t>
    </rPh>
    <rPh sb="37" eb="38">
      <t>カ</t>
    </rPh>
    <rPh sb="40" eb="42">
      <t>キサイ</t>
    </rPh>
    <phoneticPr fontId="6"/>
  </si>
  <si>
    <t>届出時点の継続状況</t>
    <rPh sb="0" eb="2">
      <t>トドケデ</t>
    </rPh>
    <rPh sb="2" eb="4">
      <t>ジテン</t>
    </rPh>
    <rPh sb="5" eb="7">
      <t>ケイゾク</t>
    </rPh>
    <rPh sb="7" eb="9">
      <t>ジョウキョウ</t>
    </rPh>
    <phoneticPr fontId="6"/>
  </si>
  <si>
    <t>当該施設・事業所の前年度の利用者数の平均値・・・・(A)</t>
    <rPh sb="0" eb="2">
      <t>トウガイ</t>
    </rPh>
    <rPh sb="2" eb="4">
      <t>シセツ</t>
    </rPh>
    <rPh sb="5" eb="8">
      <t>ジギョウショ</t>
    </rPh>
    <rPh sb="9" eb="12">
      <t>ゼンネンド</t>
    </rPh>
    <rPh sb="13" eb="15">
      <t>リヨウ</t>
    </rPh>
    <rPh sb="15" eb="16">
      <t>シャ</t>
    </rPh>
    <rPh sb="16" eb="17">
      <t>スウ</t>
    </rPh>
    <rPh sb="18" eb="21">
      <t>ヘイキンチ</t>
    </rPh>
    <phoneticPr fontId="6"/>
  </si>
  <si>
    <t>職業指導員及び生活支援員の氏名　</t>
    <rPh sb="0" eb="2">
      <t>ショクギョウ</t>
    </rPh>
    <rPh sb="2" eb="5">
      <t>シドウイン</t>
    </rPh>
    <rPh sb="5" eb="6">
      <t>オヨ</t>
    </rPh>
    <rPh sb="7" eb="9">
      <t>セイカツ</t>
    </rPh>
    <rPh sb="9" eb="12">
      <t>シエンイン</t>
    </rPh>
    <rPh sb="13" eb="15">
      <t>シメイ</t>
    </rPh>
    <phoneticPr fontId="6"/>
  </si>
  <si>
    <t>常勤換算後の人数</t>
    <rPh sb="0" eb="2">
      <t>ジョウキン</t>
    </rPh>
    <rPh sb="2" eb="4">
      <t>カンサン</t>
    </rPh>
    <rPh sb="4" eb="5">
      <t>ゴ</t>
    </rPh>
    <rPh sb="6" eb="8">
      <t>ニンズウ</t>
    </rPh>
    <phoneticPr fontId="6"/>
  </si>
  <si>
    <t>(B)≦</t>
    <phoneticPr fontId="6"/>
  </si>
  <si>
    <t>常勤換算1.0≦</t>
    <rPh sb="0" eb="2">
      <t>ジョウキン</t>
    </rPh>
    <rPh sb="2" eb="4">
      <t>カンサン</t>
    </rPh>
    <phoneticPr fontId="6"/>
  </si>
  <si>
    <t>職業指導員及び生活支援員に目標工賃達成指導員を加えた常勤換算後の人数</t>
    <rPh sb="26" eb="28">
      <t>ジョウキン</t>
    </rPh>
    <rPh sb="28" eb="30">
      <t>カンサン</t>
    </rPh>
    <rPh sb="30" eb="31">
      <t>ゴ</t>
    </rPh>
    <rPh sb="32" eb="34">
      <t>ニンズウ</t>
    </rPh>
    <phoneticPr fontId="6"/>
  </si>
  <si>
    <t>(C)≦</t>
    <phoneticPr fontId="6"/>
  </si>
  <si>
    <t>①＋②</t>
    <phoneticPr fontId="6"/>
  </si>
  <si>
    <t>注１：(A)は前年度の利用者数の延数を当該前年度の開所日数で除して得た数とする(少数点第2位以下切り上げ)。1年未満の実績しかない場合
　　　は、便宜上定員の90%を利用者数とする。</t>
    <rPh sb="0" eb="1">
      <t>チュウ</t>
    </rPh>
    <rPh sb="40" eb="42">
      <t>ショウスウ</t>
    </rPh>
    <rPh sb="42" eb="43">
      <t>テン</t>
    </rPh>
    <rPh sb="43" eb="44">
      <t>ダイ</t>
    </rPh>
    <rPh sb="45" eb="48">
      <t>イイカ</t>
    </rPh>
    <rPh sb="48" eb="49">
      <t>キ</t>
    </rPh>
    <rPh sb="50" eb="51">
      <t>ア</t>
    </rPh>
    <rPh sb="73" eb="76">
      <t>ベンギジョウ</t>
    </rPh>
    <phoneticPr fontId="6"/>
  </si>
  <si>
    <t>注3：目標工賃達成指導員加算を算定する場合に作成し、都道府県知事に届け出ること。</t>
    <rPh sb="0" eb="1">
      <t>チュウ</t>
    </rPh>
    <rPh sb="3" eb="5">
      <t>モクヒョウ</t>
    </rPh>
    <rPh sb="5" eb="7">
      <t>コウチン</t>
    </rPh>
    <rPh sb="7" eb="9">
      <t>タッセイ</t>
    </rPh>
    <rPh sb="9" eb="12">
      <t>シドウイン</t>
    </rPh>
    <rPh sb="12" eb="14">
      <t>カサン</t>
    </rPh>
    <rPh sb="15" eb="17">
      <t>サンテイ</t>
    </rPh>
    <rPh sb="19" eb="21">
      <t>バアイ</t>
    </rPh>
    <rPh sb="22" eb="24">
      <t>サクセイ</t>
    </rPh>
    <rPh sb="26" eb="30">
      <t>トドウフケン</t>
    </rPh>
    <rPh sb="30" eb="32">
      <t>チジ</t>
    </rPh>
    <rPh sb="33" eb="34">
      <t>トド</t>
    </rPh>
    <rPh sb="35" eb="36">
      <t>デ</t>
    </rPh>
    <phoneticPr fontId="6"/>
  </si>
  <si>
    <t>A</t>
    <phoneticPr fontId="6"/>
  </si>
  <si>
    <t>B</t>
    <phoneticPr fontId="6"/>
  </si>
  <si>
    <t>C</t>
    <phoneticPr fontId="6"/>
  </si>
  <si>
    <t>D</t>
    <phoneticPr fontId="6"/>
  </si>
  <si>
    <t>E</t>
    <phoneticPr fontId="6"/>
  </si>
  <si>
    <t>(B)≦</t>
    <phoneticPr fontId="6"/>
  </si>
  <si>
    <t>①</t>
    <phoneticPr fontId="6"/>
  </si>
  <si>
    <t>②</t>
    <phoneticPr fontId="6"/>
  </si>
  <si>
    <t>①＋②</t>
    <phoneticPr fontId="6"/>
  </si>
  <si>
    <t>（共同生活援助）夜間支援等体制加算届出書</t>
    <rPh sb="1" eb="3">
      <t>キョウドウ</t>
    </rPh>
    <rPh sb="3" eb="5">
      <t>セイカツ</t>
    </rPh>
    <rPh sb="5" eb="7">
      <t>エンジョ</t>
    </rPh>
    <rPh sb="8" eb="10">
      <t>ヤカン</t>
    </rPh>
    <rPh sb="10" eb="12">
      <t>シエン</t>
    </rPh>
    <rPh sb="12" eb="13">
      <t>トウ</t>
    </rPh>
    <rPh sb="13" eb="15">
      <t>タイセイ</t>
    </rPh>
    <rPh sb="15" eb="17">
      <t>カサン</t>
    </rPh>
    <rPh sb="17" eb="20">
      <t>トドケデショ</t>
    </rPh>
    <phoneticPr fontId="6"/>
  </si>
  <si>
    <t>住居名</t>
    <rPh sb="0" eb="2">
      <t>ジュウキョ</t>
    </rPh>
    <rPh sb="2" eb="3">
      <t>メイ</t>
    </rPh>
    <phoneticPr fontId="6"/>
  </si>
  <si>
    <t>注６　夜間支援等体制加算（Ⅲ）については、２、３のいずれか、又は両方を記載してください。</t>
    <rPh sb="3" eb="5">
      <t>ヤカン</t>
    </rPh>
    <rPh sb="5" eb="7">
      <t>シエン</t>
    </rPh>
    <rPh sb="7" eb="8">
      <t>トウ</t>
    </rPh>
    <rPh sb="8" eb="10">
      <t>タイセイ</t>
    </rPh>
    <rPh sb="10" eb="12">
      <t>カサン</t>
    </rPh>
    <rPh sb="30" eb="31">
      <t>マタ</t>
    </rPh>
    <rPh sb="32" eb="34">
      <t>リョウホウ</t>
    </rPh>
    <rPh sb="35" eb="37">
      <t>キサイ</t>
    </rPh>
    <phoneticPr fontId="6"/>
  </si>
  <si>
    <t>Dホーム</t>
    <phoneticPr fontId="6"/>
  </si>
  <si>
    <t>Eホーム</t>
    <phoneticPr fontId="6"/>
  </si>
  <si>
    <t>　職員が携帯電話を身につけ、連絡体制を確保するとともに、緊急連絡先を住居内に掲示している。</t>
    <phoneticPr fontId="6"/>
  </si>
  <si>
    <t>職員配置</t>
    <rPh sb="0" eb="2">
      <t>ショクイン</t>
    </rPh>
    <rPh sb="2" eb="4">
      <t>ハイチ</t>
    </rPh>
    <phoneticPr fontId="6"/>
  </si>
  <si>
    <t>研修の受講状況</t>
    <rPh sb="0" eb="2">
      <t>ケンシュウ</t>
    </rPh>
    <rPh sb="3" eb="5">
      <t>ジュコウ</t>
    </rPh>
    <rPh sb="5" eb="7">
      <t>ジョウキョウ</t>
    </rPh>
    <phoneticPr fontId="6"/>
  </si>
  <si>
    <t>生活支援員の数</t>
    <rPh sb="0" eb="2">
      <t>セイカツ</t>
    </rPh>
    <rPh sb="2" eb="5">
      <t>シエンイン</t>
    </rPh>
    <rPh sb="6" eb="7">
      <t>カズ</t>
    </rPh>
    <phoneticPr fontId="6"/>
  </si>
  <si>
    <t>単位①</t>
    <rPh sb="0" eb="2">
      <t>タンイ</t>
    </rPh>
    <phoneticPr fontId="6"/>
  </si>
  <si>
    <t>単位②</t>
    <rPh sb="0" eb="2">
      <t>タンイ</t>
    </rPh>
    <phoneticPr fontId="6"/>
  </si>
  <si>
    <t>基準人数 A</t>
    <rPh sb="0" eb="2">
      <t>キジュン</t>
    </rPh>
    <rPh sb="2" eb="4">
      <t>ニンズウ</t>
    </rPh>
    <phoneticPr fontId="6"/>
  </si>
  <si>
    <t>人　</t>
    <rPh sb="0" eb="1">
      <t>ヒト</t>
    </rPh>
    <phoneticPr fontId="6"/>
  </si>
  <si>
    <t>うち児童指導員等の員数</t>
    <rPh sb="2" eb="4">
      <t>ジドウ</t>
    </rPh>
    <rPh sb="4" eb="7">
      <t>シドウイン</t>
    </rPh>
    <rPh sb="7" eb="8">
      <t>トウ</t>
    </rPh>
    <rPh sb="9" eb="11">
      <t>インスウ</t>
    </rPh>
    <phoneticPr fontId="6"/>
  </si>
  <si>
    <t>加配人数
（B－A）</t>
    <rPh sb="0" eb="2">
      <t>カハイ</t>
    </rPh>
    <rPh sb="2" eb="4">
      <t>ニンズウ</t>
    </rPh>
    <phoneticPr fontId="6"/>
  </si>
  <si>
    <t>送迎加算に関する届出書（重症心身障害児）</t>
    <rPh sb="0" eb="2">
      <t>ソウゲイ</t>
    </rPh>
    <rPh sb="2" eb="4">
      <t>カサン</t>
    </rPh>
    <rPh sb="5" eb="6">
      <t>カン</t>
    </rPh>
    <rPh sb="8" eb="10">
      <t>トドケデ</t>
    </rPh>
    <rPh sb="10" eb="11">
      <t>ショ</t>
    </rPh>
    <rPh sb="12" eb="14">
      <t>ジュウショウ</t>
    </rPh>
    <rPh sb="14" eb="16">
      <t>シンシン</t>
    </rPh>
    <rPh sb="16" eb="18">
      <t>ショウガイ</t>
    </rPh>
    <rPh sb="18" eb="19">
      <t>ジ</t>
    </rPh>
    <phoneticPr fontId="6"/>
  </si>
  <si>
    <t>　　１　異動区分</t>
    <rPh sb="4" eb="6">
      <t>イドウ</t>
    </rPh>
    <rPh sb="6" eb="8">
      <t>クブン</t>
    </rPh>
    <phoneticPr fontId="6"/>
  </si>
  <si>
    <t>　　２　送迎の体制
　　　　（運転手以外）</t>
    <rPh sb="4" eb="6">
      <t>ソウゲイ</t>
    </rPh>
    <rPh sb="7" eb="9">
      <t>タイセイ</t>
    </rPh>
    <rPh sb="15" eb="18">
      <t>ウンテンシュ</t>
    </rPh>
    <rPh sb="18" eb="20">
      <t>イガイ</t>
    </rPh>
    <phoneticPr fontId="6"/>
  </si>
  <si>
    <t>喀痰吸引等の
実施可否</t>
    <rPh sb="0" eb="2">
      <t>カクタン</t>
    </rPh>
    <rPh sb="2" eb="4">
      <t>キュウイン</t>
    </rPh>
    <rPh sb="4" eb="5">
      <t>トウ</t>
    </rPh>
    <rPh sb="7" eb="9">
      <t>ジッシ</t>
    </rPh>
    <rPh sb="9" eb="11">
      <t>カヒ</t>
    </rPh>
    <phoneticPr fontId="6"/>
  </si>
  <si>
    <t>計</t>
    <rPh sb="0" eb="1">
      <t>ケイ</t>
    </rPh>
    <phoneticPr fontId="6"/>
  </si>
  <si>
    <t>備考　　１　「異動区分」欄については、該当する番号に○を付してください。</t>
    <rPh sb="0" eb="2">
      <t>ビコウ</t>
    </rPh>
    <rPh sb="7" eb="9">
      <t>イドウ</t>
    </rPh>
    <rPh sb="9" eb="11">
      <t>クブン</t>
    </rPh>
    <rPh sb="12" eb="13">
      <t>ラン</t>
    </rPh>
    <rPh sb="19" eb="21">
      <t>ガイトウ</t>
    </rPh>
    <rPh sb="23" eb="25">
      <t>バンゴウ</t>
    </rPh>
    <rPh sb="28" eb="29">
      <t>フ</t>
    </rPh>
    <phoneticPr fontId="6"/>
  </si>
  <si>
    <t>　　　　　２　重症心身障害児に対して支援を提供する児童発達支援センター、児童発達支援事業所、
　　　　　　医療型児童発達支援センター、放課後等デイサービス事業所において作成すること。</t>
    <rPh sb="7" eb="9">
      <t>ジュウショウ</t>
    </rPh>
    <rPh sb="9" eb="11">
      <t>シンシン</t>
    </rPh>
    <rPh sb="11" eb="13">
      <t>ショウガイ</t>
    </rPh>
    <rPh sb="13" eb="14">
      <t>ジ</t>
    </rPh>
    <rPh sb="15" eb="16">
      <t>タイ</t>
    </rPh>
    <rPh sb="18" eb="20">
      <t>シエン</t>
    </rPh>
    <rPh sb="21" eb="23">
      <t>テイキョウ</t>
    </rPh>
    <rPh sb="25" eb="27">
      <t>ジドウ</t>
    </rPh>
    <rPh sb="27" eb="29">
      <t>ハッタツ</t>
    </rPh>
    <rPh sb="29" eb="31">
      <t>シエン</t>
    </rPh>
    <rPh sb="36" eb="38">
      <t>ジドウ</t>
    </rPh>
    <rPh sb="38" eb="40">
      <t>ハッタツ</t>
    </rPh>
    <rPh sb="40" eb="42">
      <t>シエン</t>
    </rPh>
    <rPh sb="42" eb="45">
      <t>ジギョウショ</t>
    </rPh>
    <rPh sb="53" eb="55">
      <t>イリョウ</t>
    </rPh>
    <rPh sb="55" eb="56">
      <t>ガタ</t>
    </rPh>
    <rPh sb="56" eb="58">
      <t>ジドウ</t>
    </rPh>
    <rPh sb="58" eb="60">
      <t>ハッタツ</t>
    </rPh>
    <rPh sb="60" eb="62">
      <t>シエン</t>
    </rPh>
    <rPh sb="67" eb="70">
      <t>ホウカゴ</t>
    </rPh>
    <rPh sb="70" eb="71">
      <t>トウ</t>
    </rPh>
    <rPh sb="77" eb="80">
      <t>ジギョウショ</t>
    </rPh>
    <rPh sb="84" eb="86">
      <t>サクセイ</t>
    </rPh>
    <phoneticPr fontId="6"/>
  </si>
  <si>
    <t>　　　　　３　「喀痰吸引等の実施可否」については、送迎同乗者が実施可能な医療的ケアについて記載すること。</t>
    <rPh sb="8" eb="10">
      <t>カクタン</t>
    </rPh>
    <rPh sb="10" eb="12">
      <t>キュウイン</t>
    </rPh>
    <rPh sb="12" eb="13">
      <t>トウ</t>
    </rPh>
    <rPh sb="14" eb="16">
      <t>ジッシ</t>
    </rPh>
    <rPh sb="16" eb="18">
      <t>カヒ</t>
    </rPh>
    <rPh sb="25" eb="27">
      <t>ソウゲイ</t>
    </rPh>
    <rPh sb="27" eb="29">
      <t>ドウジョウ</t>
    </rPh>
    <rPh sb="29" eb="30">
      <t>シャ</t>
    </rPh>
    <rPh sb="31" eb="33">
      <t>ジッシ</t>
    </rPh>
    <rPh sb="33" eb="35">
      <t>カノウ</t>
    </rPh>
    <rPh sb="36" eb="39">
      <t>イリョウテキ</t>
    </rPh>
    <rPh sb="45" eb="47">
      <t>キサイ</t>
    </rPh>
    <phoneticPr fontId="6"/>
  </si>
  <si>
    <t>○訪問支援員の配置状況</t>
    <rPh sb="1" eb="3">
      <t>ホウモン</t>
    </rPh>
    <rPh sb="3" eb="5">
      <t>シエン</t>
    </rPh>
    <rPh sb="5" eb="6">
      <t>イン</t>
    </rPh>
    <rPh sb="7" eb="9">
      <t>ハイチ</t>
    </rPh>
    <rPh sb="9" eb="11">
      <t>ジョウキョウ</t>
    </rPh>
    <phoneticPr fontId="6"/>
  </si>
  <si>
    <t>職種（資格）</t>
    <rPh sb="0" eb="2">
      <t>ショクシュ</t>
    </rPh>
    <rPh sb="3" eb="5">
      <t>シカク</t>
    </rPh>
    <phoneticPr fontId="6"/>
  </si>
  <si>
    <t>資格取得日</t>
    <rPh sb="0" eb="2">
      <t>シカク</t>
    </rPh>
    <rPh sb="2" eb="4">
      <t>シュトク</t>
    </rPh>
    <rPh sb="4" eb="5">
      <t>ビ</t>
    </rPh>
    <phoneticPr fontId="6"/>
  </si>
  <si>
    <t>重度障害児支援加算（新規追加分）に関する届出書</t>
    <rPh sb="0" eb="2">
      <t>ジュウド</t>
    </rPh>
    <rPh sb="2" eb="4">
      <t>ショウガイ</t>
    </rPh>
    <rPh sb="4" eb="5">
      <t>ジ</t>
    </rPh>
    <rPh sb="5" eb="7">
      <t>シエン</t>
    </rPh>
    <rPh sb="7" eb="9">
      <t>カサン</t>
    </rPh>
    <rPh sb="10" eb="12">
      <t>シンキ</t>
    </rPh>
    <rPh sb="12" eb="14">
      <t>ツイカ</t>
    </rPh>
    <rPh sb="14" eb="15">
      <t>ブン</t>
    </rPh>
    <rPh sb="17" eb="18">
      <t>カン</t>
    </rPh>
    <rPh sb="20" eb="22">
      <t>トドケデ</t>
    </rPh>
    <rPh sb="22" eb="23">
      <t>ショ</t>
    </rPh>
    <phoneticPr fontId="6"/>
  </si>
  <si>
    <t>①　新規　　　　　　　　　②　終了</t>
    <rPh sb="2" eb="4">
      <t>シンキ</t>
    </rPh>
    <rPh sb="15" eb="17">
      <t>シュウリョウ</t>
    </rPh>
    <phoneticPr fontId="6"/>
  </si>
  <si>
    <t>（１）医師の勤務体制</t>
    <rPh sb="3" eb="5">
      <t>イシ</t>
    </rPh>
    <rPh sb="6" eb="8">
      <t>キンム</t>
    </rPh>
    <rPh sb="8" eb="10">
      <t>タイセイ</t>
    </rPh>
    <phoneticPr fontId="6"/>
  </si>
  <si>
    <t>員数</t>
    <rPh sb="0" eb="2">
      <t>インスウ</t>
    </rPh>
    <phoneticPr fontId="6"/>
  </si>
  <si>
    <t>1月あたりの勤務日数</t>
    <rPh sb="1" eb="2">
      <t>ツキ</t>
    </rPh>
    <rPh sb="6" eb="8">
      <t>キンム</t>
    </rPh>
    <rPh sb="8" eb="10">
      <t>ニッスウ</t>
    </rPh>
    <phoneticPr fontId="6"/>
  </si>
  <si>
    <t>児童指導員</t>
    <rPh sb="0" eb="2">
      <t>ジドウ</t>
    </rPh>
    <rPh sb="2" eb="5">
      <t>シドウイン</t>
    </rPh>
    <phoneticPr fontId="6"/>
  </si>
  <si>
    <t>障害基礎年金１級を受給する利用者の状況　（重度者支援体制加算に係る届出書）</t>
    <rPh sb="0" eb="2">
      <t>ショウガイ</t>
    </rPh>
    <rPh sb="2" eb="4">
      <t>キソ</t>
    </rPh>
    <rPh sb="4" eb="6">
      <t>ネンキン</t>
    </rPh>
    <rPh sb="7" eb="8">
      <t>キュウ</t>
    </rPh>
    <rPh sb="9" eb="11">
      <t>ジュキュウ</t>
    </rPh>
    <rPh sb="13" eb="16">
      <t>リヨウシャ</t>
    </rPh>
    <rPh sb="17" eb="19">
      <t>ジョウキョウ</t>
    </rPh>
    <rPh sb="21" eb="23">
      <t>ジュウド</t>
    </rPh>
    <rPh sb="23" eb="24">
      <t>シャ</t>
    </rPh>
    <rPh sb="24" eb="26">
      <t>シエン</t>
    </rPh>
    <rPh sb="26" eb="28">
      <t>タイセイ</t>
    </rPh>
    <rPh sb="28" eb="30">
      <t>カサン</t>
    </rPh>
    <rPh sb="31" eb="32">
      <t>カカ</t>
    </rPh>
    <rPh sb="33" eb="36">
      <t>トドケデショ</t>
    </rPh>
    <phoneticPr fontId="6"/>
  </si>
  <si>
    <t>①に占める②の割合が
２５％又は３５％以上</t>
    <rPh sb="2" eb="3">
      <t>シ</t>
    </rPh>
    <rPh sb="7" eb="9">
      <t>ワリアイ</t>
    </rPh>
    <rPh sb="14" eb="15">
      <t>マタ</t>
    </rPh>
    <rPh sb="19" eb="21">
      <t>イジョウ</t>
    </rPh>
    <phoneticPr fontId="6"/>
  </si>
  <si>
    <t>　　　○共同生活援助にあっては、世話人又は生活支援員（外部サービス利用型にあっては、世話人）</t>
    <rPh sb="4" eb="6">
      <t>キョウドウ</t>
    </rPh>
    <rPh sb="6" eb="8">
      <t>セイカツ</t>
    </rPh>
    <rPh sb="8" eb="10">
      <t>エンジョ</t>
    </rPh>
    <rPh sb="16" eb="19">
      <t>セワニン</t>
    </rPh>
    <rPh sb="19" eb="20">
      <t>マタ</t>
    </rPh>
    <rPh sb="21" eb="23">
      <t>セイカツ</t>
    </rPh>
    <rPh sb="23" eb="25">
      <t>シエン</t>
    </rPh>
    <rPh sb="25" eb="26">
      <t>イン</t>
    </rPh>
    <rPh sb="42" eb="45">
      <t>セワニン</t>
    </rPh>
    <phoneticPr fontId="6"/>
  </si>
  <si>
    <t>医師意見書に記載される特別な医療の内容</t>
    <rPh sb="0" eb="2">
      <t>イシ</t>
    </rPh>
    <rPh sb="2" eb="5">
      <t>イケンショ</t>
    </rPh>
    <rPh sb="6" eb="8">
      <t>キサイ</t>
    </rPh>
    <rPh sb="11" eb="13">
      <t>トクベツ</t>
    </rPh>
    <rPh sb="14" eb="16">
      <t>イリョウ</t>
    </rPh>
    <rPh sb="17" eb="19">
      <t>ナイヨウ</t>
    </rPh>
    <phoneticPr fontId="6"/>
  </si>
  <si>
    <t>備考
①　医師意見書における「特別な医療」欄に該当している者として、市町村から受給者証に「重度支援（身体・基本）」、「重度支援（身体・重度）」と記載のある者（当分の間、「疼痛の看護」及び「褥瘡の処置」を含める取扱いとする。）を記載してください。
②　上記の記載が確認できる受給者証の写しを添付してください。</t>
    <phoneticPr fontId="6"/>
  </si>
  <si>
    <t>　　異動区分</t>
    <rPh sb="2" eb="4">
      <t>イドウ</t>
    </rPh>
    <rPh sb="4" eb="6">
      <t>クブン</t>
    </rPh>
    <phoneticPr fontId="6"/>
  </si>
  <si>
    <t>　　　○自立生活援助にあっては、地域生活支援員</t>
    <rPh sb="6" eb="8">
      <t>セイカツ</t>
    </rPh>
    <rPh sb="8" eb="10">
      <t>エンジョ</t>
    </rPh>
    <rPh sb="16" eb="18">
      <t>チイキ</t>
    </rPh>
    <phoneticPr fontId="6"/>
  </si>
  <si>
    <t>　　　○自立訓練（機能訓練）にあっては、生活支援員又は共生型自立訓練（機能訓練）従業者</t>
    <rPh sb="4" eb="6">
      <t>ジリツ</t>
    </rPh>
    <rPh sb="6" eb="8">
      <t>クンレン</t>
    </rPh>
    <rPh sb="9" eb="11">
      <t>キノウ</t>
    </rPh>
    <rPh sb="11" eb="13">
      <t>クンレン</t>
    </rPh>
    <rPh sb="20" eb="22">
      <t>セイカツ</t>
    </rPh>
    <rPh sb="22" eb="24">
      <t>シエン</t>
    </rPh>
    <rPh sb="24" eb="25">
      <t>イン</t>
    </rPh>
    <phoneticPr fontId="6"/>
  </si>
  <si>
    <t>　　　○生活介護にあっては、生活支援員又は共生型生活介護従業者</t>
    <rPh sb="4" eb="6">
      <t>セイカツ</t>
    </rPh>
    <rPh sb="6" eb="8">
      <t>カイゴ</t>
    </rPh>
    <rPh sb="14" eb="16">
      <t>セイカツ</t>
    </rPh>
    <rPh sb="16" eb="18">
      <t>シエン</t>
    </rPh>
    <rPh sb="18" eb="19">
      <t>イン</t>
    </rPh>
    <phoneticPr fontId="6"/>
  </si>
  <si>
    <t>　　　保健福祉部長通知）第二の２の（３）に定義する「常勤」をいう。</t>
    <rPh sb="26" eb="28">
      <t>ジョウキン</t>
    </rPh>
    <phoneticPr fontId="6"/>
  </si>
  <si>
    <t>　　　ビスの事業等の人員、設備及び運営に関する基準について」（平成１８年１２月６日厚生労働省社会・援護局障害</t>
    <rPh sb="23" eb="25">
      <t>キジュン</t>
    </rPh>
    <rPh sb="31" eb="33">
      <t>ヘイセイ</t>
    </rPh>
    <rPh sb="35" eb="36">
      <t>ネン</t>
    </rPh>
    <rPh sb="38" eb="39">
      <t>ガツ</t>
    </rPh>
    <rPh sb="40" eb="41">
      <t>ニチ</t>
    </rPh>
    <rPh sb="41" eb="43">
      <t>コウセイ</t>
    </rPh>
    <rPh sb="43" eb="46">
      <t>ロウドウショウ</t>
    </rPh>
    <rPh sb="46" eb="48">
      <t>シャカイ</t>
    </rPh>
    <rPh sb="49" eb="51">
      <t>エンゴ</t>
    </rPh>
    <rPh sb="51" eb="52">
      <t>キョク</t>
    </rPh>
    <rPh sb="52" eb="54">
      <t>ショウガイ</t>
    </rPh>
    <phoneticPr fontId="6"/>
  </si>
  <si>
    <t>　　　・研修会」などをいう。</t>
    <phoneticPr fontId="6"/>
  </si>
  <si>
    <t>　　　清掃活動等）の実施」、「協議会等を設けて地域住民が事業所の運営への参加」、「地域住民への健康相談教室</t>
    <phoneticPr fontId="6"/>
  </si>
  <si>
    <t>　　　「地域住民が参加できるイベントやお祭り等の開催」、「地域のボランティアの受入れや活動（保育所等における</t>
    <phoneticPr fontId="6"/>
  </si>
  <si>
    <t>　　３　地域に貢献する活動は、「地域の交流の場（開放スペースや交流会等）の提供」、「認知症カフェ・食堂等の設置」、</t>
    <phoneticPr fontId="6"/>
  </si>
  <si>
    <t>　　　指定介護予防入所生活介護事業所、指定小規模多機能型居宅介護事業所等の従業者をいう。</t>
    <rPh sb="3" eb="5">
      <t>シテイ</t>
    </rPh>
    <rPh sb="5" eb="7">
      <t>カイゴ</t>
    </rPh>
    <rPh sb="7" eb="9">
      <t>ヨボウ</t>
    </rPh>
    <rPh sb="9" eb="11">
      <t>ニュウショ</t>
    </rPh>
    <rPh sb="11" eb="13">
      <t>セイカツ</t>
    </rPh>
    <rPh sb="13" eb="15">
      <t>カイゴ</t>
    </rPh>
    <rPh sb="15" eb="18">
      <t>ジギョウショ</t>
    </rPh>
    <rPh sb="19" eb="21">
      <t>シテイ</t>
    </rPh>
    <rPh sb="21" eb="24">
      <t>ショウキボ</t>
    </rPh>
    <rPh sb="24" eb="28">
      <t>タキノウガタ</t>
    </rPh>
    <rPh sb="28" eb="30">
      <t>キョタク</t>
    </rPh>
    <rPh sb="30" eb="32">
      <t>カイゴ</t>
    </rPh>
    <rPh sb="32" eb="35">
      <t>ジギョウショ</t>
    </rPh>
    <rPh sb="35" eb="36">
      <t>トウ</t>
    </rPh>
    <rPh sb="37" eb="40">
      <t>ジュウギョウシャ</t>
    </rPh>
    <phoneticPr fontId="6"/>
  </si>
  <si>
    <t>　　２　ここでいう従業者とは、共生型短期入所の指定を受ける介護保険制度制度における指定短期入所事業所、</t>
    <rPh sb="9" eb="12">
      <t>ジュウギョウシャ</t>
    </rPh>
    <rPh sb="15" eb="18">
      <t>キョウセイガタ</t>
    </rPh>
    <rPh sb="18" eb="20">
      <t>タンキ</t>
    </rPh>
    <rPh sb="20" eb="22">
      <t>ニュウショ</t>
    </rPh>
    <rPh sb="23" eb="25">
      <t>シテイ</t>
    </rPh>
    <rPh sb="26" eb="27">
      <t>ウ</t>
    </rPh>
    <rPh sb="29" eb="31">
      <t>カイゴ</t>
    </rPh>
    <rPh sb="31" eb="33">
      <t>ホケン</t>
    </rPh>
    <rPh sb="33" eb="35">
      <t>セイド</t>
    </rPh>
    <rPh sb="35" eb="37">
      <t>セイド</t>
    </rPh>
    <rPh sb="41" eb="43">
      <t>シテイ</t>
    </rPh>
    <rPh sb="43" eb="45">
      <t>タンキ</t>
    </rPh>
    <rPh sb="45" eb="47">
      <t>ニュウショ</t>
    </rPh>
    <rPh sb="47" eb="50">
      <t>ジギョウショ</t>
    </rPh>
    <phoneticPr fontId="6"/>
  </si>
  <si>
    <t>　５　地域に貢献する活動の内容</t>
    <rPh sb="3" eb="5">
      <t>チイキ</t>
    </rPh>
    <rPh sb="6" eb="8">
      <t>コウケン</t>
    </rPh>
    <rPh sb="10" eb="12">
      <t>カツドウ</t>
    </rPh>
    <rPh sb="13" eb="15">
      <t>ナイヨウ</t>
    </rPh>
    <phoneticPr fontId="6"/>
  </si>
  <si>
    <t>①のうち社会福祉士等
の総数</t>
    <rPh sb="4" eb="6">
      <t>シャカイ</t>
    </rPh>
    <rPh sb="6" eb="8">
      <t>フクシ</t>
    </rPh>
    <rPh sb="8" eb="9">
      <t>シ</t>
    </rPh>
    <rPh sb="9" eb="10">
      <t>トウ</t>
    </rPh>
    <rPh sb="12" eb="14">
      <t>ソウスウ</t>
    </rPh>
    <phoneticPr fontId="6"/>
  </si>
  <si>
    <t>従業者の総数</t>
    <rPh sb="0" eb="3">
      <t>ジュウギョウシャ</t>
    </rPh>
    <rPh sb="4" eb="6">
      <t>ソウスウ</t>
    </rPh>
    <phoneticPr fontId="6"/>
  </si>
  <si>
    <t>①</t>
    <phoneticPr fontId="6"/>
  </si>
  <si>
    <t>福祉専門職員配置等加算に関する届出書（平成30年４月以降）
（共生型短期入所）</t>
    <rPh sb="0" eb="2">
      <t>フクシ</t>
    </rPh>
    <rPh sb="2" eb="4">
      <t>センモン</t>
    </rPh>
    <rPh sb="4" eb="6">
      <t>ショクイン</t>
    </rPh>
    <rPh sb="6" eb="8">
      <t>ハイチ</t>
    </rPh>
    <rPh sb="8" eb="9">
      <t>トウ</t>
    </rPh>
    <rPh sb="9" eb="11">
      <t>カサン</t>
    </rPh>
    <rPh sb="12" eb="13">
      <t>カン</t>
    </rPh>
    <rPh sb="15" eb="18">
      <t>トドケデショ</t>
    </rPh>
    <rPh sb="31" eb="34">
      <t>キョウセイガタ</t>
    </rPh>
    <rPh sb="34" eb="36">
      <t>タンキ</t>
    </rPh>
    <rPh sb="36" eb="38">
      <t>ニュウショ</t>
    </rPh>
    <phoneticPr fontId="6"/>
  </si>
  <si>
    <t>注　就労継続者の状況は、別添１「就労継続者の状況（就労定着支援に係る基本報酬の算定区分に関する届出
　書）」又は別添２「就労継続者の状況（就労定着支援に係る基本報酬の算定区分に関する届出書）（新規指
　定の場合）」を提出すること。</t>
    <rPh sb="0" eb="1">
      <t>チュウ</t>
    </rPh>
    <rPh sb="2" eb="4">
      <t>シュウロウ</t>
    </rPh>
    <rPh sb="4" eb="6">
      <t>ケイゾク</t>
    </rPh>
    <rPh sb="6" eb="7">
      <t>シャ</t>
    </rPh>
    <rPh sb="8" eb="10">
      <t>ジョウキョウ</t>
    </rPh>
    <rPh sb="12" eb="14">
      <t>ベッテン</t>
    </rPh>
    <rPh sb="16" eb="18">
      <t>シュウロウ</t>
    </rPh>
    <rPh sb="18" eb="20">
      <t>ケイゾク</t>
    </rPh>
    <rPh sb="20" eb="21">
      <t>シャ</t>
    </rPh>
    <rPh sb="22" eb="24">
      <t>ジョウキョウ</t>
    </rPh>
    <rPh sb="25" eb="27">
      <t>シュウロウ</t>
    </rPh>
    <rPh sb="27" eb="29">
      <t>テイチャク</t>
    </rPh>
    <rPh sb="29" eb="31">
      <t>シエン</t>
    </rPh>
    <rPh sb="32" eb="33">
      <t>カカワ</t>
    </rPh>
    <rPh sb="34" eb="36">
      <t>キホン</t>
    </rPh>
    <rPh sb="36" eb="38">
      <t>ホウシュウ</t>
    </rPh>
    <rPh sb="39" eb="41">
      <t>サンテイ</t>
    </rPh>
    <rPh sb="41" eb="43">
      <t>クブン</t>
    </rPh>
    <rPh sb="44" eb="45">
      <t>カン</t>
    </rPh>
    <rPh sb="54" eb="55">
      <t>マタ</t>
    </rPh>
    <rPh sb="96" eb="98">
      <t>シンキ</t>
    </rPh>
    <rPh sb="103" eb="105">
      <t>バアイ</t>
    </rPh>
    <rPh sb="108" eb="109">
      <t>テイ</t>
    </rPh>
    <rPh sb="109" eb="110">
      <t>デ</t>
    </rPh>
    <phoneticPr fontId="6"/>
  </si>
  <si>
    <t>合計（③）</t>
    <rPh sb="0" eb="2">
      <t>ゴウケイ</t>
    </rPh>
    <phoneticPr fontId="6"/>
  </si>
  <si>
    <t>就労定着率
（④÷③）</t>
    <rPh sb="0" eb="2">
      <t>シュウロウ</t>
    </rPh>
    <rPh sb="2" eb="4">
      <t>テイチャク</t>
    </rPh>
    <rPh sb="4" eb="5">
      <t>リツ</t>
    </rPh>
    <phoneticPr fontId="6"/>
  </si>
  <si>
    <t>過去３年間就職者数</t>
    <rPh sb="0" eb="2">
      <t>カコ</t>
    </rPh>
    <rPh sb="3" eb="5">
      <t>ネンカン</t>
    </rPh>
    <rPh sb="5" eb="7">
      <t>シュウショク</t>
    </rPh>
    <rPh sb="7" eb="8">
      <t>シャ</t>
    </rPh>
    <rPh sb="8" eb="9">
      <t>スウ</t>
    </rPh>
    <phoneticPr fontId="6"/>
  </si>
  <si>
    <t>過去２年間就職者数</t>
    <rPh sb="0" eb="2">
      <t>カコ</t>
    </rPh>
    <rPh sb="3" eb="5">
      <t>ネンカン</t>
    </rPh>
    <rPh sb="5" eb="7">
      <t>シュウショク</t>
    </rPh>
    <rPh sb="7" eb="8">
      <t>シャ</t>
    </rPh>
    <rPh sb="8" eb="9">
      <t>スウ</t>
    </rPh>
    <phoneticPr fontId="6"/>
  </si>
  <si>
    <t>指定を受ける前月末日の
就労継続者数（④）</t>
    <rPh sb="0" eb="2">
      <t>シテイ</t>
    </rPh>
    <rPh sb="3" eb="4">
      <t>ウ</t>
    </rPh>
    <rPh sb="6" eb="8">
      <t>ゼンゲツ</t>
    </rPh>
    <rPh sb="8" eb="10">
      <t>マツジツ</t>
    </rPh>
    <rPh sb="12" eb="14">
      <t>シュウロウ</t>
    </rPh>
    <rPh sb="14" eb="16">
      <t>ケイゾク</t>
    </rPh>
    <rPh sb="16" eb="17">
      <t>シャ</t>
    </rPh>
    <rPh sb="17" eb="18">
      <t>スウ</t>
    </rPh>
    <phoneticPr fontId="6"/>
  </si>
  <si>
    <t>過去１年間就職者数</t>
    <rPh sb="0" eb="2">
      <t>カコ</t>
    </rPh>
    <rPh sb="3" eb="5">
      <t>ネンカン</t>
    </rPh>
    <rPh sb="5" eb="7">
      <t>シュウショク</t>
    </rPh>
    <rPh sb="7" eb="8">
      <t>シャ</t>
    </rPh>
    <rPh sb="8" eb="9">
      <t>スウ</t>
    </rPh>
    <phoneticPr fontId="6"/>
  </si>
  <si>
    <t>新規指定の場合（※起算日は指定を受ける前月末日）</t>
    <rPh sb="0" eb="2">
      <t>シンキ</t>
    </rPh>
    <rPh sb="2" eb="4">
      <t>シテイ</t>
    </rPh>
    <rPh sb="5" eb="7">
      <t>バアイ</t>
    </rPh>
    <rPh sb="9" eb="12">
      <t>キサンビ</t>
    </rPh>
    <rPh sb="13" eb="15">
      <t>シテイ</t>
    </rPh>
    <rPh sb="16" eb="17">
      <t>ウ</t>
    </rPh>
    <rPh sb="19" eb="21">
      <t>ゼンゲツ</t>
    </rPh>
    <rPh sb="21" eb="22">
      <t>マツ</t>
    </rPh>
    <rPh sb="22" eb="23">
      <t>ビ</t>
    </rPh>
    <phoneticPr fontId="6"/>
  </si>
  <si>
    <r>
      <t xml:space="preserve">就労定着率
</t>
    </r>
    <r>
      <rPr>
        <sz val="9"/>
        <rFont val="ＭＳ Ｐゴシック"/>
        <family val="3"/>
        <charset val="128"/>
      </rPr>
      <t>（②÷①）</t>
    </r>
    <rPh sb="0" eb="2">
      <t>シュウロウ</t>
    </rPh>
    <rPh sb="2" eb="4">
      <t>テイチャク</t>
    </rPh>
    <rPh sb="4" eb="5">
      <t>リツ</t>
    </rPh>
    <phoneticPr fontId="6"/>
  </si>
  <si>
    <t>②　①のうち前年度末時点の就労継続者数</t>
    <rPh sb="6" eb="9">
      <t>ゼンネンド</t>
    </rPh>
    <rPh sb="9" eb="10">
      <t>マツ</t>
    </rPh>
    <rPh sb="10" eb="12">
      <t>ジテン</t>
    </rPh>
    <rPh sb="13" eb="15">
      <t>シュウロウ</t>
    </rPh>
    <rPh sb="15" eb="17">
      <t>ケイゾク</t>
    </rPh>
    <rPh sb="17" eb="18">
      <t>シャ</t>
    </rPh>
    <rPh sb="18" eb="19">
      <t>スウ</t>
    </rPh>
    <phoneticPr fontId="6"/>
  </si>
  <si>
    <t>① 過去３年間における就労定着支援の総利用者数</t>
    <rPh sb="2" eb="4">
      <t>カコ</t>
    </rPh>
    <rPh sb="5" eb="7">
      <t>ネンカン</t>
    </rPh>
    <rPh sb="11" eb="13">
      <t>シュウロウ</t>
    </rPh>
    <rPh sb="13" eb="15">
      <t>テイチャク</t>
    </rPh>
    <rPh sb="15" eb="17">
      <t>シエン</t>
    </rPh>
    <rPh sb="18" eb="19">
      <t>ソウ</t>
    </rPh>
    <rPh sb="19" eb="21">
      <t>リヨウ</t>
    </rPh>
    <rPh sb="21" eb="22">
      <t>シャ</t>
    </rPh>
    <rPh sb="22" eb="23">
      <t>スウ</t>
    </rPh>
    <phoneticPr fontId="6"/>
  </si>
  <si>
    <t>就労定着率区分の状況</t>
    <rPh sb="0" eb="2">
      <t>シュウロウ</t>
    </rPh>
    <rPh sb="2" eb="4">
      <t>テイチャク</t>
    </rPh>
    <rPh sb="4" eb="5">
      <t>リツ</t>
    </rPh>
    <rPh sb="5" eb="7">
      <t>クブン</t>
    </rPh>
    <rPh sb="8" eb="10">
      <t>ジョウキョウ</t>
    </rPh>
    <phoneticPr fontId="6"/>
  </si>
  <si>
    <t>就労定着率が３割以上５割未満</t>
    <rPh sb="0" eb="2">
      <t>シュウロウ</t>
    </rPh>
    <rPh sb="2" eb="4">
      <t>テイチャク</t>
    </rPh>
    <rPh sb="4" eb="5">
      <t>リツ</t>
    </rPh>
    <rPh sb="7" eb="8">
      <t>ワリ</t>
    </rPh>
    <rPh sb="8" eb="10">
      <t>イジョウ</t>
    </rPh>
    <rPh sb="11" eb="12">
      <t>ワリ</t>
    </rPh>
    <rPh sb="12" eb="14">
      <t>ミマン</t>
    </rPh>
    <phoneticPr fontId="6"/>
  </si>
  <si>
    <t>就労定着率が５割以上７割未満</t>
    <rPh sb="0" eb="2">
      <t>シュウロウ</t>
    </rPh>
    <rPh sb="2" eb="4">
      <t>テイチャク</t>
    </rPh>
    <rPh sb="4" eb="5">
      <t>リツ</t>
    </rPh>
    <rPh sb="7" eb="8">
      <t>ワリ</t>
    </rPh>
    <rPh sb="8" eb="10">
      <t>イジョウ</t>
    </rPh>
    <rPh sb="11" eb="12">
      <t>ワリ</t>
    </rPh>
    <rPh sb="12" eb="14">
      <t>ミマン</t>
    </rPh>
    <phoneticPr fontId="6"/>
  </si>
  <si>
    <t>就労定着率が７割以上８割未満</t>
    <rPh sb="0" eb="2">
      <t>シュウロウ</t>
    </rPh>
    <rPh sb="2" eb="4">
      <t>テイチャク</t>
    </rPh>
    <rPh sb="4" eb="5">
      <t>リツ</t>
    </rPh>
    <rPh sb="7" eb="8">
      <t>ワリ</t>
    </rPh>
    <rPh sb="8" eb="10">
      <t>イジョウ</t>
    </rPh>
    <rPh sb="11" eb="12">
      <t>ワリ</t>
    </rPh>
    <rPh sb="12" eb="14">
      <t>ミマン</t>
    </rPh>
    <phoneticPr fontId="6"/>
  </si>
  <si>
    <t>21人以上40人以下</t>
    <rPh sb="2" eb="3">
      <t>ニン</t>
    </rPh>
    <rPh sb="3" eb="5">
      <t>イジョウ</t>
    </rPh>
    <rPh sb="7" eb="8">
      <t>ニン</t>
    </rPh>
    <rPh sb="8" eb="10">
      <t>イカ</t>
    </rPh>
    <phoneticPr fontId="6"/>
  </si>
  <si>
    <t>就労定着率が８割以上９割未満</t>
    <rPh sb="0" eb="2">
      <t>シュウロウ</t>
    </rPh>
    <rPh sb="2" eb="4">
      <t>テイチャク</t>
    </rPh>
    <rPh sb="4" eb="5">
      <t>リツ</t>
    </rPh>
    <rPh sb="7" eb="8">
      <t>ワリ</t>
    </rPh>
    <rPh sb="8" eb="10">
      <t>イジョウ</t>
    </rPh>
    <rPh sb="11" eb="12">
      <t>ワリ</t>
    </rPh>
    <rPh sb="12" eb="14">
      <t>ミマン</t>
    </rPh>
    <phoneticPr fontId="6"/>
  </si>
  <si>
    <t>20人以下</t>
    <rPh sb="2" eb="3">
      <t>ニン</t>
    </rPh>
    <rPh sb="3" eb="5">
      <t>イカ</t>
    </rPh>
    <phoneticPr fontId="6"/>
  </si>
  <si>
    <t>就労定着率区分</t>
    <rPh sb="0" eb="2">
      <t>シュウロウ</t>
    </rPh>
    <rPh sb="2" eb="4">
      <t>テイチャク</t>
    </rPh>
    <rPh sb="4" eb="5">
      <t>リツ</t>
    </rPh>
    <rPh sb="5" eb="7">
      <t>クブン</t>
    </rPh>
    <phoneticPr fontId="6"/>
  </si>
  <si>
    <t>事業所名</t>
    <rPh sb="0" eb="3">
      <t>ジギョウショ</t>
    </rPh>
    <rPh sb="3" eb="4">
      <t>メイ</t>
    </rPh>
    <phoneticPr fontId="6"/>
  </si>
  <si>
    <t>就労定着支援に係る基本報酬の算定区分に関する届出書</t>
    <rPh sb="0" eb="2">
      <t>シュウロウ</t>
    </rPh>
    <rPh sb="2" eb="4">
      <t>テイチャク</t>
    </rPh>
    <rPh sb="4" eb="6">
      <t>シエン</t>
    </rPh>
    <rPh sb="7" eb="8">
      <t>カカ</t>
    </rPh>
    <rPh sb="9" eb="11">
      <t>キホン</t>
    </rPh>
    <rPh sb="11" eb="13">
      <t>ホウシュウ</t>
    </rPh>
    <rPh sb="14" eb="16">
      <t>サンテイ</t>
    </rPh>
    <rPh sb="16" eb="18">
      <t>クブン</t>
    </rPh>
    <rPh sb="19" eb="20">
      <t>カン</t>
    </rPh>
    <rPh sb="22" eb="25">
      <t>トドケデショ</t>
    </rPh>
    <phoneticPr fontId="6"/>
  </si>
  <si>
    <t>注１　前年度末時点の継続状況には、就労が継続している場合には「継続」、離職している場合には「離職」と記入。
注２　行が足りない場合は適宜追加して記入。</t>
    <rPh sb="0" eb="1">
      <t>チュウ</t>
    </rPh>
    <rPh sb="3" eb="6">
      <t>ゼンネンド</t>
    </rPh>
    <rPh sb="6" eb="7">
      <t>マツ</t>
    </rPh>
    <rPh sb="7" eb="9">
      <t>ジテン</t>
    </rPh>
    <rPh sb="10" eb="12">
      <t>ケイゾク</t>
    </rPh>
    <rPh sb="12" eb="14">
      <t>ジョウキョウ</t>
    </rPh>
    <rPh sb="17" eb="19">
      <t>シュウロウ</t>
    </rPh>
    <rPh sb="20" eb="22">
      <t>ケイゾク</t>
    </rPh>
    <rPh sb="26" eb="28">
      <t>バアイ</t>
    </rPh>
    <rPh sb="31" eb="33">
      <t>ケイゾク</t>
    </rPh>
    <rPh sb="35" eb="37">
      <t>リショク</t>
    </rPh>
    <rPh sb="41" eb="43">
      <t>バアイ</t>
    </rPh>
    <rPh sb="46" eb="48">
      <t>リショク</t>
    </rPh>
    <rPh sb="50" eb="52">
      <t>キニュウ</t>
    </rPh>
    <rPh sb="54" eb="55">
      <t>チュウ</t>
    </rPh>
    <rPh sb="57" eb="58">
      <t>ギョウ</t>
    </rPh>
    <rPh sb="59" eb="60">
      <t>タ</t>
    </rPh>
    <rPh sb="63" eb="65">
      <t>バアイ</t>
    </rPh>
    <rPh sb="66" eb="68">
      <t>テキギ</t>
    </rPh>
    <rPh sb="68" eb="70">
      <t>ツイカ</t>
    </rPh>
    <rPh sb="72" eb="74">
      <t>キニュウ</t>
    </rPh>
    <phoneticPr fontId="6"/>
  </si>
  <si>
    <t>前年度末時点の
継続状況</t>
    <rPh sb="0" eb="3">
      <t>ゼンネンド</t>
    </rPh>
    <rPh sb="3" eb="4">
      <t>マツ</t>
    </rPh>
    <rPh sb="4" eb="6">
      <t>ジテン</t>
    </rPh>
    <rPh sb="8" eb="10">
      <t>ケイゾク</t>
    </rPh>
    <rPh sb="10" eb="12">
      <t>ジョウキョウ</t>
    </rPh>
    <phoneticPr fontId="6"/>
  </si>
  <si>
    <t>【過去３年間における就労定着支援の利用者数】</t>
    <rPh sb="1" eb="3">
      <t>カコ</t>
    </rPh>
    <rPh sb="4" eb="6">
      <t>ネンカン</t>
    </rPh>
    <rPh sb="10" eb="12">
      <t>シュウロウ</t>
    </rPh>
    <rPh sb="12" eb="14">
      <t>テイチャク</t>
    </rPh>
    <rPh sb="14" eb="16">
      <t>シエン</t>
    </rPh>
    <rPh sb="17" eb="20">
      <t>リヨウシャ</t>
    </rPh>
    <rPh sb="20" eb="21">
      <t>スウ</t>
    </rPh>
    <phoneticPr fontId="6"/>
  </si>
  <si>
    <t>前年度末における
就労継続者数</t>
    <rPh sb="0" eb="3">
      <t>ゼンネンド</t>
    </rPh>
    <rPh sb="3" eb="4">
      <t>マツ</t>
    </rPh>
    <rPh sb="9" eb="11">
      <t>シュウロウ</t>
    </rPh>
    <rPh sb="11" eb="13">
      <t>ケイゾク</t>
    </rPh>
    <rPh sb="13" eb="14">
      <t>シャ</t>
    </rPh>
    <rPh sb="14" eb="15">
      <t>スウ</t>
    </rPh>
    <phoneticPr fontId="6"/>
  </si>
  <si>
    <t>就労継続者の状況
（就労定着支援に係る基本報酬の算定区分に関する届出書）</t>
    <rPh sb="0" eb="2">
      <t>シュウロウ</t>
    </rPh>
    <rPh sb="2" eb="4">
      <t>ケイゾク</t>
    </rPh>
    <rPh sb="4" eb="5">
      <t>シャ</t>
    </rPh>
    <rPh sb="6" eb="8">
      <t>ジョウキョウ</t>
    </rPh>
    <rPh sb="10" eb="12">
      <t>シュウロウ</t>
    </rPh>
    <rPh sb="12" eb="14">
      <t>テイチャク</t>
    </rPh>
    <rPh sb="14" eb="16">
      <t>シエン</t>
    </rPh>
    <rPh sb="17" eb="18">
      <t>カカワ</t>
    </rPh>
    <rPh sb="19" eb="21">
      <t>キホン</t>
    </rPh>
    <rPh sb="21" eb="23">
      <t>ホウシュウ</t>
    </rPh>
    <rPh sb="24" eb="26">
      <t>サンテイ</t>
    </rPh>
    <rPh sb="26" eb="28">
      <t>クブン</t>
    </rPh>
    <rPh sb="29" eb="30">
      <t>カン</t>
    </rPh>
    <rPh sb="32" eb="35">
      <t>トドケデショ</t>
    </rPh>
    <phoneticPr fontId="6"/>
  </si>
  <si>
    <t>別　添　１</t>
    <rPh sb="0" eb="1">
      <t>ベツ</t>
    </rPh>
    <rPh sb="2" eb="3">
      <t>ソウ</t>
    </rPh>
    <phoneticPr fontId="6"/>
  </si>
  <si>
    <t>注１　指定を受ける前月末日時点の継続状況には、就労が継続している場合には「継続」、離職している場合には「離
　　職」と記入。
注２　行が足りない場合は適宜追加して記入。</t>
    <rPh sb="0" eb="1">
      <t>チュウ</t>
    </rPh>
    <rPh sb="3" eb="5">
      <t>シテイ</t>
    </rPh>
    <rPh sb="6" eb="7">
      <t>ウ</t>
    </rPh>
    <rPh sb="9" eb="11">
      <t>ゼンゲツ</t>
    </rPh>
    <rPh sb="11" eb="13">
      <t>マツジツ</t>
    </rPh>
    <rPh sb="13" eb="15">
      <t>ジテン</t>
    </rPh>
    <rPh sb="16" eb="18">
      <t>ケイゾク</t>
    </rPh>
    <rPh sb="18" eb="20">
      <t>ジョウキョウ</t>
    </rPh>
    <rPh sb="23" eb="25">
      <t>シュウロウ</t>
    </rPh>
    <rPh sb="26" eb="28">
      <t>ケイゾク</t>
    </rPh>
    <rPh sb="32" eb="34">
      <t>バアイ</t>
    </rPh>
    <rPh sb="37" eb="39">
      <t>ケイゾク</t>
    </rPh>
    <rPh sb="41" eb="43">
      <t>リショク</t>
    </rPh>
    <rPh sb="47" eb="49">
      <t>バアイ</t>
    </rPh>
    <rPh sb="52" eb="53">
      <t>リ</t>
    </rPh>
    <rPh sb="56" eb="57">
      <t>ショク</t>
    </rPh>
    <rPh sb="59" eb="61">
      <t>キニュウ</t>
    </rPh>
    <rPh sb="63" eb="64">
      <t>チュウ</t>
    </rPh>
    <rPh sb="66" eb="67">
      <t>ギョウ</t>
    </rPh>
    <rPh sb="68" eb="69">
      <t>タ</t>
    </rPh>
    <rPh sb="72" eb="74">
      <t>バアイ</t>
    </rPh>
    <rPh sb="75" eb="77">
      <t>テキギ</t>
    </rPh>
    <rPh sb="77" eb="79">
      <t>ツイカ</t>
    </rPh>
    <rPh sb="81" eb="83">
      <t>キニュウ</t>
    </rPh>
    <phoneticPr fontId="6"/>
  </si>
  <si>
    <t>指定を受ける
前月末日の継続状況</t>
    <rPh sb="0" eb="2">
      <t>シテイ</t>
    </rPh>
    <rPh sb="3" eb="4">
      <t>ウ</t>
    </rPh>
    <rPh sb="7" eb="9">
      <t>ゼンゲツ</t>
    </rPh>
    <rPh sb="9" eb="10">
      <t>マツ</t>
    </rPh>
    <rPh sb="10" eb="11">
      <t>ヒ</t>
    </rPh>
    <rPh sb="12" eb="14">
      <t>ケイゾク</t>
    </rPh>
    <rPh sb="14" eb="16">
      <t>ジョウキョウ</t>
    </rPh>
    <phoneticPr fontId="6"/>
  </si>
  <si>
    <t>【過去３年間における一般就労への移行者数】</t>
    <rPh sb="1" eb="3">
      <t>カコ</t>
    </rPh>
    <rPh sb="4" eb="6">
      <t>ネンカン</t>
    </rPh>
    <rPh sb="10" eb="12">
      <t>イッパン</t>
    </rPh>
    <rPh sb="12" eb="14">
      <t>シュウロウ</t>
    </rPh>
    <rPh sb="16" eb="18">
      <t>イコウ</t>
    </rPh>
    <rPh sb="18" eb="19">
      <t>シャ</t>
    </rPh>
    <rPh sb="19" eb="20">
      <t>スウ</t>
    </rPh>
    <phoneticPr fontId="6"/>
  </si>
  <si>
    <t>指定を受ける
前月末日の
就労継続者数</t>
    <rPh sb="0" eb="2">
      <t>シテイ</t>
    </rPh>
    <rPh sb="3" eb="4">
      <t>ウ</t>
    </rPh>
    <rPh sb="7" eb="9">
      <t>ゼンゲツ</t>
    </rPh>
    <rPh sb="9" eb="10">
      <t>マツ</t>
    </rPh>
    <rPh sb="10" eb="11">
      <t>ヒ</t>
    </rPh>
    <rPh sb="13" eb="15">
      <t>シュウロウ</t>
    </rPh>
    <rPh sb="15" eb="17">
      <t>ケイゾク</t>
    </rPh>
    <rPh sb="17" eb="18">
      <t>シャ</t>
    </rPh>
    <rPh sb="18" eb="19">
      <t>スウ</t>
    </rPh>
    <phoneticPr fontId="6"/>
  </si>
  <si>
    <t>就労継続者の状況
（就労定着支援に係る基本報酬の算定区分に関する届出書）
（新規指定の場合）</t>
    <rPh sb="0" eb="2">
      <t>シュウロウ</t>
    </rPh>
    <rPh sb="2" eb="4">
      <t>ケイゾク</t>
    </rPh>
    <rPh sb="4" eb="5">
      <t>シャ</t>
    </rPh>
    <rPh sb="6" eb="8">
      <t>ジョウキョウ</t>
    </rPh>
    <rPh sb="10" eb="12">
      <t>シュウロウ</t>
    </rPh>
    <rPh sb="12" eb="14">
      <t>テイチャク</t>
    </rPh>
    <rPh sb="14" eb="16">
      <t>シエン</t>
    </rPh>
    <rPh sb="17" eb="18">
      <t>カカワ</t>
    </rPh>
    <rPh sb="19" eb="21">
      <t>キホン</t>
    </rPh>
    <rPh sb="21" eb="23">
      <t>ホウシュウ</t>
    </rPh>
    <rPh sb="24" eb="26">
      <t>サンテイ</t>
    </rPh>
    <rPh sb="26" eb="28">
      <t>クブン</t>
    </rPh>
    <rPh sb="29" eb="30">
      <t>カン</t>
    </rPh>
    <rPh sb="32" eb="35">
      <t>トドケデショ</t>
    </rPh>
    <rPh sb="38" eb="40">
      <t>シンキ</t>
    </rPh>
    <rPh sb="40" eb="42">
      <t>シテイ</t>
    </rPh>
    <rPh sb="43" eb="45">
      <t>バアイ</t>
    </rPh>
    <phoneticPr fontId="6"/>
  </si>
  <si>
    <t>別　添　２</t>
    <rPh sb="0" eb="1">
      <t>ベツ</t>
    </rPh>
    <rPh sb="2" eb="3">
      <t>ソウ</t>
    </rPh>
    <phoneticPr fontId="6"/>
  </si>
  <si>
    <t>①　有　　　　　　　　　②　無</t>
    <rPh sb="2" eb="3">
      <t>ア</t>
    </rPh>
    <rPh sb="14" eb="15">
      <t>ナ</t>
    </rPh>
    <phoneticPr fontId="6"/>
  </si>
  <si>
    <t>公認心理師資格の有無</t>
    <rPh sb="0" eb="2">
      <t>コウニン</t>
    </rPh>
    <rPh sb="2" eb="4">
      <t>シンリ</t>
    </rPh>
    <rPh sb="4" eb="5">
      <t>シ</t>
    </rPh>
    <rPh sb="5" eb="7">
      <t>シカク</t>
    </rPh>
    <rPh sb="8" eb="10">
      <t>ウム</t>
    </rPh>
    <phoneticPr fontId="6"/>
  </si>
  <si>
    <t>うち理学療法士等の員数</t>
    <rPh sb="2" eb="4">
      <t>リガク</t>
    </rPh>
    <rPh sb="4" eb="7">
      <t>リョウホウシ</t>
    </rPh>
    <rPh sb="7" eb="8">
      <t>トウ</t>
    </rPh>
    <rPh sb="9" eb="11">
      <t>インスウ</t>
    </rPh>
    <phoneticPr fontId="6"/>
  </si>
  <si>
    <t>従業者の総数 B
（常勤換算）</t>
    <rPh sb="0" eb="3">
      <t>ジュウギョウシャ</t>
    </rPh>
    <rPh sb="4" eb="6">
      <t>ソウスウ</t>
    </rPh>
    <rPh sb="10" eb="12">
      <t>ジョウキン</t>
    </rPh>
    <rPh sb="12" eb="14">
      <t>カンサン</t>
    </rPh>
    <phoneticPr fontId="6"/>
  </si>
  <si>
    <t>サービスの種別</t>
    <rPh sb="5" eb="7">
      <t>シュベツ</t>
    </rPh>
    <phoneticPr fontId="6"/>
  </si>
  <si>
    <t>人数等</t>
    <rPh sb="0" eb="2">
      <t>ニンズウ</t>
    </rPh>
    <rPh sb="2" eb="3">
      <t>トウ</t>
    </rPh>
    <phoneticPr fontId="6"/>
  </si>
  <si>
    <t>　２　従業者の状況</t>
    <rPh sb="3" eb="6">
      <t>ジュウギョウシャ</t>
    </rPh>
    <rPh sb="7" eb="9">
      <t>ジョウキョウ</t>
    </rPh>
    <phoneticPr fontId="6"/>
  </si>
  <si>
    <t>児童指導員等加配加算に関する届出書</t>
    <rPh sb="0" eb="2">
      <t>ジドウ</t>
    </rPh>
    <rPh sb="2" eb="5">
      <t>シドウイン</t>
    </rPh>
    <rPh sb="5" eb="6">
      <t>トウ</t>
    </rPh>
    <rPh sb="6" eb="8">
      <t>カハイ</t>
    </rPh>
    <rPh sb="8" eb="10">
      <t>カサン</t>
    </rPh>
    <rPh sb="11" eb="12">
      <t>カン</t>
    </rPh>
    <rPh sb="14" eb="17">
      <t>トドケデショ</t>
    </rPh>
    <phoneticPr fontId="6"/>
  </si>
  <si>
    <t>　　　・研修会」などをいう。</t>
    <phoneticPr fontId="6"/>
  </si>
  <si>
    <t>　　　清掃活動等）の実施」、「協議会等を設けて地域住民が事業所の運営への参加」、「地域住民への健康相談教室</t>
    <phoneticPr fontId="6"/>
  </si>
  <si>
    <t>　　　指定地域密着型通所介護事業所、指定小規模多機能型居宅介護事業所等の従業者をいう。</t>
    <phoneticPr fontId="6"/>
  </si>
  <si>
    <t>　　　指定児童発達支援事業所若しくは指定放課後等デイサービス事業所又は介護保険制度制度における指定通所介護事業所、</t>
    <rPh sb="3" eb="5">
      <t>シテイ</t>
    </rPh>
    <rPh sb="5" eb="7">
      <t>ジドウ</t>
    </rPh>
    <rPh sb="7" eb="9">
      <t>ハッタツ</t>
    </rPh>
    <rPh sb="9" eb="11">
      <t>シエン</t>
    </rPh>
    <rPh sb="11" eb="14">
      <t>ジギョウショ</t>
    </rPh>
    <rPh sb="14" eb="15">
      <t>モ</t>
    </rPh>
    <rPh sb="18" eb="20">
      <t>シテイ</t>
    </rPh>
    <rPh sb="20" eb="23">
      <t>ホウカゴ</t>
    </rPh>
    <rPh sb="23" eb="24">
      <t>トウ</t>
    </rPh>
    <rPh sb="30" eb="33">
      <t>ジギョウショ</t>
    </rPh>
    <rPh sb="33" eb="34">
      <t>マタ</t>
    </rPh>
    <rPh sb="49" eb="51">
      <t>ツウショ</t>
    </rPh>
    <rPh sb="51" eb="53">
      <t>カイゴ</t>
    </rPh>
    <phoneticPr fontId="6"/>
  </si>
  <si>
    <t>　　２　ここでいう従業者とは、共生型生活介護、共生型自立訓練（機能訓練）又は共生型自立訓練（生活訓練）の指定を受ける</t>
    <rPh sb="9" eb="12">
      <t>ジュウギョウシャ</t>
    </rPh>
    <rPh sb="15" eb="18">
      <t>キョウセイガタ</t>
    </rPh>
    <rPh sb="18" eb="20">
      <t>セイカツ</t>
    </rPh>
    <rPh sb="20" eb="22">
      <t>カイゴ</t>
    </rPh>
    <rPh sb="23" eb="26">
      <t>キョウセイガタ</t>
    </rPh>
    <rPh sb="26" eb="28">
      <t>ジリツ</t>
    </rPh>
    <rPh sb="28" eb="30">
      <t>クンレン</t>
    </rPh>
    <rPh sb="31" eb="33">
      <t>キノウ</t>
    </rPh>
    <rPh sb="33" eb="35">
      <t>クンレン</t>
    </rPh>
    <rPh sb="36" eb="37">
      <t>マタ</t>
    </rPh>
    <rPh sb="38" eb="41">
      <t>キョウセイガタ</t>
    </rPh>
    <rPh sb="41" eb="43">
      <t>ジリツ</t>
    </rPh>
    <rPh sb="43" eb="45">
      <t>クンレン</t>
    </rPh>
    <rPh sb="46" eb="48">
      <t>セイカツ</t>
    </rPh>
    <rPh sb="48" eb="50">
      <t>クンレン</t>
    </rPh>
    <rPh sb="52" eb="54">
      <t>シテイ</t>
    </rPh>
    <rPh sb="55" eb="56">
      <t>ウ</t>
    </rPh>
    <phoneticPr fontId="6"/>
  </si>
  <si>
    <t>　４　地域に貢献する活動の内容</t>
    <rPh sb="3" eb="5">
      <t>チイキ</t>
    </rPh>
    <rPh sb="6" eb="8">
      <t>コウケン</t>
    </rPh>
    <rPh sb="10" eb="12">
      <t>カツドウ</t>
    </rPh>
    <rPh sb="13" eb="15">
      <t>ナイヨウ</t>
    </rPh>
    <phoneticPr fontId="6"/>
  </si>
  <si>
    <t>　３　サービス管理責任者の配置</t>
    <rPh sb="7" eb="9">
      <t>カンリ</t>
    </rPh>
    <rPh sb="9" eb="12">
      <t>セキニンシャ</t>
    </rPh>
    <rPh sb="13" eb="15">
      <t>ハイチ</t>
    </rPh>
    <phoneticPr fontId="6"/>
  </si>
  <si>
    <t>サービス管理責任者配置等加算に関する届出書（平成３０年４月以降）
（生活介護・自立支援（機能訓練）・自立支援（生活訓練））</t>
    <rPh sb="4" eb="6">
      <t>カンリ</t>
    </rPh>
    <rPh sb="6" eb="9">
      <t>セキニンシャ</t>
    </rPh>
    <rPh sb="9" eb="11">
      <t>ハイチ</t>
    </rPh>
    <rPh sb="11" eb="12">
      <t>トウ</t>
    </rPh>
    <rPh sb="12" eb="14">
      <t>カサン</t>
    </rPh>
    <rPh sb="15" eb="16">
      <t>カン</t>
    </rPh>
    <rPh sb="18" eb="21">
      <t>トドケデショ</t>
    </rPh>
    <rPh sb="34" eb="36">
      <t>セイカツ</t>
    </rPh>
    <rPh sb="36" eb="38">
      <t>カイゴ</t>
    </rPh>
    <rPh sb="39" eb="41">
      <t>ジリツ</t>
    </rPh>
    <rPh sb="41" eb="43">
      <t>シエン</t>
    </rPh>
    <rPh sb="44" eb="46">
      <t>キノウ</t>
    </rPh>
    <rPh sb="46" eb="48">
      <t>クンレン</t>
    </rPh>
    <rPh sb="50" eb="52">
      <t>ジリツ</t>
    </rPh>
    <rPh sb="52" eb="54">
      <t>シエン</t>
    </rPh>
    <rPh sb="55" eb="57">
      <t>セイカツ</t>
    </rPh>
    <rPh sb="57" eb="59">
      <t>クンレン</t>
    </rPh>
    <phoneticPr fontId="6"/>
  </si>
  <si>
    <t>保育士又は児童指導員</t>
    <rPh sb="0" eb="3">
      <t>ホイクシ</t>
    </rPh>
    <rPh sb="3" eb="4">
      <t>マタ</t>
    </rPh>
    <rPh sb="5" eb="7">
      <t>ジドウ</t>
    </rPh>
    <rPh sb="7" eb="10">
      <t>シドウイン</t>
    </rPh>
    <phoneticPr fontId="6"/>
  </si>
  <si>
    <t>児童発達支援管理責任者</t>
    <rPh sb="0" eb="2">
      <t>ジドウ</t>
    </rPh>
    <rPh sb="2" eb="4">
      <t>ハッタツ</t>
    </rPh>
    <rPh sb="4" eb="6">
      <t>シエン</t>
    </rPh>
    <rPh sb="6" eb="8">
      <t>カンリ</t>
    </rPh>
    <rPh sb="8" eb="11">
      <t>セキニンシャ</t>
    </rPh>
    <phoneticPr fontId="6"/>
  </si>
  <si>
    <t>　３　算定要件として満たすべき基準について、それぞれ該当するかどうか○を付してください。</t>
    <rPh sb="3" eb="5">
      <t>サンテイ</t>
    </rPh>
    <rPh sb="5" eb="7">
      <t>ヨウケン</t>
    </rPh>
    <rPh sb="10" eb="11">
      <t>ミ</t>
    </rPh>
    <rPh sb="15" eb="17">
      <t>キジュン</t>
    </rPh>
    <rPh sb="26" eb="28">
      <t>ガイトウ</t>
    </rPh>
    <rPh sb="36" eb="37">
      <t>フ</t>
    </rPh>
    <phoneticPr fontId="6"/>
  </si>
  <si>
    <t>　２　該当する資格を証する書類の写しを添付してください。</t>
    <rPh sb="3" eb="5">
      <t>ガイトウ</t>
    </rPh>
    <rPh sb="7" eb="9">
      <t>シカク</t>
    </rPh>
    <rPh sb="10" eb="11">
      <t>ショウ</t>
    </rPh>
    <rPh sb="13" eb="15">
      <t>ショルイ</t>
    </rPh>
    <rPh sb="16" eb="17">
      <t>ウツ</t>
    </rPh>
    <rPh sb="19" eb="21">
      <t>テンプ</t>
    </rPh>
    <phoneticPr fontId="6"/>
  </si>
  <si>
    <t>（２）　（１）以外の利用者については、必要に応じて、指定特定相
　　談支援事業者を通じて、他の指定障害福祉サービス事業所
　　等に訓練に係る日常生活上の留意点、介護の工夫等の情報
　　を伝達していること。</t>
    <rPh sb="7" eb="9">
      <t>イガイ</t>
    </rPh>
    <rPh sb="10" eb="13">
      <t>リヨウシャ</t>
    </rPh>
    <rPh sb="19" eb="21">
      <t>ヒツヨウ</t>
    </rPh>
    <rPh sb="22" eb="23">
      <t>オウ</t>
    </rPh>
    <rPh sb="26" eb="28">
      <t>シテイ</t>
    </rPh>
    <rPh sb="28" eb="30">
      <t>トクテイ</t>
    </rPh>
    <rPh sb="30" eb="31">
      <t>アイ</t>
    </rPh>
    <rPh sb="34" eb="35">
      <t>ダン</t>
    </rPh>
    <rPh sb="35" eb="37">
      <t>シエン</t>
    </rPh>
    <rPh sb="41" eb="42">
      <t>ツウ</t>
    </rPh>
    <rPh sb="45" eb="46">
      <t>タ</t>
    </rPh>
    <rPh sb="47" eb="49">
      <t>シテイ</t>
    </rPh>
    <rPh sb="49" eb="51">
      <t>ショウガイ</t>
    </rPh>
    <rPh sb="51" eb="53">
      <t>フクシ</t>
    </rPh>
    <rPh sb="57" eb="60">
      <t>ジギョウショ</t>
    </rPh>
    <rPh sb="63" eb="64">
      <t>トウ</t>
    </rPh>
    <rPh sb="65" eb="67">
      <t>クンレン</t>
    </rPh>
    <rPh sb="68" eb="69">
      <t>カカ</t>
    </rPh>
    <rPh sb="70" eb="72">
      <t>ニチジョウ</t>
    </rPh>
    <rPh sb="72" eb="74">
      <t>セイカツ</t>
    </rPh>
    <rPh sb="74" eb="75">
      <t>ジョウ</t>
    </rPh>
    <rPh sb="76" eb="79">
      <t>リュウイテン</t>
    </rPh>
    <rPh sb="80" eb="82">
      <t>カイゴ</t>
    </rPh>
    <rPh sb="83" eb="86">
      <t>クフウナド</t>
    </rPh>
    <rPh sb="87" eb="89">
      <t>ジョウホウ</t>
    </rPh>
    <rPh sb="93" eb="95">
      <t>デンタツ</t>
    </rPh>
    <phoneticPr fontId="6"/>
  </si>
  <si>
    <t>（１）　指定障害者支援施設等に入所する利用者については、訓
　　練に係る日常生活上の留意点、介護の工夫等の情報を、当
　　該指定障害者支援施設等の従業者間で共有していること。</t>
    <rPh sb="4" eb="6">
      <t>シテイ</t>
    </rPh>
    <rPh sb="6" eb="9">
      <t>ショウガイシャ</t>
    </rPh>
    <rPh sb="9" eb="11">
      <t>シエン</t>
    </rPh>
    <rPh sb="11" eb="13">
      <t>シセツ</t>
    </rPh>
    <rPh sb="13" eb="14">
      <t>トウ</t>
    </rPh>
    <rPh sb="15" eb="17">
      <t>ニュウショ</t>
    </rPh>
    <rPh sb="19" eb="22">
      <t>リヨウシャ</t>
    </rPh>
    <rPh sb="28" eb="29">
      <t>クン</t>
    </rPh>
    <rPh sb="32" eb="33">
      <t>ネリ</t>
    </rPh>
    <rPh sb="34" eb="35">
      <t>カカ</t>
    </rPh>
    <rPh sb="36" eb="38">
      <t>ニチジョウ</t>
    </rPh>
    <rPh sb="38" eb="40">
      <t>セイカツ</t>
    </rPh>
    <rPh sb="40" eb="41">
      <t>ジョウ</t>
    </rPh>
    <rPh sb="42" eb="45">
      <t>リュウイテン</t>
    </rPh>
    <rPh sb="46" eb="48">
      <t>カイゴ</t>
    </rPh>
    <rPh sb="49" eb="52">
      <t>クフウナド</t>
    </rPh>
    <rPh sb="53" eb="55">
      <t>ジョウホウ</t>
    </rPh>
    <rPh sb="57" eb="58">
      <t>トウ</t>
    </rPh>
    <rPh sb="61" eb="62">
      <t>ガイ</t>
    </rPh>
    <rPh sb="62" eb="64">
      <t>シテイ</t>
    </rPh>
    <rPh sb="73" eb="76">
      <t>ジュウギョウシャ</t>
    </rPh>
    <rPh sb="76" eb="77">
      <t>カン</t>
    </rPh>
    <rPh sb="78" eb="80">
      <t>キョウユウ</t>
    </rPh>
    <phoneticPr fontId="6"/>
  </si>
  <si>
    <t>　 ４　情報の共有・伝達</t>
    <rPh sb="4" eb="6">
      <t>ジョウホウ</t>
    </rPh>
    <rPh sb="7" eb="9">
      <t>キョウユウ</t>
    </rPh>
    <rPh sb="10" eb="12">
      <t>デンタツ</t>
    </rPh>
    <phoneticPr fontId="6"/>
  </si>
  <si>
    <t>（２）　個別訓練実施計画の進捗状況を毎月ごとに評価し、必要
　　に応じて当該計画の見直しを行っていること。</t>
    <rPh sb="13" eb="15">
      <t>シンチョク</t>
    </rPh>
    <rPh sb="15" eb="17">
      <t>ジョウキョウ</t>
    </rPh>
    <rPh sb="18" eb="20">
      <t>マイツキ</t>
    </rPh>
    <rPh sb="23" eb="25">
      <t>ヒョウカ</t>
    </rPh>
    <rPh sb="27" eb="29">
      <t>ヒツヨウ</t>
    </rPh>
    <rPh sb="33" eb="34">
      <t>オウ</t>
    </rPh>
    <rPh sb="36" eb="38">
      <t>トウガイ</t>
    </rPh>
    <rPh sb="38" eb="40">
      <t>ケイカク</t>
    </rPh>
    <rPh sb="41" eb="43">
      <t>ミナオ</t>
    </rPh>
    <rPh sb="45" eb="46">
      <t>オコナ</t>
    </rPh>
    <phoneticPr fontId="6"/>
  </si>
  <si>
    <t>（１）　個別訓練実施計画に基づく支援が行われ、その内容や利
　　用者の状態を定期的に記録していること。</t>
    <rPh sb="4" eb="6">
      <t>コベツ</t>
    </rPh>
    <rPh sb="6" eb="8">
      <t>クンレン</t>
    </rPh>
    <rPh sb="8" eb="10">
      <t>ジッシ</t>
    </rPh>
    <rPh sb="10" eb="12">
      <t>ケイカク</t>
    </rPh>
    <rPh sb="13" eb="14">
      <t>モト</t>
    </rPh>
    <rPh sb="16" eb="18">
      <t>シエン</t>
    </rPh>
    <rPh sb="19" eb="20">
      <t>オコナ</t>
    </rPh>
    <rPh sb="25" eb="27">
      <t>ナイヨウ</t>
    </rPh>
    <rPh sb="28" eb="29">
      <t>リ</t>
    </rPh>
    <rPh sb="32" eb="33">
      <t>ヨウ</t>
    </rPh>
    <rPh sb="33" eb="34">
      <t>シャ</t>
    </rPh>
    <rPh sb="35" eb="37">
      <t>ジョウタイ</t>
    </rPh>
    <rPh sb="38" eb="41">
      <t>テイキテキ</t>
    </rPh>
    <rPh sb="42" eb="44">
      <t>キロク</t>
    </rPh>
    <phoneticPr fontId="6"/>
  </si>
  <si>
    <t>　 ３　個別訓練実施計画
　　　 の運用</t>
    <rPh sb="4" eb="6">
      <t>コベツ</t>
    </rPh>
    <rPh sb="6" eb="8">
      <t>クンレン</t>
    </rPh>
    <rPh sb="8" eb="10">
      <t>ジッシ</t>
    </rPh>
    <rPh sb="10" eb="12">
      <t>ケイカク</t>
    </rPh>
    <rPh sb="18" eb="20">
      <t>ウンヨウ</t>
    </rPh>
    <phoneticPr fontId="6"/>
  </si>
  <si>
    <t>（２）　（１）の従業者により、利用者の障害特性や生活環境に応じ
　　て、「応用日常生活動作」、「認知機能」、「行動上の障害」に
　　係る個別訓練実施計画を作成していること。</t>
    <rPh sb="8" eb="11">
      <t>ジュウギョウシャ</t>
    </rPh>
    <rPh sb="15" eb="18">
      <t>リヨウシャ</t>
    </rPh>
    <rPh sb="19" eb="21">
      <t>ショウガイ</t>
    </rPh>
    <rPh sb="21" eb="23">
      <t>トクセイ</t>
    </rPh>
    <rPh sb="24" eb="26">
      <t>セイカツ</t>
    </rPh>
    <rPh sb="26" eb="28">
      <t>カンキョウ</t>
    </rPh>
    <rPh sb="29" eb="30">
      <t>オウ</t>
    </rPh>
    <rPh sb="37" eb="39">
      <t>オウヨウ</t>
    </rPh>
    <rPh sb="39" eb="41">
      <t>ニチジョウ</t>
    </rPh>
    <rPh sb="41" eb="43">
      <t>セイカツ</t>
    </rPh>
    <rPh sb="43" eb="45">
      <t>ドウサ</t>
    </rPh>
    <rPh sb="48" eb="50">
      <t>ニンチ</t>
    </rPh>
    <rPh sb="50" eb="52">
      <t>キノウ</t>
    </rPh>
    <rPh sb="55" eb="58">
      <t>コウドウジョウ</t>
    </rPh>
    <rPh sb="59" eb="61">
      <t>ショウガイ</t>
    </rPh>
    <rPh sb="66" eb="67">
      <t>カカ</t>
    </rPh>
    <rPh sb="68" eb="70">
      <t>コベツ</t>
    </rPh>
    <rPh sb="70" eb="72">
      <t>クンレン</t>
    </rPh>
    <rPh sb="72" eb="74">
      <t>ジッシ</t>
    </rPh>
    <rPh sb="74" eb="76">
      <t>ケイカク</t>
    </rPh>
    <rPh sb="77" eb="79">
      <t>サクセイ</t>
    </rPh>
    <phoneticPr fontId="6"/>
  </si>
  <si>
    <t>（１）　社会福祉士、精神保健福祉士又は公認心理師である従業
　　者が配置されていること。</t>
    <rPh sb="4" eb="6">
      <t>シャカイ</t>
    </rPh>
    <rPh sb="6" eb="9">
      <t>フクシシ</t>
    </rPh>
    <rPh sb="10" eb="12">
      <t>セイシン</t>
    </rPh>
    <rPh sb="12" eb="14">
      <t>ホケン</t>
    </rPh>
    <rPh sb="14" eb="17">
      <t>フクシシ</t>
    </rPh>
    <rPh sb="17" eb="18">
      <t>マタ</t>
    </rPh>
    <rPh sb="19" eb="21">
      <t>コウニン</t>
    </rPh>
    <rPh sb="21" eb="24">
      <t>シンリシ</t>
    </rPh>
    <rPh sb="27" eb="29">
      <t>ジュウギョウ</t>
    </rPh>
    <rPh sb="32" eb="33">
      <t>シャ</t>
    </rPh>
    <rPh sb="34" eb="36">
      <t>ハイチ</t>
    </rPh>
    <phoneticPr fontId="6"/>
  </si>
  <si>
    <t>　 ２　有資格者の配置等</t>
    <rPh sb="4" eb="8">
      <t>ユウシカクシャ</t>
    </rPh>
    <rPh sb="9" eb="11">
      <t>ハイチ</t>
    </rPh>
    <rPh sb="11" eb="12">
      <t>トウ</t>
    </rPh>
    <phoneticPr fontId="6"/>
  </si>
  <si>
    <t>①　新規　　　　　　　　②　変更　　　　　　　　③　終了</t>
    <rPh sb="2" eb="4">
      <t>シンキ</t>
    </rPh>
    <rPh sb="14" eb="16">
      <t>ヘンコウ</t>
    </rPh>
    <rPh sb="26" eb="28">
      <t>シュウリョウ</t>
    </rPh>
    <phoneticPr fontId="6"/>
  </si>
  <si>
    <t>個別計画訓練支援加算に係る届出書</t>
    <rPh sb="0" eb="2">
      <t>コベツ</t>
    </rPh>
    <rPh sb="2" eb="4">
      <t>ケイカク</t>
    </rPh>
    <rPh sb="4" eb="6">
      <t>クンレン</t>
    </rPh>
    <rPh sb="6" eb="8">
      <t>シエン</t>
    </rPh>
    <rPh sb="8" eb="10">
      <t>カサン</t>
    </rPh>
    <rPh sb="11" eb="12">
      <t>カカ</t>
    </rPh>
    <rPh sb="13" eb="15">
      <t>トドケデ</t>
    </rPh>
    <rPh sb="15" eb="16">
      <t>ショ</t>
    </rPh>
    <phoneticPr fontId="6"/>
  </si>
  <si>
    <t>就労定着率</t>
    <rPh sb="0" eb="2">
      <t>シュウロウ</t>
    </rPh>
    <rPh sb="2" eb="4">
      <t>テイチャク</t>
    </rPh>
    <rPh sb="4" eb="5">
      <t>リツ</t>
    </rPh>
    <phoneticPr fontId="6"/>
  </si>
  <si>
    <t>前年度利用定員</t>
    <rPh sb="0" eb="3">
      <t>ゼンネンド</t>
    </rPh>
    <rPh sb="3" eb="5">
      <t>リヨウ</t>
    </rPh>
    <rPh sb="5" eb="7">
      <t>テイイン</t>
    </rPh>
    <phoneticPr fontId="6"/>
  </si>
  <si>
    <t>３月</t>
  </si>
  <si>
    <t>２月</t>
  </si>
  <si>
    <t>１月</t>
  </si>
  <si>
    <t>１２月</t>
  </si>
  <si>
    <t>１１月</t>
  </si>
  <si>
    <t>１０月</t>
  </si>
  <si>
    <t>９月</t>
  </si>
  <si>
    <t>８月</t>
  </si>
  <si>
    <t>７月</t>
  </si>
  <si>
    <t>６月</t>
  </si>
  <si>
    <t>５月</t>
  </si>
  <si>
    <t>４月</t>
    <rPh sb="1" eb="2">
      <t>ガツ</t>
    </rPh>
    <phoneticPr fontId="6"/>
  </si>
  <si>
    <t>就職後６月以上定着者数</t>
    <rPh sb="0" eb="2">
      <t>シュウショク</t>
    </rPh>
    <rPh sb="2" eb="3">
      <t>ゴ</t>
    </rPh>
    <rPh sb="4" eb="5">
      <t>ツキ</t>
    </rPh>
    <rPh sb="5" eb="7">
      <t>イジョウ</t>
    </rPh>
    <rPh sb="7" eb="9">
      <t>テイチャク</t>
    </rPh>
    <rPh sb="9" eb="10">
      <t>シャ</t>
    </rPh>
    <rPh sb="10" eb="11">
      <t>スウ</t>
    </rPh>
    <phoneticPr fontId="6"/>
  </si>
  <si>
    <t>前年度の就職後6月以上定着者の状況</t>
    <rPh sb="0" eb="3">
      <t>ゼンネンド</t>
    </rPh>
    <rPh sb="4" eb="6">
      <t>シュウショク</t>
    </rPh>
    <rPh sb="6" eb="7">
      <t>ゴ</t>
    </rPh>
    <rPh sb="8" eb="9">
      <t>ツキ</t>
    </rPh>
    <rPh sb="9" eb="11">
      <t>イジョウ</t>
    </rPh>
    <rPh sb="11" eb="13">
      <t>テイチャク</t>
    </rPh>
    <rPh sb="13" eb="14">
      <t>シャ</t>
    </rPh>
    <rPh sb="15" eb="17">
      <t>ジョウキョウ</t>
    </rPh>
    <phoneticPr fontId="6"/>
  </si>
  <si>
    <t>なし（経過措置対象）</t>
    <rPh sb="3" eb="5">
      <t>ケイカ</t>
    </rPh>
    <rPh sb="5" eb="7">
      <t>ソチ</t>
    </rPh>
    <rPh sb="7" eb="9">
      <t>タイショウ</t>
    </rPh>
    <phoneticPr fontId="6"/>
  </si>
  <si>
    <t>就職後6月以上定着率が0</t>
    <rPh sb="0" eb="3">
      <t>シュウショクゴ</t>
    </rPh>
    <rPh sb="4" eb="5">
      <t>ツキ</t>
    </rPh>
    <rPh sb="5" eb="7">
      <t>イジョウ</t>
    </rPh>
    <rPh sb="7" eb="10">
      <t>テイチャクリツ</t>
    </rPh>
    <phoneticPr fontId="6"/>
  </si>
  <si>
    <t>就職後6月以上定着率が0割超1割未満</t>
    <rPh sb="0" eb="3">
      <t>シュウショクゴ</t>
    </rPh>
    <rPh sb="4" eb="5">
      <t>ツキ</t>
    </rPh>
    <rPh sb="5" eb="7">
      <t>イジョウ</t>
    </rPh>
    <rPh sb="7" eb="10">
      <t>テイチャクリツ</t>
    </rPh>
    <rPh sb="12" eb="13">
      <t>ワリ</t>
    </rPh>
    <rPh sb="13" eb="14">
      <t>コ</t>
    </rPh>
    <rPh sb="15" eb="16">
      <t>ワ</t>
    </rPh>
    <rPh sb="16" eb="18">
      <t>ミマン</t>
    </rPh>
    <phoneticPr fontId="6"/>
  </si>
  <si>
    <t>就職後6月以上定着率が1割以上2割未満</t>
    <rPh sb="0" eb="3">
      <t>シュウショクゴ</t>
    </rPh>
    <rPh sb="4" eb="5">
      <t>ツキ</t>
    </rPh>
    <rPh sb="5" eb="7">
      <t>イジョウ</t>
    </rPh>
    <rPh sb="7" eb="10">
      <t>テイチャクリツ</t>
    </rPh>
    <rPh sb="12" eb="13">
      <t>ワリ</t>
    </rPh>
    <rPh sb="13" eb="15">
      <t>イジョウ</t>
    </rPh>
    <rPh sb="16" eb="17">
      <t>ワリ</t>
    </rPh>
    <rPh sb="17" eb="19">
      <t>ミマン</t>
    </rPh>
    <phoneticPr fontId="6"/>
  </si>
  <si>
    <t>81人以上</t>
    <rPh sb="2" eb="3">
      <t>ニン</t>
    </rPh>
    <rPh sb="3" eb="5">
      <t>イジョウ</t>
    </rPh>
    <phoneticPr fontId="6"/>
  </si>
  <si>
    <t>就職後6月以上定着率が2割以上3割未満</t>
    <rPh sb="0" eb="3">
      <t>シュウショクゴ</t>
    </rPh>
    <rPh sb="4" eb="5">
      <t>ツキ</t>
    </rPh>
    <rPh sb="5" eb="7">
      <t>イジョウ</t>
    </rPh>
    <rPh sb="7" eb="10">
      <t>テイチャクリツ</t>
    </rPh>
    <rPh sb="12" eb="13">
      <t>ワリ</t>
    </rPh>
    <rPh sb="13" eb="15">
      <t>イジョウ</t>
    </rPh>
    <rPh sb="16" eb="17">
      <t>ワリ</t>
    </rPh>
    <rPh sb="17" eb="19">
      <t>ミマン</t>
    </rPh>
    <phoneticPr fontId="6"/>
  </si>
  <si>
    <t>61人以上80人以下</t>
    <rPh sb="2" eb="3">
      <t>ニン</t>
    </rPh>
    <rPh sb="3" eb="5">
      <t>イジョウ</t>
    </rPh>
    <rPh sb="7" eb="8">
      <t>ニン</t>
    </rPh>
    <rPh sb="8" eb="10">
      <t>イカ</t>
    </rPh>
    <phoneticPr fontId="6"/>
  </si>
  <si>
    <t>就職後6月以上定着率が3割以上4割未満</t>
    <rPh sb="0" eb="3">
      <t>シュウショクゴ</t>
    </rPh>
    <rPh sb="4" eb="5">
      <t>ツキ</t>
    </rPh>
    <rPh sb="5" eb="7">
      <t>イジョウ</t>
    </rPh>
    <rPh sb="7" eb="10">
      <t>テイチャクリツ</t>
    </rPh>
    <rPh sb="12" eb="13">
      <t>ワリ</t>
    </rPh>
    <rPh sb="13" eb="15">
      <t>イジョウ</t>
    </rPh>
    <rPh sb="16" eb="17">
      <t>ワリ</t>
    </rPh>
    <rPh sb="17" eb="19">
      <t>ミマン</t>
    </rPh>
    <phoneticPr fontId="6"/>
  </si>
  <si>
    <t>41人以上60人以下</t>
    <rPh sb="2" eb="3">
      <t>ニン</t>
    </rPh>
    <rPh sb="3" eb="5">
      <t>イジョウ</t>
    </rPh>
    <rPh sb="7" eb="8">
      <t>ニン</t>
    </rPh>
    <rPh sb="8" eb="10">
      <t>イカ</t>
    </rPh>
    <phoneticPr fontId="6"/>
  </si>
  <si>
    <t>就職後6月以上定着率が4割以上5割未満</t>
    <rPh sb="0" eb="3">
      <t>シュウショクゴ</t>
    </rPh>
    <rPh sb="4" eb="5">
      <t>ツキ</t>
    </rPh>
    <rPh sb="5" eb="7">
      <t>イジョウ</t>
    </rPh>
    <rPh sb="7" eb="10">
      <t>テイチャクリツ</t>
    </rPh>
    <rPh sb="12" eb="13">
      <t>ワリ</t>
    </rPh>
    <rPh sb="13" eb="15">
      <t>イジョウ</t>
    </rPh>
    <rPh sb="16" eb="17">
      <t>ワリ</t>
    </rPh>
    <rPh sb="17" eb="19">
      <t>ミマン</t>
    </rPh>
    <phoneticPr fontId="6"/>
  </si>
  <si>
    <t>就職後6月以上定着率が5割以上</t>
    <rPh sb="0" eb="3">
      <t>シュウショクゴ</t>
    </rPh>
    <rPh sb="4" eb="5">
      <t>ツキ</t>
    </rPh>
    <rPh sb="5" eb="7">
      <t>イジョウ</t>
    </rPh>
    <rPh sb="7" eb="10">
      <t>テイチャクリツ</t>
    </rPh>
    <rPh sb="12" eb="13">
      <t>ワリ</t>
    </rPh>
    <rPh sb="13" eb="15">
      <t>イジョウ</t>
    </rPh>
    <phoneticPr fontId="6"/>
  </si>
  <si>
    <t>就労定着率区分</t>
    <rPh sb="0" eb="2">
      <t>シュウロウ</t>
    </rPh>
    <rPh sb="2" eb="5">
      <t>テイチャクリツ</t>
    </rPh>
    <rPh sb="5" eb="7">
      <t>クブン</t>
    </rPh>
    <phoneticPr fontId="6"/>
  </si>
  <si>
    <t>定員区分</t>
    <rPh sb="0" eb="2">
      <t>テイイン</t>
    </rPh>
    <rPh sb="2" eb="4">
      <t>クブン</t>
    </rPh>
    <phoneticPr fontId="6"/>
  </si>
  <si>
    <t>施設・事業所名</t>
    <rPh sb="0" eb="2">
      <t>シセツ</t>
    </rPh>
    <rPh sb="3" eb="6">
      <t>ジギョウショ</t>
    </rPh>
    <rPh sb="6" eb="7">
      <t>メイ</t>
    </rPh>
    <phoneticPr fontId="6"/>
  </si>
  <si>
    <t>提出</t>
    <rPh sb="0" eb="2">
      <t>テイシュツ</t>
    </rPh>
    <phoneticPr fontId="6"/>
  </si>
  <si>
    <t>注１　届出時点の継続状況には、就労が継続している場合には「継続」、離職している場合には「離職」と記入。
注２　行が足りない場合は適宜追加して記入。</t>
    <rPh sb="0" eb="1">
      <t>チュウ</t>
    </rPh>
    <rPh sb="3" eb="5">
      <t>トドケデ</t>
    </rPh>
    <rPh sb="5" eb="7">
      <t>ジテン</t>
    </rPh>
    <rPh sb="8" eb="10">
      <t>ケイゾク</t>
    </rPh>
    <rPh sb="10" eb="12">
      <t>ジョウキョウ</t>
    </rPh>
    <rPh sb="15" eb="17">
      <t>シュウロウ</t>
    </rPh>
    <rPh sb="18" eb="20">
      <t>ケイゾク</t>
    </rPh>
    <rPh sb="24" eb="26">
      <t>バアイ</t>
    </rPh>
    <rPh sb="29" eb="31">
      <t>ケイゾク</t>
    </rPh>
    <rPh sb="33" eb="35">
      <t>リショク</t>
    </rPh>
    <rPh sb="39" eb="41">
      <t>バアイ</t>
    </rPh>
    <rPh sb="44" eb="46">
      <t>リショク</t>
    </rPh>
    <rPh sb="48" eb="50">
      <t>キニュウ</t>
    </rPh>
    <rPh sb="52" eb="53">
      <t>チュウ</t>
    </rPh>
    <rPh sb="55" eb="56">
      <t>ギョウ</t>
    </rPh>
    <rPh sb="57" eb="58">
      <t>タ</t>
    </rPh>
    <rPh sb="61" eb="63">
      <t>バアイ</t>
    </rPh>
    <rPh sb="64" eb="66">
      <t>テキギ</t>
    </rPh>
    <rPh sb="66" eb="68">
      <t>ツイカ</t>
    </rPh>
    <rPh sb="70" eb="72">
      <t>キニュウ</t>
    </rPh>
    <phoneticPr fontId="6"/>
  </si>
  <si>
    <t>前年度における
就労定着者の数</t>
    <rPh sb="0" eb="3">
      <t>ゼンネンド</t>
    </rPh>
    <rPh sb="8" eb="10">
      <t>シュウロウ</t>
    </rPh>
    <rPh sb="10" eb="12">
      <t>テイチャク</t>
    </rPh>
    <rPh sb="12" eb="13">
      <t>シャ</t>
    </rPh>
    <rPh sb="14" eb="15">
      <t>カズ</t>
    </rPh>
    <phoneticPr fontId="6"/>
  </si>
  <si>
    <t>就労定着者の状況
（就労移行支援に係る基本報酬の算定区分に関する届出書）</t>
    <rPh sb="0" eb="2">
      <t>シュウロウ</t>
    </rPh>
    <rPh sb="2" eb="4">
      <t>テイチャク</t>
    </rPh>
    <rPh sb="4" eb="5">
      <t>シャ</t>
    </rPh>
    <rPh sb="6" eb="8">
      <t>ジョウキョウ</t>
    </rPh>
    <rPh sb="10" eb="12">
      <t>シュウロウ</t>
    </rPh>
    <rPh sb="12" eb="14">
      <t>イコウ</t>
    </rPh>
    <rPh sb="14" eb="16">
      <t>シエン</t>
    </rPh>
    <rPh sb="17" eb="18">
      <t>カカワ</t>
    </rPh>
    <rPh sb="19" eb="21">
      <t>キホン</t>
    </rPh>
    <rPh sb="21" eb="23">
      <t>ホウシュウ</t>
    </rPh>
    <rPh sb="24" eb="26">
      <t>サンテイ</t>
    </rPh>
    <rPh sb="26" eb="28">
      <t>クブン</t>
    </rPh>
    <rPh sb="29" eb="30">
      <t>カン</t>
    </rPh>
    <rPh sb="32" eb="35">
      <t>トドケデショ</t>
    </rPh>
    <phoneticPr fontId="6"/>
  </si>
  <si>
    <t>別　添</t>
    <rPh sb="0" eb="1">
      <t>ベツ</t>
    </rPh>
    <rPh sb="2" eb="3">
      <t>ソウ</t>
    </rPh>
    <phoneticPr fontId="6"/>
  </si>
  <si>
    <t>１．　Ⅰ型（7.5：1）　　　　　　２．　Ⅱ型（10：1）</t>
    <rPh sb="4" eb="5">
      <t>ガタ</t>
    </rPh>
    <rPh sb="22" eb="23">
      <t>ガタ</t>
    </rPh>
    <phoneticPr fontId="6"/>
  </si>
  <si>
    <t>人員配置区分</t>
    <rPh sb="0" eb="2">
      <t>ジンイン</t>
    </rPh>
    <rPh sb="2" eb="4">
      <t>ハイチ</t>
    </rPh>
    <rPh sb="4" eb="6">
      <t>クブン</t>
    </rPh>
    <phoneticPr fontId="6"/>
  </si>
  <si>
    <t>就労継続支援Ａ型に係る基本報酬の算定区分に関する届出書</t>
    <rPh sb="0" eb="2">
      <t>シュウロウ</t>
    </rPh>
    <rPh sb="2" eb="4">
      <t>ケイゾク</t>
    </rPh>
    <rPh sb="4" eb="6">
      <t>シエン</t>
    </rPh>
    <rPh sb="7" eb="8">
      <t>ガタ</t>
    </rPh>
    <rPh sb="9" eb="10">
      <t>カカ</t>
    </rPh>
    <rPh sb="11" eb="13">
      <t>キホン</t>
    </rPh>
    <rPh sb="13" eb="15">
      <t>ホウシュウ</t>
    </rPh>
    <rPh sb="16" eb="18">
      <t>サンテイ</t>
    </rPh>
    <rPh sb="18" eb="20">
      <t>クブン</t>
    </rPh>
    <rPh sb="21" eb="22">
      <t>カン</t>
    </rPh>
    <rPh sb="24" eb="27">
      <t>トドケデショ</t>
    </rPh>
    <phoneticPr fontId="6"/>
  </si>
  <si>
    <t>注　賃金向上計画は経営改善計画書を作成している場合は省略することも可能とする。
　　ただし、計画の内容が現実的に達成する可能性があるのかどうかしっかりと確認すること。</t>
    <rPh sb="0" eb="1">
      <t>チュウ</t>
    </rPh>
    <rPh sb="2" eb="4">
      <t>チンギン</t>
    </rPh>
    <rPh sb="4" eb="6">
      <t>コウジョウ</t>
    </rPh>
    <rPh sb="6" eb="8">
      <t>ケイカク</t>
    </rPh>
    <rPh sb="9" eb="11">
      <t>ケイエイ</t>
    </rPh>
    <rPh sb="11" eb="13">
      <t>カイゼン</t>
    </rPh>
    <rPh sb="13" eb="15">
      <t>ケイカク</t>
    </rPh>
    <rPh sb="15" eb="16">
      <t>ショ</t>
    </rPh>
    <rPh sb="17" eb="19">
      <t>サクセイ</t>
    </rPh>
    <rPh sb="23" eb="25">
      <t>バアイ</t>
    </rPh>
    <rPh sb="26" eb="28">
      <t>ショウリャク</t>
    </rPh>
    <rPh sb="33" eb="35">
      <t>カノウ</t>
    </rPh>
    <rPh sb="46" eb="48">
      <t>ケイカク</t>
    </rPh>
    <rPh sb="49" eb="51">
      <t>ナイヨウ</t>
    </rPh>
    <rPh sb="52" eb="55">
      <t>ゲンジツテキ</t>
    </rPh>
    <rPh sb="56" eb="58">
      <t>タッセイ</t>
    </rPh>
    <rPh sb="60" eb="63">
      <t>カノウセイ</t>
    </rPh>
    <rPh sb="76" eb="78">
      <t>カクニン</t>
    </rPh>
    <phoneticPr fontId="6"/>
  </si>
  <si>
    <t>有　・　無</t>
    <rPh sb="0" eb="1">
      <t>ア</t>
    </rPh>
    <rPh sb="4" eb="5">
      <t>ナ</t>
    </rPh>
    <phoneticPr fontId="6"/>
  </si>
  <si>
    <t>　利用者の就業規則に将来の職務上の地位や賃金の改善を図るため、昇格、昇進、昇給といった仕組みが記載されていること。</t>
    <rPh sb="1" eb="4">
      <t>リヨウシャ</t>
    </rPh>
    <rPh sb="5" eb="7">
      <t>シュウギョウ</t>
    </rPh>
    <rPh sb="7" eb="9">
      <t>キソク</t>
    </rPh>
    <rPh sb="10" eb="12">
      <t>ショウライ</t>
    </rPh>
    <rPh sb="13" eb="16">
      <t>ショクムジョウ</t>
    </rPh>
    <rPh sb="17" eb="19">
      <t>チイ</t>
    </rPh>
    <rPh sb="20" eb="22">
      <t>チンギン</t>
    </rPh>
    <rPh sb="23" eb="25">
      <t>カイゼン</t>
    </rPh>
    <rPh sb="26" eb="27">
      <t>ハカ</t>
    </rPh>
    <rPh sb="31" eb="33">
      <t>ショウカク</t>
    </rPh>
    <rPh sb="34" eb="36">
      <t>ショウシン</t>
    </rPh>
    <rPh sb="37" eb="39">
      <t>ショウキュウ</t>
    </rPh>
    <rPh sb="43" eb="45">
      <t>シク</t>
    </rPh>
    <rPh sb="47" eb="49">
      <t>キサイ</t>
    </rPh>
    <phoneticPr fontId="6"/>
  </si>
  <si>
    <t>　５　キャリアアップの措置</t>
    <rPh sb="11" eb="13">
      <t>ソチ</t>
    </rPh>
    <phoneticPr fontId="6"/>
  </si>
  <si>
    <t>　賃金向上計画を作成していること。</t>
    <rPh sb="1" eb="3">
      <t>チンギン</t>
    </rPh>
    <rPh sb="3" eb="5">
      <t>コウジョウ</t>
    </rPh>
    <rPh sb="5" eb="7">
      <t>ケイカク</t>
    </rPh>
    <rPh sb="8" eb="10">
      <t>サクセイ</t>
    </rPh>
    <phoneticPr fontId="6"/>
  </si>
  <si>
    <t>　４　計画作成状況</t>
    <rPh sb="3" eb="5">
      <t>ケイカク</t>
    </rPh>
    <rPh sb="5" eb="7">
      <t>サクセイ</t>
    </rPh>
    <rPh sb="7" eb="9">
      <t>ジョウキョウ</t>
    </rPh>
    <phoneticPr fontId="6"/>
  </si>
  <si>
    <t>　当該事業所に配置すべき従業者（最低基準）に加えて、常勤換算方法で１以上の配置があること。</t>
    <rPh sb="1" eb="3">
      <t>トウガイ</t>
    </rPh>
    <rPh sb="3" eb="6">
      <t>ジギョウショ</t>
    </rPh>
    <rPh sb="7" eb="9">
      <t>ハイチ</t>
    </rPh>
    <rPh sb="12" eb="15">
      <t>ジュウギョウシャ</t>
    </rPh>
    <rPh sb="16" eb="18">
      <t>サイテイ</t>
    </rPh>
    <rPh sb="18" eb="20">
      <t>キジュン</t>
    </rPh>
    <rPh sb="22" eb="23">
      <t>クワ</t>
    </rPh>
    <rPh sb="26" eb="28">
      <t>ジョウキン</t>
    </rPh>
    <rPh sb="28" eb="30">
      <t>カンザン</t>
    </rPh>
    <rPh sb="30" eb="32">
      <t>ホウホウ</t>
    </rPh>
    <rPh sb="34" eb="36">
      <t>イジョウ</t>
    </rPh>
    <rPh sb="37" eb="39">
      <t>ハイチ</t>
    </rPh>
    <phoneticPr fontId="6"/>
  </si>
  <si>
    <t>　３　人員配置</t>
    <rPh sb="3" eb="5">
      <t>ジンイン</t>
    </rPh>
    <rPh sb="5" eb="7">
      <t>ハイチ</t>
    </rPh>
    <phoneticPr fontId="6"/>
  </si>
  <si>
    <t>　1　新規　　　　2　継続　　　　3　変更　　　　4　終了</t>
    <rPh sb="11" eb="13">
      <t>ケイゾク</t>
    </rPh>
    <phoneticPr fontId="6"/>
  </si>
  <si>
    <t>　２　異動区分</t>
    <rPh sb="3" eb="5">
      <t>イドウ</t>
    </rPh>
    <rPh sb="5" eb="7">
      <t>クブン</t>
    </rPh>
    <phoneticPr fontId="6"/>
  </si>
  <si>
    <t>　１　事業所名</t>
    <rPh sb="3" eb="6">
      <t>ジギョウショ</t>
    </rPh>
    <rPh sb="6" eb="7">
      <t>メイ</t>
    </rPh>
    <phoneticPr fontId="6"/>
  </si>
  <si>
    <t>賃金向上達成指導員配置加算に関する届出書</t>
    <rPh sb="0" eb="2">
      <t>チンギン</t>
    </rPh>
    <rPh sb="2" eb="4">
      <t>コウジョウ</t>
    </rPh>
    <rPh sb="4" eb="6">
      <t>タッセイ</t>
    </rPh>
    <rPh sb="6" eb="9">
      <t>シドウイン</t>
    </rPh>
    <rPh sb="9" eb="11">
      <t>ハイチ</t>
    </rPh>
    <rPh sb="11" eb="13">
      <t>カサン</t>
    </rPh>
    <rPh sb="14" eb="15">
      <t>カン</t>
    </rPh>
    <rPh sb="17" eb="20">
      <t>トドケデショ</t>
    </rPh>
    <phoneticPr fontId="6"/>
  </si>
  <si>
    <t>就労移行支援体制加算に関する届出書</t>
    <rPh sb="0" eb="2">
      <t>シュウロウ</t>
    </rPh>
    <rPh sb="2" eb="4">
      <t>イコウ</t>
    </rPh>
    <rPh sb="4" eb="6">
      <t>シエン</t>
    </rPh>
    <rPh sb="6" eb="8">
      <t>タイセイ</t>
    </rPh>
    <rPh sb="8" eb="10">
      <t>カサン</t>
    </rPh>
    <rPh sb="11" eb="12">
      <t>カン</t>
    </rPh>
    <rPh sb="14" eb="17">
      <t>トドケデショ</t>
    </rPh>
    <phoneticPr fontId="6"/>
  </si>
  <si>
    <t>平均工賃月額区分</t>
    <rPh sb="0" eb="2">
      <t>ヘイキン</t>
    </rPh>
    <rPh sb="2" eb="4">
      <t>コウチン</t>
    </rPh>
    <rPh sb="4" eb="6">
      <t>ゲツガク</t>
    </rPh>
    <rPh sb="6" eb="8">
      <t>クブン</t>
    </rPh>
    <phoneticPr fontId="6"/>
  </si>
  <si>
    <t>就労継続支援Ｂ型に係る基本報酬の算定区分に関する届出書</t>
    <rPh sb="0" eb="2">
      <t>シュウロウ</t>
    </rPh>
    <rPh sb="2" eb="4">
      <t>ケイゾク</t>
    </rPh>
    <rPh sb="4" eb="6">
      <t>シエン</t>
    </rPh>
    <rPh sb="7" eb="8">
      <t>ガタ</t>
    </rPh>
    <rPh sb="9" eb="10">
      <t>カカ</t>
    </rPh>
    <rPh sb="11" eb="13">
      <t>キホン</t>
    </rPh>
    <rPh sb="13" eb="15">
      <t>ホウシュウ</t>
    </rPh>
    <rPh sb="16" eb="18">
      <t>サンテイ</t>
    </rPh>
    <rPh sb="18" eb="20">
      <t>クブン</t>
    </rPh>
    <rPh sb="21" eb="22">
      <t>カン</t>
    </rPh>
    <rPh sb="24" eb="27">
      <t>トドケデショ</t>
    </rPh>
    <phoneticPr fontId="6"/>
  </si>
  <si>
    <t>就労定着実績体制加算に関する届出書</t>
    <rPh sb="0" eb="2">
      <t>シュウロウ</t>
    </rPh>
    <rPh sb="2" eb="4">
      <t>テイチャク</t>
    </rPh>
    <rPh sb="4" eb="6">
      <t>ジッセキ</t>
    </rPh>
    <rPh sb="6" eb="8">
      <t>タイセイ</t>
    </rPh>
    <rPh sb="8" eb="10">
      <t>カサン</t>
    </rPh>
    <rPh sb="11" eb="12">
      <t>カン</t>
    </rPh>
    <rPh sb="14" eb="17">
      <t>トドケデショ</t>
    </rPh>
    <phoneticPr fontId="6"/>
  </si>
  <si>
    <t>前年度において42月以上78月未満の期間継続して就労している又は就労していた者の数</t>
    <rPh sb="0" eb="3">
      <t>ゼンネンド</t>
    </rPh>
    <rPh sb="9" eb="10">
      <t>ツキ</t>
    </rPh>
    <rPh sb="10" eb="12">
      <t>イジョウ</t>
    </rPh>
    <rPh sb="14" eb="15">
      <t>ツキ</t>
    </rPh>
    <rPh sb="15" eb="17">
      <t>ミマン</t>
    </rPh>
    <rPh sb="18" eb="20">
      <t>キカン</t>
    </rPh>
    <rPh sb="20" eb="22">
      <t>ケイゾク</t>
    </rPh>
    <rPh sb="24" eb="26">
      <t>シュウロウ</t>
    </rPh>
    <rPh sb="30" eb="31">
      <t>マタ</t>
    </rPh>
    <rPh sb="32" eb="34">
      <t>シュウロウ</t>
    </rPh>
    <rPh sb="38" eb="39">
      <t>シャ</t>
    </rPh>
    <rPh sb="40" eb="41">
      <t>カズ</t>
    </rPh>
    <phoneticPr fontId="6"/>
  </si>
  <si>
    <t>過去６年間の就労定着支援の終了者</t>
    <rPh sb="0" eb="2">
      <t>カコ</t>
    </rPh>
    <rPh sb="3" eb="5">
      <t>ネンカン</t>
    </rPh>
    <rPh sb="6" eb="8">
      <t>シュウロウ</t>
    </rPh>
    <rPh sb="8" eb="10">
      <t>テイチャク</t>
    </rPh>
    <rPh sb="10" eb="12">
      <t>シエン</t>
    </rPh>
    <rPh sb="13" eb="16">
      <t>シュウリョウシャ</t>
    </rPh>
    <phoneticPr fontId="6"/>
  </si>
  <si>
    <t>過去６年間の就労定着支援の終了者のうち前年度において42月以上78月未満の期間継続して就労している又は就労していた者の割合（①÷②）</t>
    <rPh sb="0" eb="2">
      <t>カコ</t>
    </rPh>
    <rPh sb="3" eb="5">
      <t>ネンカン</t>
    </rPh>
    <rPh sb="6" eb="8">
      <t>シュウロウ</t>
    </rPh>
    <rPh sb="8" eb="10">
      <t>テイチャク</t>
    </rPh>
    <rPh sb="10" eb="12">
      <t>シエン</t>
    </rPh>
    <rPh sb="13" eb="16">
      <t>シュウリョウシャ</t>
    </rPh>
    <rPh sb="19" eb="22">
      <t>ゼンネンド</t>
    </rPh>
    <rPh sb="28" eb="29">
      <t>ガツ</t>
    </rPh>
    <rPh sb="29" eb="31">
      <t>イジョウ</t>
    </rPh>
    <rPh sb="33" eb="34">
      <t>ガツ</t>
    </rPh>
    <rPh sb="34" eb="36">
      <t>ミマン</t>
    </rPh>
    <rPh sb="37" eb="39">
      <t>キカン</t>
    </rPh>
    <rPh sb="39" eb="41">
      <t>ケイゾク</t>
    </rPh>
    <rPh sb="43" eb="45">
      <t>シュウロウ</t>
    </rPh>
    <rPh sb="49" eb="50">
      <t>マタ</t>
    </rPh>
    <rPh sb="51" eb="53">
      <t>シュウロウ</t>
    </rPh>
    <rPh sb="57" eb="58">
      <t>モノ</t>
    </rPh>
    <rPh sb="59" eb="61">
      <t>ワリアイ</t>
    </rPh>
    <phoneticPr fontId="6"/>
  </si>
  <si>
    <t>【過去６年間における就労定着支援の利用者数】</t>
    <rPh sb="1" eb="3">
      <t>カコ</t>
    </rPh>
    <rPh sb="4" eb="6">
      <t>ネンカン</t>
    </rPh>
    <rPh sb="10" eb="12">
      <t>シュウロウ</t>
    </rPh>
    <rPh sb="12" eb="14">
      <t>テイチャク</t>
    </rPh>
    <rPh sb="14" eb="16">
      <t>シエン</t>
    </rPh>
    <rPh sb="17" eb="20">
      <t>リヨウシャ</t>
    </rPh>
    <rPh sb="20" eb="21">
      <t>スウ</t>
    </rPh>
    <phoneticPr fontId="6"/>
  </si>
  <si>
    <t>前年度における
継続期間</t>
    <rPh sb="0" eb="3">
      <t>ゼンネンド</t>
    </rPh>
    <rPh sb="8" eb="10">
      <t>ケイゾク</t>
    </rPh>
    <rPh sb="10" eb="12">
      <t>キカン</t>
    </rPh>
    <phoneticPr fontId="6"/>
  </si>
  <si>
    <t>注１　前年度における継続期間には、障害者の就労継続期間を月単位で記載すること。なお、前年度の４月において78月以上就労が
　　継続している者は実績の対象とはならない。
注２　新規指定の事業所は当該加算を算定することができないことに留意。
注３　行が足りない場合は適宜追加して記載。</t>
    <rPh sb="0" eb="1">
      <t>チュウ</t>
    </rPh>
    <rPh sb="3" eb="6">
      <t>ゼンネンド</t>
    </rPh>
    <rPh sb="10" eb="12">
      <t>ケイゾク</t>
    </rPh>
    <rPh sb="12" eb="14">
      <t>キカン</t>
    </rPh>
    <rPh sb="17" eb="20">
      <t>ショウガイシャ</t>
    </rPh>
    <rPh sb="21" eb="23">
      <t>シュウロウ</t>
    </rPh>
    <rPh sb="23" eb="25">
      <t>ケイゾク</t>
    </rPh>
    <rPh sb="25" eb="27">
      <t>キカン</t>
    </rPh>
    <rPh sb="28" eb="29">
      <t>ツキ</t>
    </rPh>
    <rPh sb="29" eb="31">
      <t>タンイ</t>
    </rPh>
    <rPh sb="32" eb="34">
      <t>キサイ</t>
    </rPh>
    <rPh sb="42" eb="45">
      <t>ゼンネンド</t>
    </rPh>
    <rPh sb="47" eb="48">
      <t>ガツ</t>
    </rPh>
    <rPh sb="54" eb="55">
      <t>ツキ</t>
    </rPh>
    <rPh sb="55" eb="57">
      <t>イジョウ</t>
    </rPh>
    <rPh sb="57" eb="59">
      <t>シュウロウ</t>
    </rPh>
    <rPh sb="63" eb="65">
      <t>ケイゾク</t>
    </rPh>
    <rPh sb="69" eb="70">
      <t>シャ</t>
    </rPh>
    <rPh sb="71" eb="73">
      <t>ジッセキ</t>
    </rPh>
    <rPh sb="74" eb="76">
      <t>タイショウ</t>
    </rPh>
    <rPh sb="84" eb="85">
      <t>チュウ</t>
    </rPh>
    <rPh sb="87" eb="89">
      <t>シンキ</t>
    </rPh>
    <rPh sb="89" eb="91">
      <t>シテイ</t>
    </rPh>
    <rPh sb="92" eb="95">
      <t>ジギョウショ</t>
    </rPh>
    <rPh sb="96" eb="98">
      <t>トウガイ</t>
    </rPh>
    <rPh sb="98" eb="100">
      <t>カサン</t>
    </rPh>
    <rPh sb="101" eb="103">
      <t>サンテイ</t>
    </rPh>
    <rPh sb="115" eb="117">
      <t>リュウイ</t>
    </rPh>
    <rPh sb="119" eb="120">
      <t>チュウ</t>
    </rPh>
    <rPh sb="122" eb="123">
      <t>ギョウ</t>
    </rPh>
    <rPh sb="124" eb="125">
      <t>タ</t>
    </rPh>
    <rPh sb="128" eb="130">
      <t>バアイ</t>
    </rPh>
    <rPh sb="131" eb="133">
      <t>テキギ</t>
    </rPh>
    <rPh sb="133" eb="135">
      <t>ツイカ</t>
    </rPh>
    <rPh sb="137" eb="139">
      <t>キサイ</t>
    </rPh>
    <phoneticPr fontId="6"/>
  </si>
  <si>
    <t>　４　従業者が有する資格について、当該資格を証する書類の写しを添付してください。</t>
    <rPh sb="3" eb="6">
      <t>ジュウギョウシャ</t>
    </rPh>
    <rPh sb="7" eb="8">
      <t>ユウ</t>
    </rPh>
    <rPh sb="10" eb="12">
      <t>シカク</t>
    </rPh>
    <rPh sb="17" eb="19">
      <t>トウガイ</t>
    </rPh>
    <rPh sb="19" eb="21">
      <t>シカク</t>
    </rPh>
    <rPh sb="22" eb="23">
      <t>ショウ</t>
    </rPh>
    <rPh sb="25" eb="27">
      <t>ショルイ</t>
    </rPh>
    <rPh sb="28" eb="29">
      <t>ウツ</t>
    </rPh>
    <rPh sb="31" eb="33">
      <t>テンプ</t>
    </rPh>
    <phoneticPr fontId="6"/>
  </si>
  <si>
    <t xml:space="preserve">  ３　公認心理師等には、「心理に関する支援を要する者に対する相談、助言、指導等の援助を行う能力を
　　　有する者」を含む。</t>
    <rPh sb="4" eb="6">
      <t>コウニン</t>
    </rPh>
    <rPh sb="6" eb="9">
      <t>シンリシ</t>
    </rPh>
    <rPh sb="9" eb="10">
      <t>トウ</t>
    </rPh>
    <rPh sb="14" eb="16">
      <t>シンリ</t>
    </rPh>
    <rPh sb="17" eb="18">
      <t>カン</t>
    </rPh>
    <rPh sb="20" eb="22">
      <t>シエン</t>
    </rPh>
    <rPh sb="23" eb="24">
      <t>ヨウ</t>
    </rPh>
    <rPh sb="26" eb="27">
      <t>モノ</t>
    </rPh>
    <rPh sb="28" eb="29">
      <t>タイ</t>
    </rPh>
    <rPh sb="31" eb="33">
      <t>ソウダン</t>
    </rPh>
    <rPh sb="34" eb="36">
      <t>ジョゲン</t>
    </rPh>
    <rPh sb="37" eb="39">
      <t>シドウ</t>
    </rPh>
    <rPh sb="39" eb="40">
      <t>トウ</t>
    </rPh>
    <rPh sb="41" eb="43">
      <t>エンジョ</t>
    </rPh>
    <rPh sb="44" eb="45">
      <t>オコナ</t>
    </rPh>
    <rPh sb="46" eb="48">
      <t>ノウリョク</t>
    </rPh>
    <rPh sb="53" eb="54">
      <t>ユウ</t>
    </rPh>
    <rPh sb="56" eb="57">
      <t>モノ</t>
    </rPh>
    <rPh sb="59" eb="60">
      <t>フク</t>
    </rPh>
    <phoneticPr fontId="6"/>
  </si>
  <si>
    <t>　２　指定障害福祉サービス基準第135条、第171条において準用する第89条、第211条の3（第213条の11で準用する場合を
　　　含む）又は第213条の19に規定する運営規程を別途添付してください。</t>
    <rPh sb="3" eb="5">
      <t>シテイ</t>
    </rPh>
    <rPh sb="5" eb="7">
      <t>ショウガイ</t>
    </rPh>
    <rPh sb="7" eb="9">
      <t>フクシ</t>
    </rPh>
    <rPh sb="13" eb="15">
      <t>キジュン</t>
    </rPh>
    <rPh sb="15" eb="16">
      <t>ダイ</t>
    </rPh>
    <rPh sb="19" eb="20">
      <t>ジョウ</t>
    </rPh>
    <rPh sb="21" eb="22">
      <t>ダイ</t>
    </rPh>
    <rPh sb="25" eb="26">
      <t>ジョウ</t>
    </rPh>
    <rPh sb="30" eb="32">
      <t>ジュンヨウ</t>
    </rPh>
    <rPh sb="34" eb="35">
      <t>ダイ</t>
    </rPh>
    <rPh sb="37" eb="38">
      <t>ジョウ</t>
    </rPh>
    <rPh sb="39" eb="40">
      <t>ダイ</t>
    </rPh>
    <rPh sb="43" eb="44">
      <t>ジョウ</t>
    </rPh>
    <rPh sb="47" eb="48">
      <t>ダイ</t>
    </rPh>
    <rPh sb="51" eb="52">
      <t>ジョウ</t>
    </rPh>
    <rPh sb="56" eb="58">
      <t>ジュンヨウ</t>
    </rPh>
    <rPh sb="60" eb="62">
      <t>バアイ</t>
    </rPh>
    <rPh sb="67" eb="68">
      <t>フク</t>
    </rPh>
    <rPh sb="70" eb="71">
      <t>マタ</t>
    </rPh>
    <rPh sb="72" eb="73">
      <t>ダイ</t>
    </rPh>
    <rPh sb="76" eb="77">
      <t>ジョウ</t>
    </rPh>
    <rPh sb="81" eb="83">
      <t>キテイ</t>
    </rPh>
    <rPh sb="85" eb="87">
      <t>ウンエイ</t>
    </rPh>
    <rPh sb="87" eb="89">
      <t>キテイ</t>
    </rPh>
    <rPh sb="90" eb="92">
      <t>ベット</t>
    </rPh>
    <rPh sb="92" eb="94">
      <t>テンプ</t>
    </rPh>
    <phoneticPr fontId="6"/>
  </si>
  <si>
    <t>３　有資格者の配置</t>
    <rPh sb="2" eb="6">
      <t>ユウシカクシャ</t>
    </rPh>
    <rPh sb="7" eb="9">
      <t>ハイチ</t>
    </rPh>
    <phoneticPr fontId="6"/>
  </si>
  <si>
    <t>身体障害者　・　知的障害者　・　精神障害者　・　難病患者等</t>
    <rPh sb="0" eb="2">
      <t>シンタイ</t>
    </rPh>
    <rPh sb="2" eb="5">
      <t>ショウガイシャ</t>
    </rPh>
    <rPh sb="8" eb="10">
      <t>チテキ</t>
    </rPh>
    <rPh sb="10" eb="13">
      <t>ショウガイシャ</t>
    </rPh>
    <rPh sb="16" eb="18">
      <t>セイシン</t>
    </rPh>
    <rPh sb="18" eb="21">
      <t>ショウガイシャ</t>
    </rPh>
    <rPh sb="24" eb="28">
      <t>ナンビョウカンジャ</t>
    </rPh>
    <rPh sb="28" eb="29">
      <t>トウ</t>
    </rPh>
    <phoneticPr fontId="6"/>
  </si>
  <si>
    <t>２　運営規程に定める
　　障害者の種類</t>
    <rPh sb="2" eb="4">
      <t>ウンエイ</t>
    </rPh>
    <rPh sb="4" eb="6">
      <t>キテイ</t>
    </rPh>
    <rPh sb="7" eb="8">
      <t>サダ</t>
    </rPh>
    <rPh sb="13" eb="15">
      <t>ショウガイ</t>
    </rPh>
    <rPh sb="15" eb="16">
      <t>シャ</t>
    </rPh>
    <rPh sb="17" eb="19">
      <t>シュルイ</t>
    </rPh>
    <phoneticPr fontId="6"/>
  </si>
  <si>
    <t>精神障害者地域移行特別加算に関する届出書</t>
    <rPh sb="0" eb="2">
      <t>セイシン</t>
    </rPh>
    <rPh sb="2" eb="5">
      <t>ショウガイシャ</t>
    </rPh>
    <rPh sb="5" eb="7">
      <t>チイキ</t>
    </rPh>
    <rPh sb="7" eb="9">
      <t>イコウ</t>
    </rPh>
    <rPh sb="9" eb="11">
      <t>トクベツ</t>
    </rPh>
    <rPh sb="11" eb="13">
      <t>カサン</t>
    </rPh>
    <rPh sb="14" eb="15">
      <t>カン</t>
    </rPh>
    <rPh sb="17" eb="19">
      <t>トドケデ</t>
    </rPh>
    <rPh sb="19" eb="20">
      <t>ショ</t>
    </rPh>
    <phoneticPr fontId="6"/>
  </si>
  <si>
    <t>注１　「職員配置」欄は、サービス管理責任者又は生活支援員として従事する当該事業所の全ての職員に
　　ついて記載してください。
注２　「職種」欄は、サービス管理責任者又は生活支援員の別を記載してください（地域移行支援員や
　　世話人等は含まれません。）。
注３　サービス管理責任者と生活支援員を兼務する者については、同じ者であっても、サービス管理責任
　　者と生活支援員それぞれ別に記載してください。
注４　「研修の受講状況」欄には、①受講が修了又は受講中の場合は「有」を、②受講していない場合は
　　「無」を記載してください。</t>
    <rPh sb="101" eb="103">
      <t>チイキ</t>
    </rPh>
    <rPh sb="103" eb="105">
      <t>イコウ</t>
    </rPh>
    <phoneticPr fontId="6"/>
  </si>
  <si>
    <t>（※２）生活支援員のうち２０％以上が、強度行動障害支援者養成研修（基礎研修）修了者であること。</t>
    <rPh sb="35" eb="37">
      <t>ケンシュウ</t>
    </rPh>
    <phoneticPr fontId="6"/>
  </si>
  <si>
    <t>（※１）サービス管理責任者又は生活支援員のうち１名以上が、強度行動障害支援者養成研修（実践研修）修了者
　　　　であること。</t>
    <rPh sb="8" eb="10">
      <t>カンリ</t>
    </rPh>
    <rPh sb="10" eb="13">
      <t>セキニンシャ</t>
    </rPh>
    <rPh sb="13" eb="14">
      <t>マタ</t>
    </rPh>
    <rPh sb="15" eb="17">
      <t>セイカツ</t>
    </rPh>
    <rPh sb="17" eb="20">
      <t>シエンイン</t>
    </rPh>
    <rPh sb="24" eb="25">
      <t>メイ</t>
    </rPh>
    <rPh sb="25" eb="27">
      <t>イジョウ</t>
    </rPh>
    <rPh sb="29" eb="31">
      <t>キョウド</t>
    </rPh>
    <rPh sb="31" eb="33">
      <t>コウドウ</t>
    </rPh>
    <rPh sb="33" eb="35">
      <t>ショウガイ</t>
    </rPh>
    <rPh sb="35" eb="38">
      <t>シエンシャ</t>
    </rPh>
    <rPh sb="38" eb="40">
      <t>ヨウセイ</t>
    </rPh>
    <rPh sb="40" eb="42">
      <t>ケンシュウ</t>
    </rPh>
    <rPh sb="43" eb="45">
      <t>ジッセン</t>
    </rPh>
    <rPh sb="45" eb="47">
      <t>ケンシュウ</t>
    </rPh>
    <rPh sb="48" eb="50">
      <t>シュウリョウ</t>
    </rPh>
    <rPh sb="50" eb="51">
      <t>モノ</t>
    </rPh>
    <phoneticPr fontId="6"/>
  </si>
  <si>
    <r>
      <t>基礎研修の終了者の
数及び割合</t>
    </r>
    <r>
      <rPr>
        <sz val="8"/>
        <rFont val="ＭＳ Ｐゴシック"/>
        <family val="3"/>
        <charset val="128"/>
      </rPr>
      <t>※２</t>
    </r>
    <rPh sb="0" eb="2">
      <t>キソ</t>
    </rPh>
    <rPh sb="2" eb="4">
      <t>ケンシュウ</t>
    </rPh>
    <rPh sb="5" eb="8">
      <t>シュウリョウシャ</t>
    </rPh>
    <rPh sb="10" eb="11">
      <t>カズ</t>
    </rPh>
    <rPh sb="11" eb="12">
      <t>オヨ</t>
    </rPh>
    <rPh sb="13" eb="15">
      <t>ワリアイ</t>
    </rPh>
    <phoneticPr fontId="6"/>
  </si>
  <si>
    <t>生活支援員の数</t>
    <phoneticPr fontId="6"/>
  </si>
  <si>
    <r>
      <t>実践研修の終了者の数</t>
    </r>
    <r>
      <rPr>
        <sz val="8"/>
        <rFont val="ＭＳ Ｐゴシック"/>
        <family val="3"/>
        <charset val="128"/>
      </rPr>
      <t>※１</t>
    </r>
    <rPh sb="0" eb="2">
      <t>ジッセン</t>
    </rPh>
    <rPh sb="2" eb="4">
      <t>ケンシュウ</t>
    </rPh>
    <rPh sb="5" eb="8">
      <t>シュウリョウシャ</t>
    </rPh>
    <rPh sb="9" eb="10">
      <t>カズ</t>
    </rPh>
    <phoneticPr fontId="6"/>
  </si>
  <si>
    <t>強度行動障害支援者養成研修
（基礎研修）</t>
    <phoneticPr fontId="6"/>
  </si>
  <si>
    <t>強度行動障害支援者養成研修
（実践研修）</t>
    <rPh sb="0" eb="2">
      <t>キョウド</t>
    </rPh>
    <rPh sb="2" eb="4">
      <t>コウドウ</t>
    </rPh>
    <rPh sb="4" eb="5">
      <t>ショウ</t>
    </rPh>
    <rPh sb="5" eb="6">
      <t>ガイ</t>
    </rPh>
    <rPh sb="6" eb="9">
      <t>シエンシャ</t>
    </rPh>
    <rPh sb="9" eb="11">
      <t>ヨウセイ</t>
    </rPh>
    <rPh sb="11" eb="13">
      <t>ケンシュウ</t>
    </rPh>
    <rPh sb="15" eb="17">
      <t>ジッセン</t>
    </rPh>
    <rPh sb="17" eb="19">
      <t>ケンシュウウム</t>
    </rPh>
    <phoneticPr fontId="6"/>
  </si>
  <si>
    <t>強度行動障害者地域移行特別加算に係る届出書</t>
    <rPh sb="0" eb="2">
      <t>キョウド</t>
    </rPh>
    <rPh sb="2" eb="4">
      <t>コウドウ</t>
    </rPh>
    <rPh sb="4" eb="7">
      <t>ショウガイシャ</t>
    </rPh>
    <rPh sb="7" eb="9">
      <t>チイキ</t>
    </rPh>
    <rPh sb="9" eb="11">
      <t>イコウ</t>
    </rPh>
    <rPh sb="11" eb="13">
      <t>トクベツ</t>
    </rPh>
    <rPh sb="13" eb="15">
      <t>カサン</t>
    </rPh>
    <rPh sb="16" eb="17">
      <t>カカ</t>
    </rPh>
    <rPh sb="18" eb="21">
      <t>トドケデショ</t>
    </rPh>
    <phoneticPr fontId="6"/>
  </si>
  <si>
    <t>　４　関係機関との協力体制については、その状況等を具体的に記載してください。</t>
    <rPh sb="3" eb="5">
      <t>カンケイ</t>
    </rPh>
    <rPh sb="5" eb="7">
      <t>キカン</t>
    </rPh>
    <rPh sb="9" eb="11">
      <t>キョウリョク</t>
    </rPh>
    <rPh sb="11" eb="13">
      <t>タイセイ</t>
    </rPh>
    <rPh sb="21" eb="23">
      <t>ジョウキョウ</t>
    </rPh>
    <rPh sb="23" eb="24">
      <t>トウ</t>
    </rPh>
    <rPh sb="25" eb="28">
      <t>グタイテキ</t>
    </rPh>
    <rPh sb="29" eb="31">
      <t>キサイ</t>
    </rPh>
    <phoneticPr fontId="6"/>
  </si>
  <si>
    <t>　３　研修の開催日時、参加者、研修内容等がわかる資料を付してください。</t>
    <rPh sb="3" eb="5">
      <t>ケンシュウ</t>
    </rPh>
    <rPh sb="6" eb="8">
      <t>カイサイ</t>
    </rPh>
    <rPh sb="8" eb="10">
      <t>ニチジ</t>
    </rPh>
    <rPh sb="11" eb="14">
      <t>サンカシャ</t>
    </rPh>
    <rPh sb="15" eb="17">
      <t>ケンシュウ</t>
    </rPh>
    <rPh sb="17" eb="19">
      <t>ナイヨウ</t>
    </rPh>
    <rPh sb="19" eb="20">
      <t>トウ</t>
    </rPh>
    <rPh sb="24" eb="26">
      <t>シリョウ</t>
    </rPh>
    <rPh sb="27" eb="28">
      <t>フ</t>
    </rPh>
    <phoneticPr fontId="6"/>
  </si>
  <si>
    <t>　２　該当する資格を証する書類の写しを添付してください。指定医療機関等との連携により有資格者の
　　指導体制を整える場合は、関係機関との連携の状況等を具体的に記載してください。</t>
    <rPh sb="3" eb="5">
      <t>ガイトウ</t>
    </rPh>
    <rPh sb="7" eb="9">
      <t>シカク</t>
    </rPh>
    <rPh sb="10" eb="11">
      <t>ショウ</t>
    </rPh>
    <rPh sb="13" eb="15">
      <t>ショルイ</t>
    </rPh>
    <rPh sb="16" eb="17">
      <t>ウツ</t>
    </rPh>
    <rPh sb="19" eb="21">
      <t>テンプ</t>
    </rPh>
    <rPh sb="42" eb="45">
      <t>ユウシカク</t>
    </rPh>
    <rPh sb="45" eb="46">
      <t>シャ</t>
    </rPh>
    <rPh sb="50" eb="52">
      <t>シドウ</t>
    </rPh>
    <rPh sb="52" eb="54">
      <t>タイセイ</t>
    </rPh>
    <rPh sb="55" eb="56">
      <t>トトノ</t>
    </rPh>
    <rPh sb="58" eb="60">
      <t>バアイ</t>
    </rPh>
    <rPh sb="62" eb="64">
      <t>カンケイ</t>
    </rPh>
    <rPh sb="64" eb="66">
      <t>キカン</t>
    </rPh>
    <rPh sb="68" eb="70">
      <t>レンケイ</t>
    </rPh>
    <rPh sb="71" eb="73">
      <t>ジョウキョウ</t>
    </rPh>
    <rPh sb="73" eb="74">
      <t>ナド</t>
    </rPh>
    <phoneticPr fontId="6"/>
  </si>
  <si>
    <t xml:space="preserve">　保護観察所、更生保護施設、指定医療機関又は精神保健福祉センターその他関係機関との協力体制が整えられてること。
　　 協力体制の状況等
</t>
    <rPh sb="60" eb="62">
      <t>キョウリョク</t>
    </rPh>
    <rPh sb="62" eb="64">
      <t>タイセイ</t>
    </rPh>
    <rPh sb="65" eb="67">
      <t>ジョウキョウ</t>
    </rPh>
    <rPh sb="67" eb="68">
      <t>トウ</t>
    </rPh>
    <phoneticPr fontId="6"/>
  </si>
  <si>
    <t>　　５　他機関との連携</t>
    <rPh sb="4" eb="7">
      <t>タキカン</t>
    </rPh>
    <rPh sb="9" eb="11">
      <t>レンケイ</t>
    </rPh>
    <phoneticPr fontId="6"/>
  </si>
  <si>
    <t>　従業者に対し、医療観察法に規定する入院によらない医療を受ける者又は刑事施設若しくは少年院を釈放された障害者の支援に関する研修が年一回以上行われていること。</t>
    <rPh sb="14" eb="16">
      <t>キテイ</t>
    </rPh>
    <rPh sb="18" eb="20">
      <t>ニュウイン</t>
    </rPh>
    <rPh sb="25" eb="27">
      <t>イリョウ</t>
    </rPh>
    <rPh sb="28" eb="29">
      <t>ウ</t>
    </rPh>
    <rPh sb="31" eb="32">
      <t>シャ</t>
    </rPh>
    <phoneticPr fontId="6"/>
  </si>
  <si>
    <t>　　４　研修の開催</t>
    <rPh sb="4" eb="6">
      <t>ケンシュウ</t>
    </rPh>
    <rPh sb="7" eb="9">
      <t>カイサイ</t>
    </rPh>
    <phoneticPr fontId="6"/>
  </si>
  <si>
    <t xml:space="preserve">　以下のいずれかにより、平成18年厚生労働省告示第556号第９号に定める厚生労働大臣が定める者に対する適切な支援について、従業者を対象とした指導体制が整えられていること。
　①　社会福祉士、精神保健福祉士又は公認心理師の資格を
　　有する者が配置されていること
　②　指定医療機関等との連携により、社会福祉士、精神
　　保健福祉士又は公認心理師の資格を有する者を事業所に
　　訪問させていること
　　　関係機関との連携の状況等
</t>
    <rPh sb="1" eb="3">
      <t>イカ</t>
    </rPh>
    <rPh sb="51" eb="53">
      <t>テキセツ</t>
    </rPh>
    <rPh sb="54" eb="56">
      <t>シエン</t>
    </rPh>
    <rPh sb="61" eb="64">
      <t>ジュウギョウシャ</t>
    </rPh>
    <rPh sb="65" eb="67">
      <t>タイショウ</t>
    </rPh>
    <rPh sb="70" eb="72">
      <t>シドウ</t>
    </rPh>
    <rPh sb="72" eb="74">
      <t>タイセイ</t>
    </rPh>
    <rPh sb="75" eb="76">
      <t>トトノ</t>
    </rPh>
    <rPh sb="90" eb="92">
      <t>シャカイ</t>
    </rPh>
    <rPh sb="92" eb="95">
      <t>フクシシ</t>
    </rPh>
    <rPh sb="96" eb="98">
      <t>セイシン</t>
    </rPh>
    <rPh sb="98" eb="100">
      <t>ホケン</t>
    </rPh>
    <rPh sb="100" eb="103">
      <t>フクシシ</t>
    </rPh>
    <rPh sb="103" eb="104">
      <t>マタ</t>
    </rPh>
    <rPh sb="105" eb="107">
      <t>コウニン</t>
    </rPh>
    <rPh sb="107" eb="110">
      <t>シンリシ</t>
    </rPh>
    <rPh sb="111" eb="113">
      <t>シカク</t>
    </rPh>
    <rPh sb="117" eb="118">
      <t>ユウ</t>
    </rPh>
    <rPh sb="120" eb="121">
      <t>シャ</t>
    </rPh>
    <rPh sb="122" eb="124">
      <t>ハイチ</t>
    </rPh>
    <rPh sb="136" eb="138">
      <t>シテイ</t>
    </rPh>
    <rPh sb="138" eb="140">
      <t>イリョウ</t>
    </rPh>
    <rPh sb="140" eb="142">
      <t>キカン</t>
    </rPh>
    <rPh sb="142" eb="143">
      <t>トウ</t>
    </rPh>
    <rPh sb="145" eb="147">
      <t>レンケイ</t>
    </rPh>
    <rPh sb="183" eb="186">
      <t>ジギョウショ</t>
    </rPh>
    <rPh sb="190" eb="192">
      <t>ホウモン</t>
    </rPh>
    <rPh sb="204" eb="206">
      <t>カンケイ</t>
    </rPh>
    <rPh sb="206" eb="208">
      <t>キカン</t>
    </rPh>
    <rPh sb="210" eb="212">
      <t>レンケイ</t>
    </rPh>
    <rPh sb="213" eb="215">
      <t>ジョウキョウ</t>
    </rPh>
    <rPh sb="215" eb="216">
      <t>トウ</t>
    </rPh>
    <phoneticPr fontId="6"/>
  </si>
  <si>
    <t>　　３　有資格者による
　　　指導体制</t>
    <rPh sb="4" eb="8">
      <t>ユウシカクシャ</t>
    </rPh>
    <rPh sb="15" eb="17">
      <t>シドウ</t>
    </rPh>
    <rPh sb="17" eb="19">
      <t>タイセイ</t>
    </rPh>
    <phoneticPr fontId="6"/>
  </si>
  <si>
    <t>　人員配置基準に定める従業者の数に加え、平成18年厚生労働省告示第556号第９号に定める厚生労働大臣が定める者の受け入れに当たり、当該利用者に対する適切な支援を行うために必要な数の生活支援員を配置することが可能であること。</t>
    <rPh sb="1" eb="3">
      <t>ジンイン</t>
    </rPh>
    <rPh sb="3" eb="5">
      <t>ハイチ</t>
    </rPh>
    <rPh sb="5" eb="7">
      <t>キジュン</t>
    </rPh>
    <rPh sb="8" eb="9">
      <t>サダ</t>
    </rPh>
    <rPh sb="11" eb="14">
      <t>ジュウギョウシャ</t>
    </rPh>
    <rPh sb="15" eb="16">
      <t>カズ</t>
    </rPh>
    <rPh sb="56" eb="57">
      <t>ウ</t>
    </rPh>
    <rPh sb="58" eb="59">
      <t>イ</t>
    </rPh>
    <rPh sb="61" eb="62">
      <t>ア</t>
    </rPh>
    <rPh sb="65" eb="67">
      <t>トウガイ</t>
    </rPh>
    <rPh sb="67" eb="70">
      <t>リヨウシャ</t>
    </rPh>
    <phoneticPr fontId="6"/>
  </si>
  <si>
    <t>　　２　従業者の配置</t>
    <rPh sb="4" eb="7">
      <t>ジュウギョウシャ</t>
    </rPh>
    <rPh sb="8" eb="10">
      <t>ハイチ</t>
    </rPh>
    <phoneticPr fontId="6"/>
  </si>
  <si>
    <t>社会生活支援特別加算に係る届出書</t>
    <rPh sb="0" eb="2">
      <t>シャカイ</t>
    </rPh>
    <rPh sb="2" eb="4">
      <t>セイカツ</t>
    </rPh>
    <rPh sb="4" eb="6">
      <t>シエン</t>
    </rPh>
    <rPh sb="6" eb="8">
      <t>トクベツ</t>
    </rPh>
    <rPh sb="8" eb="10">
      <t>カサン</t>
    </rPh>
    <rPh sb="11" eb="12">
      <t>カカ</t>
    </rPh>
    <rPh sb="13" eb="15">
      <t>トドケデ</t>
    </rPh>
    <rPh sb="15" eb="16">
      <t>ショ</t>
    </rPh>
    <phoneticPr fontId="6"/>
  </si>
  <si>
    <t>　　２　届出に係る看護職員は、指定障害福祉サービス基準に規定されている常勤換算方法により配置が定めら
　　　れた員数の従業者に加えて配置されている者に限る。</t>
    <rPh sb="4" eb="5">
      <t>トド</t>
    </rPh>
    <rPh sb="5" eb="6">
      <t>デ</t>
    </rPh>
    <rPh sb="7" eb="8">
      <t>カカ</t>
    </rPh>
    <rPh sb="9" eb="11">
      <t>カンゴ</t>
    </rPh>
    <rPh sb="11" eb="13">
      <t>ショクイン</t>
    </rPh>
    <rPh sb="15" eb="17">
      <t>シテイ</t>
    </rPh>
    <rPh sb="17" eb="19">
      <t>ショウガイ</t>
    </rPh>
    <rPh sb="19" eb="21">
      <t>フクシ</t>
    </rPh>
    <rPh sb="25" eb="27">
      <t>キジュン</t>
    </rPh>
    <rPh sb="28" eb="30">
      <t>キテイ</t>
    </rPh>
    <rPh sb="35" eb="37">
      <t>ジョウキン</t>
    </rPh>
    <rPh sb="37" eb="39">
      <t>カンサン</t>
    </rPh>
    <rPh sb="39" eb="41">
      <t>ホウホウ</t>
    </rPh>
    <rPh sb="44" eb="46">
      <t>ハイチ</t>
    </rPh>
    <rPh sb="47" eb="48">
      <t>サダ</t>
    </rPh>
    <rPh sb="56" eb="58">
      <t>インスウ</t>
    </rPh>
    <rPh sb="59" eb="62">
      <t>ジュウギョウシャ</t>
    </rPh>
    <rPh sb="63" eb="64">
      <t>クワ</t>
    </rPh>
    <rPh sb="66" eb="68">
      <t>ハイチ</t>
    </rPh>
    <rPh sb="73" eb="74">
      <t>シャ</t>
    </rPh>
    <rPh sb="75" eb="76">
      <t>カギ</t>
    </rPh>
    <phoneticPr fontId="6"/>
  </si>
  <si>
    <t>前年度の利用者の平均</t>
    <rPh sb="0" eb="3">
      <t>ゼンネンド</t>
    </rPh>
    <rPh sb="4" eb="7">
      <t>リヨウシャ</t>
    </rPh>
    <rPh sb="8" eb="10">
      <t>ヘイキン</t>
    </rPh>
    <phoneticPr fontId="6"/>
  </si>
  <si>
    <t>　　　利用者の数を２０で除した数</t>
    <rPh sb="3" eb="6">
      <t>リヨウシャ</t>
    </rPh>
    <rPh sb="7" eb="8">
      <t>カズ</t>
    </rPh>
    <rPh sb="12" eb="13">
      <t>ジョ</t>
    </rPh>
    <rPh sb="15" eb="16">
      <t>カズ</t>
    </rPh>
    <phoneticPr fontId="6"/>
  </si>
  <si>
    <t>３　利用者の数</t>
    <rPh sb="2" eb="5">
      <t>リヨウシャ</t>
    </rPh>
    <rPh sb="6" eb="7">
      <t>カズ</t>
    </rPh>
    <phoneticPr fontId="6"/>
  </si>
  <si>
    <t>Ⓐ　　　　　　　人　</t>
    <rPh sb="8" eb="9">
      <t>ニン</t>
    </rPh>
    <phoneticPr fontId="6"/>
  </si>
  <si>
    <t>人　</t>
    <rPh sb="0" eb="1">
      <t>ニン</t>
    </rPh>
    <phoneticPr fontId="6"/>
  </si>
  <si>
    <t>常勤換算方法
による員数</t>
    <rPh sb="0" eb="2">
      <t>ジョウキン</t>
    </rPh>
    <rPh sb="2" eb="4">
      <t>カンサン</t>
    </rPh>
    <rPh sb="4" eb="6">
      <t>ホウホウ</t>
    </rPh>
    <rPh sb="10" eb="12">
      <t>インスウ</t>
    </rPh>
    <phoneticPr fontId="6"/>
  </si>
  <si>
    <t>実人員</t>
    <rPh sb="0" eb="3">
      <t>ジツジンイン</t>
    </rPh>
    <phoneticPr fontId="6"/>
  </si>
  <si>
    <t>２　看護職員の配置状況</t>
    <rPh sb="7" eb="9">
      <t>ハイチ</t>
    </rPh>
    <rPh sb="9" eb="11">
      <t>ジョウキョウ</t>
    </rPh>
    <phoneticPr fontId="6"/>
  </si>
  <si>
    <t>　　２　障害福祉サービス基準に定める夜間支援従事者に加えて夜間支援従事者を配置する場合、共同生活住居
　　　ごとに配置の有無を記載してください。</t>
    <rPh sb="4" eb="6">
      <t>ショウガイ</t>
    </rPh>
    <rPh sb="6" eb="8">
      <t>フクシ</t>
    </rPh>
    <rPh sb="12" eb="14">
      <t>キジュン</t>
    </rPh>
    <rPh sb="15" eb="16">
      <t>サダ</t>
    </rPh>
    <rPh sb="18" eb="20">
      <t>ヤカン</t>
    </rPh>
    <rPh sb="20" eb="22">
      <t>シエン</t>
    </rPh>
    <rPh sb="22" eb="25">
      <t>ジュウジシャ</t>
    </rPh>
    <rPh sb="26" eb="27">
      <t>クワ</t>
    </rPh>
    <rPh sb="29" eb="31">
      <t>ヤカン</t>
    </rPh>
    <rPh sb="31" eb="33">
      <t>シエン</t>
    </rPh>
    <rPh sb="33" eb="36">
      <t>ジュウジシャ</t>
    </rPh>
    <rPh sb="37" eb="39">
      <t>ハイチ</t>
    </rPh>
    <rPh sb="41" eb="43">
      <t>バアイ</t>
    </rPh>
    <rPh sb="44" eb="46">
      <t>キョウドウ</t>
    </rPh>
    <rPh sb="46" eb="48">
      <t>セイカツ</t>
    </rPh>
    <rPh sb="48" eb="50">
      <t>ジュウキョ</t>
    </rPh>
    <rPh sb="57" eb="59">
      <t>ハイチ</t>
    </rPh>
    <rPh sb="60" eb="62">
      <t>ウム</t>
    </rPh>
    <rPh sb="63" eb="65">
      <t>キサイ</t>
    </rPh>
    <phoneticPr fontId="6"/>
  </si>
  <si>
    <t>夜勤者の加配</t>
    <rPh sb="0" eb="2">
      <t>ヤキン</t>
    </rPh>
    <rPh sb="2" eb="3">
      <t>シャ</t>
    </rPh>
    <rPh sb="4" eb="6">
      <t>カハイ</t>
    </rPh>
    <phoneticPr fontId="6"/>
  </si>
  <si>
    <t>利用者の数</t>
    <rPh sb="0" eb="3">
      <t>リヨウシャ</t>
    </rPh>
    <rPh sb="4" eb="5">
      <t>カズ</t>
    </rPh>
    <phoneticPr fontId="6"/>
  </si>
  <si>
    <t>住居の名称</t>
    <rPh sb="0" eb="2">
      <t>ジュウキョ</t>
    </rPh>
    <rPh sb="3" eb="5">
      <t>メイショウ</t>
    </rPh>
    <phoneticPr fontId="6"/>
  </si>
  <si>
    <t>２　夜勤職員の加配状況</t>
    <rPh sb="2" eb="4">
      <t>ヤキン</t>
    </rPh>
    <rPh sb="4" eb="6">
      <t>ショクイン</t>
    </rPh>
    <rPh sb="7" eb="9">
      <t>カハイ</t>
    </rPh>
    <rPh sb="9" eb="11">
      <t>ジョウキョウ</t>
    </rPh>
    <phoneticPr fontId="6"/>
  </si>
  <si>
    <t>夜勤職員加配加算に関する届出書</t>
    <rPh sb="0" eb="2">
      <t>ヤキン</t>
    </rPh>
    <rPh sb="2" eb="4">
      <t>ショクイン</t>
    </rPh>
    <rPh sb="4" eb="6">
      <t>カハイ</t>
    </rPh>
    <rPh sb="6" eb="8">
      <t>カサン</t>
    </rPh>
    <rPh sb="9" eb="10">
      <t>カン</t>
    </rPh>
    <rPh sb="12" eb="14">
      <t>トドケデ</t>
    </rPh>
    <rPh sb="14" eb="15">
      <t>ショ</t>
    </rPh>
    <phoneticPr fontId="6"/>
  </si>
  <si>
    <t>　　３　該当する資格を証する書類の写しを添付してください。研修の修了者であることをもって該当する資格に
　　　 準ずる者とする相談支援専門員については、研修を修了した旨を証する書類を添付してください。</t>
    <rPh sb="4" eb="6">
      <t>ガイトウ</t>
    </rPh>
    <rPh sb="8" eb="10">
      <t>シカク</t>
    </rPh>
    <rPh sb="11" eb="12">
      <t>ショウ</t>
    </rPh>
    <rPh sb="14" eb="16">
      <t>ショルイ</t>
    </rPh>
    <rPh sb="17" eb="18">
      <t>ウツ</t>
    </rPh>
    <rPh sb="20" eb="22">
      <t>テンプ</t>
    </rPh>
    <rPh sb="44" eb="46">
      <t>ガイトウ</t>
    </rPh>
    <rPh sb="48" eb="50">
      <t>シカク</t>
    </rPh>
    <rPh sb="56" eb="57">
      <t>ジュン</t>
    </rPh>
    <rPh sb="59" eb="60">
      <t>シャ</t>
    </rPh>
    <rPh sb="63" eb="65">
      <t>ソウダン</t>
    </rPh>
    <rPh sb="65" eb="67">
      <t>シエン</t>
    </rPh>
    <rPh sb="67" eb="70">
      <t>センモンイン</t>
    </rPh>
    <rPh sb="76" eb="78">
      <t>ケンシュウ</t>
    </rPh>
    <rPh sb="79" eb="81">
      <t>シュウリョウ</t>
    </rPh>
    <rPh sb="83" eb="84">
      <t>ムネ</t>
    </rPh>
    <rPh sb="85" eb="86">
      <t>ショウ</t>
    </rPh>
    <rPh sb="88" eb="90">
      <t>ショルイ</t>
    </rPh>
    <rPh sb="91" eb="93">
      <t>テンプ</t>
    </rPh>
    <phoneticPr fontId="6"/>
  </si>
  <si>
    <t xml:space="preserve">　精神科病院、障害者支援施設等、救護施設等、刑事施設等との緊密な連携体制が整えられてること。
　関係機関との連携の状況等　
</t>
    <rPh sb="1" eb="4">
      <t>セイシンカ</t>
    </rPh>
    <rPh sb="4" eb="6">
      <t>ビョウイン</t>
    </rPh>
    <rPh sb="7" eb="10">
      <t>ショウガイシャ</t>
    </rPh>
    <rPh sb="10" eb="12">
      <t>シエン</t>
    </rPh>
    <rPh sb="12" eb="14">
      <t>シセツ</t>
    </rPh>
    <rPh sb="14" eb="15">
      <t>トウ</t>
    </rPh>
    <rPh sb="16" eb="18">
      <t>キュウゴ</t>
    </rPh>
    <rPh sb="18" eb="20">
      <t>シセツ</t>
    </rPh>
    <rPh sb="20" eb="21">
      <t>トウ</t>
    </rPh>
    <rPh sb="22" eb="24">
      <t>ケイジ</t>
    </rPh>
    <rPh sb="24" eb="26">
      <t>シセツ</t>
    </rPh>
    <rPh sb="26" eb="27">
      <t>トウ</t>
    </rPh>
    <rPh sb="29" eb="31">
      <t>キンミツ</t>
    </rPh>
    <rPh sb="32" eb="34">
      <t>レンケイ</t>
    </rPh>
    <rPh sb="49" eb="51">
      <t>カンケイ</t>
    </rPh>
    <rPh sb="51" eb="53">
      <t>キカン</t>
    </rPh>
    <rPh sb="55" eb="57">
      <t>レンケイ</t>
    </rPh>
    <rPh sb="58" eb="60">
      <t>ジョウキョウ</t>
    </rPh>
    <rPh sb="60" eb="61">
      <t>トウ</t>
    </rPh>
    <phoneticPr fontId="6"/>
  </si>
  <si>
    <t xml:space="preserve">   １　異動区分</t>
    <rPh sb="5" eb="7">
      <t>イドウ</t>
    </rPh>
    <rPh sb="7" eb="9">
      <t>クブン</t>
    </rPh>
    <phoneticPr fontId="6"/>
  </si>
  <si>
    <t>※　当該届出様式は標準様式とする。</t>
    <rPh sb="2" eb="4">
      <t>トウガイ</t>
    </rPh>
    <rPh sb="4" eb="6">
      <t>トドケデ</t>
    </rPh>
    <rPh sb="6" eb="8">
      <t>ヨウシキ</t>
    </rPh>
    <rPh sb="9" eb="11">
      <t>ヒョウジュン</t>
    </rPh>
    <rPh sb="11" eb="13">
      <t>ヨウシキ</t>
    </rPh>
    <phoneticPr fontId="6"/>
  </si>
  <si>
    <t>　目的とした会議を定期的に開催している。</t>
    <rPh sb="1" eb="3">
      <t>モクテキ</t>
    </rPh>
    <rPh sb="6" eb="8">
      <t>カイギ</t>
    </rPh>
    <rPh sb="9" eb="12">
      <t>テイキテキ</t>
    </rPh>
    <rPh sb="13" eb="15">
      <t>カイサイ</t>
    </rPh>
    <phoneticPr fontId="6"/>
  </si>
  <si>
    <t>公表の方法</t>
    <rPh sb="0" eb="2">
      <t>コウヒョウ</t>
    </rPh>
    <rPh sb="3" eb="5">
      <t>ホウホウ</t>
    </rPh>
    <phoneticPr fontId="6"/>
  </si>
  <si>
    <t>修了者名</t>
    <rPh sb="0" eb="3">
      <t>シュウリョウシャ</t>
    </rPh>
    <rPh sb="3" eb="4">
      <t>メイ</t>
    </rPh>
    <phoneticPr fontId="6"/>
  </si>
  <si>
    <t>３月</t>
    <rPh sb="1" eb="2">
      <t>ガツ</t>
    </rPh>
    <phoneticPr fontId="6"/>
  </si>
  <si>
    <t>２月</t>
    <rPh sb="1" eb="2">
      <t>ガツ</t>
    </rPh>
    <phoneticPr fontId="6"/>
  </si>
  <si>
    <t>１月</t>
    <rPh sb="1" eb="2">
      <t>ガツ</t>
    </rPh>
    <phoneticPr fontId="6"/>
  </si>
  <si>
    <t>12月</t>
    <rPh sb="2" eb="3">
      <t>ガツ</t>
    </rPh>
    <phoneticPr fontId="6"/>
  </si>
  <si>
    <t>11月</t>
    <rPh sb="2" eb="3">
      <t>ガツ</t>
    </rPh>
    <phoneticPr fontId="6"/>
  </si>
  <si>
    <t>10月</t>
    <rPh sb="2" eb="3">
      <t>ガツ</t>
    </rPh>
    <phoneticPr fontId="6"/>
  </si>
  <si>
    <t>９月</t>
    <rPh sb="1" eb="2">
      <t>ガツ</t>
    </rPh>
    <phoneticPr fontId="6"/>
  </si>
  <si>
    <t>８月</t>
    <rPh sb="1" eb="2">
      <t>ガツ</t>
    </rPh>
    <phoneticPr fontId="6"/>
  </si>
  <si>
    <t>７月</t>
    <rPh sb="1" eb="2">
      <t>ガツ</t>
    </rPh>
    <phoneticPr fontId="6"/>
  </si>
  <si>
    <t>６月</t>
    <rPh sb="1" eb="2">
      <t>ガツ</t>
    </rPh>
    <phoneticPr fontId="6"/>
  </si>
  <si>
    <t>５月</t>
    <rPh sb="1" eb="2">
      <t>ガツ</t>
    </rPh>
    <phoneticPr fontId="6"/>
  </si>
  <si>
    <t>月</t>
    <rPh sb="0" eb="1">
      <t>ツキ</t>
    </rPh>
    <phoneticPr fontId="6"/>
  </si>
  <si>
    <t>②開所日数</t>
    <rPh sb="1" eb="3">
      <t>カイショ</t>
    </rPh>
    <rPh sb="3" eb="5">
      <t>ニッスウ</t>
    </rPh>
    <phoneticPr fontId="6"/>
  </si>
  <si>
    <t xml:space="preserve">    ①・②の多機能</t>
    <rPh sb="8" eb="11">
      <t>タキノウ</t>
    </rPh>
    <phoneticPr fontId="6"/>
  </si>
  <si>
    <t xml:space="preserve"> 放課後等デイサービス</t>
    <rPh sb="1" eb="4">
      <t>ホウカゴ</t>
    </rPh>
    <rPh sb="4" eb="5">
      <t>トウ</t>
    </rPh>
    <phoneticPr fontId="6"/>
  </si>
  <si>
    <t xml:space="preserve">  児童発達支援</t>
    <rPh sb="2" eb="4">
      <t>ジドウ</t>
    </rPh>
    <rPh sb="4" eb="6">
      <t>ハッタツ</t>
    </rPh>
    <rPh sb="6" eb="8">
      <t>シエン</t>
    </rPh>
    <phoneticPr fontId="6"/>
  </si>
  <si>
    <t>看護職員加配加算に関する届出書</t>
    <rPh sb="0" eb="2">
      <t>カンゴ</t>
    </rPh>
    <rPh sb="2" eb="4">
      <t>ショクイン</t>
    </rPh>
    <rPh sb="4" eb="6">
      <t>カハイ</t>
    </rPh>
    <rPh sb="6" eb="8">
      <t>カサン</t>
    </rPh>
    <rPh sb="9" eb="10">
      <t>カン</t>
    </rPh>
    <rPh sb="12" eb="15">
      <t>トドケデショ</t>
    </rPh>
    <phoneticPr fontId="6"/>
  </si>
  <si>
    <t>うち保育士の員数</t>
    <rPh sb="2" eb="5">
      <t>ホイクシ</t>
    </rPh>
    <rPh sb="6" eb="8">
      <t>インスウ</t>
    </rPh>
    <phoneticPr fontId="6"/>
  </si>
  <si>
    <t>うち児童指導員の員数</t>
    <rPh sb="2" eb="4">
      <t>ジドウ</t>
    </rPh>
    <rPh sb="4" eb="7">
      <t>シドウイン</t>
    </rPh>
    <rPh sb="8" eb="10">
      <t>インスウ</t>
    </rPh>
    <phoneticPr fontId="6"/>
  </si>
  <si>
    <t>　２　保育職員の状況</t>
    <rPh sb="3" eb="5">
      <t>ホイク</t>
    </rPh>
    <rPh sb="5" eb="7">
      <t>ショクイン</t>
    </rPh>
    <rPh sb="8" eb="10">
      <t>ジョウキョウ</t>
    </rPh>
    <phoneticPr fontId="6"/>
  </si>
  <si>
    <t>保育職員加配加算に関する届出書</t>
    <rPh sb="0" eb="2">
      <t>ホイク</t>
    </rPh>
    <rPh sb="2" eb="4">
      <t>ショクイン</t>
    </rPh>
    <rPh sb="4" eb="6">
      <t>カハイ</t>
    </rPh>
    <rPh sb="6" eb="8">
      <t>カサン</t>
    </rPh>
    <rPh sb="9" eb="10">
      <t>カン</t>
    </rPh>
    <rPh sb="12" eb="15">
      <t>トドケデショ</t>
    </rPh>
    <phoneticPr fontId="6"/>
  </si>
  <si>
    <t>加算別紙３</t>
    <rPh sb="0" eb="2">
      <t>カサン</t>
    </rPh>
    <rPh sb="2" eb="4">
      <t>ベッシ</t>
    </rPh>
    <phoneticPr fontId="6"/>
  </si>
  <si>
    <t>加算別紙１０</t>
    <rPh sb="0" eb="2">
      <t>カサン</t>
    </rPh>
    <rPh sb="2" eb="4">
      <t>ベッシ</t>
    </rPh>
    <phoneticPr fontId="6"/>
  </si>
  <si>
    <t>加算別紙１５</t>
    <rPh sb="0" eb="2">
      <t>カサン</t>
    </rPh>
    <rPh sb="2" eb="4">
      <t>ベッシ</t>
    </rPh>
    <phoneticPr fontId="6"/>
  </si>
  <si>
    <t>加算別紙２２</t>
    <rPh sb="0" eb="2">
      <t>カサン</t>
    </rPh>
    <rPh sb="2" eb="4">
      <t>ベッシ</t>
    </rPh>
    <phoneticPr fontId="6"/>
  </si>
  <si>
    <t>加算別紙２３</t>
    <phoneticPr fontId="6"/>
  </si>
  <si>
    <t>加算別紙２５</t>
    <rPh sb="0" eb="2">
      <t>カサン</t>
    </rPh>
    <rPh sb="2" eb="4">
      <t>ベッシ</t>
    </rPh>
    <phoneticPr fontId="6"/>
  </si>
  <si>
    <t>加算別紙３２</t>
    <rPh sb="0" eb="2">
      <t>カサン</t>
    </rPh>
    <rPh sb="2" eb="4">
      <t>ベッシ</t>
    </rPh>
    <phoneticPr fontId="6"/>
  </si>
  <si>
    <r>
      <t>　　２　</t>
    </r>
    <r>
      <rPr>
        <u/>
        <sz val="10"/>
        <rFont val="ＭＳ ゴシック"/>
        <family val="3"/>
        <charset val="128"/>
      </rPr>
      <t xml:space="preserve">強度行動障害支援者養成研修（実践研修）修了者（重度訪問介護従業者養成研修
</t>
    </r>
    <r>
      <rPr>
        <sz val="10"/>
        <rFont val="ＭＳ ゴシック"/>
        <family val="3"/>
        <charset val="128"/>
      </rPr>
      <t>　　　</t>
    </r>
    <r>
      <rPr>
        <u/>
        <sz val="10"/>
        <rFont val="ＭＳ ゴシック"/>
        <family val="3"/>
        <charset val="128"/>
      </rPr>
      <t xml:space="preserve">行動障害支援課程修了者又は行動援護従業者養成研修修了者を含む）及び強度行
</t>
    </r>
    <r>
      <rPr>
        <sz val="10"/>
        <rFont val="ＭＳ ゴシック"/>
        <family val="3"/>
        <charset val="128"/>
      </rPr>
      <t>　　　</t>
    </r>
    <r>
      <rPr>
        <u/>
        <sz val="10"/>
        <rFont val="ＭＳ ゴシック"/>
        <family val="3"/>
        <charset val="128"/>
      </rPr>
      <t xml:space="preserve">動障害支援者養成研修（基礎研修）修了者（重度訪問介護従業者養成研修行動障害
</t>
    </r>
    <r>
      <rPr>
        <sz val="10"/>
        <rFont val="ＭＳ ゴシック"/>
        <family val="3"/>
        <charset val="128"/>
      </rPr>
      <t>　　　</t>
    </r>
    <r>
      <rPr>
        <u/>
        <sz val="10"/>
        <rFont val="ＭＳ ゴシック"/>
        <family val="3"/>
        <charset val="128"/>
      </rPr>
      <t>支援課程修了者又は行動援護従業者養成研修修了者を含む）</t>
    </r>
    <r>
      <rPr>
        <sz val="10"/>
        <rFont val="ＭＳ ゴシック"/>
        <family val="3"/>
        <charset val="128"/>
      </rPr>
      <t>については修了証の
　　　写しを別途添付すること。</t>
    </r>
    <rPh sb="4" eb="6">
      <t>キョウド</t>
    </rPh>
    <rPh sb="6" eb="8">
      <t>コウドウ</t>
    </rPh>
    <rPh sb="8" eb="10">
      <t>ショウガイ</t>
    </rPh>
    <rPh sb="10" eb="12">
      <t>シエン</t>
    </rPh>
    <rPh sb="12" eb="13">
      <t>シャ</t>
    </rPh>
    <rPh sb="13" eb="15">
      <t>ヨウセイ</t>
    </rPh>
    <rPh sb="15" eb="17">
      <t>ケンシュウ</t>
    </rPh>
    <rPh sb="18" eb="20">
      <t>ジッセン</t>
    </rPh>
    <rPh sb="20" eb="22">
      <t>ケンシュウ</t>
    </rPh>
    <rPh sb="23" eb="26">
      <t>シュウリョウシャ</t>
    </rPh>
    <rPh sb="75" eb="76">
      <t>オヨ</t>
    </rPh>
    <rPh sb="77" eb="79">
      <t>キョウド</t>
    </rPh>
    <rPh sb="85" eb="87">
      <t>ショウガイ</t>
    </rPh>
    <rPh sb="87" eb="89">
      <t>シエン</t>
    </rPh>
    <rPh sb="89" eb="90">
      <t>シャ</t>
    </rPh>
    <rPh sb="90" eb="92">
      <t>ヨウセイ</t>
    </rPh>
    <rPh sb="92" eb="94">
      <t>ケンシュウ</t>
    </rPh>
    <rPh sb="95" eb="97">
      <t>キソ</t>
    </rPh>
    <rPh sb="97" eb="99">
      <t>ケンシュウ</t>
    </rPh>
    <rPh sb="100" eb="103">
      <t>シュウリョウシャ</t>
    </rPh>
    <rPh sb="157" eb="160">
      <t>シュウリョウショウ</t>
    </rPh>
    <rPh sb="165" eb="166">
      <t>ウツ</t>
    </rPh>
    <rPh sb="168" eb="170">
      <t>ベット</t>
    </rPh>
    <rPh sb="170" eb="172">
      <t>テンプ</t>
    </rPh>
    <phoneticPr fontId="6"/>
  </si>
  <si>
    <t>加算別紙３３</t>
    <rPh sb="0" eb="2">
      <t>カサン</t>
    </rPh>
    <rPh sb="2" eb="4">
      <t>ベッシ</t>
    </rPh>
    <phoneticPr fontId="6"/>
  </si>
  <si>
    <t>加算別紙３４</t>
    <rPh sb="0" eb="2">
      <t>カサン</t>
    </rPh>
    <rPh sb="2" eb="4">
      <t>ベッシ</t>
    </rPh>
    <phoneticPr fontId="6"/>
  </si>
  <si>
    <t>加算別紙３５</t>
    <rPh sb="0" eb="2">
      <t>カサン</t>
    </rPh>
    <rPh sb="2" eb="4">
      <t>ベッシ</t>
    </rPh>
    <phoneticPr fontId="6"/>
  </si>
  <si>
    <t>加算別紙３６</t>
    <rPh sb="0" eb="2">
      <t>カサン</t>
    </rPh>
    <rPh sb="2" eb="4">
      <t>ベッシ</t>
    </rPh>
    <phoneticPr fontId="6"/>
  </si>
  <si>
    <t>加算別紙３９</t>
    <rPh sb="0" eb="2">
      <t>カサン</t>
    </rPh>
    <rPh sb="2" eb="4">
      <t>ベッシ</t>
    </rPh>
    <phoneticPr fontId="6"/>
  </si>
  <si>
    <t>加算別紙４０</t>
    <rPh sb="0" eb="2">
      <t>カサン</t>
    </rPh>
    <rPh sb="2" eb="4">
      <t>ベッシ</t>
    </rPh>
    <phoneticPr fontId="6"/>
  </si>
  <si>
    <t>加算別紙４１</t>
    <rPh sb="0" eb="2">
      <t>カサン</t>
    </rPh>
    <rPh sb="2" eb="4">
      <t>ベッシ</t>
    </rPh>
    <phoneticPr fontId="6"/>
  </si>
  <si>
    <t>加算別紙４２</t>
    <rPh sb="0" eb="2">
      <t>カサン</t>
    </rPh>
    <rPh sb="2" eb="4">
      <t>ベッシ</t>
    </rPh>
    <phoneticPr fontId="6"/>
  </si>
  <si>
    <t>加算別紙４３</t>
    <rPh sb="0" eb="2">
      <t>カサン</t>
    </rPh>
    <rPh sb="2" eb="4">
      <t>ベッシ</t>
    </rPh>
    <phoneticPr fontId="6"/>
  </si>
  <si>
    <t>加算別紙４４</t>
    <rPh sb="0" eb="2">
      <t>カサン</t>
    </rPh>
    <rPh sb="2" eb="4">
      <t>ベッシ</t>
    </rPh>
    <phoneticPr fontId="6"/>
  </si>
  <si>
    <t>加算別紙４５</t>
    <rPh sb="0" eb="2">
      <t>カサン</t>
    </rPh>
    <rPh sb="2" eb="4">
      <t>ベッシ</t>
    </rPh>
    <phoneticPr fontId="6"/>
  </si>
  <si>
    <t>加算別紙４６</t>
    <rPh sb="0" eb="2">
      <t>カサン</t>
    </rPh>
    <rPh sb="2" eb="4">
      <t>ベッシ</t>
    </rPh>
    <phoneticPr fontId="6"/>
  </si>
  <si>
    <t>加算別紙４８</t>
    <rPh sb="0" eb="2">
      <t>カサン</t>
    </rPh>
    <rPh sb="2" eb="4">
      <t>ベッシ</t>
    </rPh>
    <phoneticPr fontId="6"/>
  </si>
  <si>
    <t>加算別紙５０</t>
    <rPh sb="0" eb="2">
      <t>カサン</t>
    </rPh>
    <rPh sb="2" eb="4">
      <t>ベッシ</t>
    </rPh>
    <phoneticPr fontId="6"/>
  </si>
  <si>
    <t>加算別紙５２</t>
    <rPh sb="0" eb="2">
      <t>カサン</t>
    </rPh>
    <rPh sb="2" eb="4">
      <t>ベッシ</t>
    </rPh>
    <phoneticPr fontId="6"/>
  </si>
  <si>
    <t>加算別紙５３</t>
    <rPh sb="0" eb="2">
      <t>カサン</t>
    </rPh>
    <rPh sb="2" eb="4">
      <t>ベッシ</t>
    </rPh>
    <phoneticPr fontId="6"/>
  </si>
  <si>
    <t>加算別紙５４</t>
    <rPh sb="0" eb="2">
      <t>カサン</t>
    </rPh>
    <rPh sb="2" eb="4">
      <t>ベッシ</t>
    </rPh>
    <phoneticPr fontId="6"/>
  </si>
  <si>
    <t>加算別紙５５</t>
    <rPh sb="0" eb="2">
      <t>カサン</t>
    </rPh>
    <rPh sb="2" eb="4">
      <t>ベッシ</t>
    </rPh>
    <phoneticPr fontId="6"/>
  </si>
  <si>
    <t>加算別紙６０</t>
    <rPh sb="0" eb="2">
      <t>カサン</t>
    </rPh>
    <rPh sb="2" eb="4">
      <t>ベッシ</t>
    </rPh>
    <phoneticPr fontId="6"/>
  </si>
  <si>
    <t>令和　　年　　月　　日</t>
    <rPh sb="0" eb="2">
      <t>レイワ</t>
    </rPh>
    <rPh sb="4" eb="5">
      <t>ネン</t>
    </rPh>
    <rPh sb="7" eb="8">
      <t>ガツ</t>
    </rPh>
    <rPh sb="10" eb="11">
      <t>ニチ</t>
    </rPh>
    <phoneticPr fontId="6"/>
  </si>
  <si>
    <t>令和　　年　　月　　日</t>
    <rPh sb="0" eb="2">
      <t>レイワ</t>
    </rPh>
    <phoneticPr fontId="6"/>
  </si>
  <si>
    <t>令和　　　　　年　　　　　　月　　　　　　日</t>
    <rPh sb="0" eb="2">
      <t>レイワ</t>
    </rPh>
    <rPh sb="7" eb="8">
      <t>ネン</t>
    </rPh>
    <rPh sb="14" eb="15">
      <t>ガツ</t>
    </rPh>
    <rPh sb="21" eb="22">
      <t>ニチ</t>
    </rPh>
    <phoneticPr fontId="6"/>
  </si>
  <si>
    <t>令和　　　　　　　年　　　　　　月　　　　　　　日</t>
    <rPh sb="0" eb="2">
      <t>レイワ</t>
    </rPh>
    <rPh sb="9" eb="10">
      <t>ネン</t>
    </rPh>
    <rPh sb="16" eb="17">
      <t>ガツ</t>
    </rPh>
    <rPh sb="24" eb="25">
      <t>ニチ</t>
    </rPh>
    <phoneticPr fontId="6"/>
  </si>
  <si>
    <r>
      <t>実践研修の終了者の数</t>
    </r>
    <r>
      <rPr>
        <sz val="8"/>
        <color theme="1"/>
        <rFont val="ＭＳ Ｐゴシック"/>
        <family val="3"/>
        <charset val="128"/>
      </rPr>
      <t>※１</t>
    </r>
    <rPh sb="0" eb="2">
      <t>ジッセン</t>
    </rPh>
    <rPh sb="2" eb="4">
      <t>ケンシュウ</t>
    </rPh>
    <rPh sb="5" eb="8">
      <t>シュウリョウシャ</t>
    </rPh>
    <rPh sb="9" eb="10">
      <t>カズ</t>
    </rPh>
    <phoneticPr fontId="6"/>
  </si>
  <si>
    <r>
      <t>基礎研修の終了者の
数及び割合</t>
    </r>
    <r>
      <rPr>
        <sz val="8"/>
        <color theme="1"/>
        <rFont val="ＭＳ Ｐゴシック"/>
        <family val="3"/>
        <charset val="128"/>
      </rPr>
      <t>※２</t>
    </r>
    <rPh sb="0" eb="2">
      <t>キソ</t>
    </rPh>
    <rPh sb="2" eb="4">
      <t>ケンシュウ</t>
    </rPh>
    <rPh sb="5" eb="8">
      <t>シュウリョウシャ</t>
    </rPh>
    <rPh sb="10" eb="11">
      <t>カズ</t>
    </rPh>
    <rPh sb="11" eb="12">
      <t>オヨ</t>
    </rPh>
    <rPh sb="13" eb="15">
      <t>ワリアイ</t>
    </rPh>
    <phoneticPr fontId="6"/>
  </si>
  <si>
    <r>
      <t>　　　　　①　社会福祉士　　　</t>
    </r>
    <r>
      <rPr>
        <sz val="12"/>
        <color theme="1"/>
        <rFont val="ＭＳ Ｐゴシック"/>
        <family val="3"/>
        <charset val="128"/>
      </rPr>
      <t>　</t>
    </r>
    <r>
      <rPr>
        <sz val="11"/>
        <color theme="1"/>
        <rFont val="ＭＳ Ｐゴシック"/>
        <family val="3"/>
        <charset val="128"/>
      </rPr>
      <t>・・・　　　　　　　人
　　　　　②　精神保健福祉士　・・・　　　　　　　人
　　　　　③　公認心理師等 　　・・・　　　　　　　人</t>
    </r>
    <rPh sb="7" eb="9">
      <t>シャカイ</t>
    </rPh>
    <rPh sb="9" eb="12">
      <t>フクシシ</t>
    </rPh>
    <rPh sb="26" eb="27">
      <t>ニン</t>
    </rPh>
    <rPh sb="36" eb="38">
      <t>セイシン</t>
    </rPh>
    <rPh sb="38" eb="40">
      <t>ホケン</t>
    </rPh>
    <rPh sb="40" eb="43">
      <t>フクシシ</t>
    </rPh>
    <rPh sb="54" eb="55">
      <t>ニン</t>
    </rPh>
    <rPh sb="64" eb="66">
      <t>コウニン</t>
    </rPh>
    <rPh sb="66" eb="69">
      <t>シンリシ</t>
    </rPh>
    <rPh sb="69" eb="70">
      <t>トウ</t>
    </rPh>
    <rPh sb="83" eb="84">
      <t>ニン</t>
    </rPh>
    <phoneticPr fontId="6"/>
  </si>
  <si>
    <t>送迎加算に関する届出書（平成30年４月以降）</t>
    <rPh sb="0" eb="2">
      <t>ソウゲイ</t>
    </rPh>
    <rPh sb="2" eb="4">
      <t>カサン</t>
    </rPh>
    <rPh sb="5" eb="6">
      <t>カン</t>
    </rPh>
    <rPh sb="8" eb="10">
      <t>トドケデ</t>
    </rPh>
    <rPh sb="10" eb="11">
      <t>ショ</t>
    </rPh>
    <rPh sb="12" eb="14">
      <t>ヘイセイ</t>
    </rPh>
    <rPh sb="16" eb="17">
      <t>ネン</t>
    </rPh>
    <rPh sb="18" eb="19">
      <t>ガツ</t>
    </rPh>
    <rPh sb="19" eb="21">
      <t>イコウ</t>
    </rPh>
    <phoneticPr fontId="6"/>
  </si>
  <si>
    <t>３　送迎の状況②
　（短期入所、重度障害者
    等包括支援以外）</t>
    <rPh sb="2" eb="4">
      <t>ソウゲイ</t>
    </rPh>
    <rPh sb="5" eb="7">
      <t>ジョウキョウ</t>
    </rPh>
    <rPh sb="11" eb="13">
      <t>タンキ</t>
    </rPh>
    <rPh sb="13" eb="15">
      <t>ニュウショ</t>
    </rPh>
    <rPh sb="31" eb="33">
      <t>イガイ</t>
    </rPh>
    <phoneticPr fontId="6"/>
  </si>
  <si>
    <r>
      <t>　１　福祉専門職員配置等加算(Ⅰ)</t>
    </r>
    <r>
      <rPr>
        <sz val="9"/>
        <color theme="1"/>
        <rFont val="ＭＳ ゴシック"/>
        <family val="3"/>
        <charset val="128"/>
      </rPr>
      <t xml:space="preserve">　 　※有資格者35％以上　 </t>
    </r>
    <r>
      <rPr>
        <sz val="11"/>
        <color theme="1"/>
        <rFont val="ＭＳ ゴシック"/>
        <family val="3"/>
        <charset val="128"/>
      </rPr>
      <t xml:space="preserve">
  ２　福祉専門職員配置等加算(Ⅱ)</t>
    </r>
    <r>
      <rPr>
        <sz val="9"/>
        <color theme="1"/>
        <rFont val="ＭＳ ゴシック"/>
        <family val="3"/>
        <charset val="128"/>
      </rPr>
      <t>　 　※有資格者25％以上</t>
    </r>
    <rPh sb="3" eb="5">
      <t>フクシ</t>
    </rPh>
    <rPh sb="5" eb="7">
      <t>センモン</t>
    </rPh>
    <rPh sb="7" eb="9">
      <t>ショクイン</t>
    </rPh>
    <rPh sb="9" eb="11">
      <t>ハイチ</t>
    </rPh>
    <rPh sb="11" eb="12">
      <t>トウ</t>
    </rPh>
    <rPh sb="12" eb="14">
      <t>カサン</t>
    </rPh>
    <rPh sb="21" eb="25">
      <t>ユウシカクシャ</t>
    </rPh>
    <rPh sb="28" eb="30">
      <t>イジョウ</t>
    </rPh>
    <rPh sb="38" eb="40">
      <t>フクシ</t>
    </rPh>
    <rPh sb="40" eb="42">
      <t>センモン</t>
    </rPh>
    <rPh sb="42" eb="44">
      <t>ショクイン</t>
    </rPh>
    <rPh sb="44" eb="46">
      <t>ハイチ</t>
    </rPh>
    <rPh sb="46" eb="47">
      <t>トウ</t>
    </rPh>
    <rPh sb="47" eb="49">
      <t>カサン</t>
    </rPh>
    <rPh sb="56" eb="60">
      <t>ユウシカクシャ</t>
    </rPh>
    <rPh sb="63" eb="65">
      <t>イジョウ</t>
    </rPh>
    <phoneticPr fontId="6"/>
  </si>
  <si>
    <r>
      <t>　１　福祉専門職員配置等加算(Ⅰ)</t>
    </r>
    <r>
      <rPr>
        <sz val="9"/>
        <color theme="1"/>
        <rFont val="ＭＳ ゴシック"/>
        <family val="3"/>
        <charset val="128"/>
      </rPr>
      <t xml:space="preserve">　 　※有資格者35％以上　 </t>
    </r>
    <r>
      <rPr>
        <sz val="11"/>
        <color theme="1"/>
        <rFont val="ＭＳ ゴシック"/>
        <family val="3"/>
        <charset val="128"/>
      </rPr>
      <t xml:space="preserve">
  ２　福祉専門職員配置等加算(Ⅱ)</t>
    </r>
    <r>
      <rPr>
        <sz val="9"/>
        <color theme="1"/>
        <rFont val="ＭＳ ゴシック"/>
        <family val="3"/>
        <charset val="128"/>
      </rPr>
      <t xml:space="preserve">　 　※有資格者25％以上
</t>
    </r>
    <r>
      <rPr>
        <sz val="11"/>
        <color theme="1"/>
        <rFont val="ＭＳ ゴシック"/>
        <family val="3"/>
        <charset val="128"/>
      </rPr>
      <t xml:space="preserve">
  ３　福祉専門職員配置等加算(Ⅲ)</t>
    </r>
    <r>
      <rPr>
        <sz val="9"/>
        <color theme="1"/>
        <rFont val="ＭＳ ゴシック"/>
        <family val="3"/>
        <charset val="128"/>
      </rPr>
      <t>　　 ※常勤職員が75％以上又は勤続3年以上の常勤職員が30％以上</t>
    </r>
    <rPh sb="3" eb="5">
      <t>フクシ</t>
    </rPh>
    <rPh sb="5" eb="7">
      <t>センモン</t>
    </rPh>
    <rPh sb="7" eb="9">
      <t>ショクイン</t>
    </rPh>
    <rPh sb="9" eb="11">
      <t>ハイチ</t>
    </rPh>
    <rPh sb="11" eb="12">
      <t>トウ</t>
    </rPh>
    <rPh sb="12" eb="14">
      <t>カサン</t>
    </rPh>
    <rPh sb="21" eb="25">
      <t>ユウシカクシャ</t>
    </rPh>
    <rPh sb="28" eb="30">
      <t>イジョウ</t>
    </rPh>
    <rPh sb="38" eb="40">
      <t>フクシ</t>
    </rPh>
    <rPh sb="40" eb="42">
      <t>センモン</t>
    </rPh>
    <rPh sb="42" eb="44">
      <t>ショクイン</t>
    </rPh>
    <rPh sb="44" eb="46">
      <t>ハイチ</t>
    </rPh>
    <rPh sb="46" eb="47">
      <t>トウ</t>
    </rPh>
    <rPh sb="47" eb="49">
      <t>カサン</t>
    </rPh>
    <rPh sb="56" eb="60">
      <t>ユウシカクシャ</t>
    </rPh>
    <rPh sb="63" eb="65">
      <t>イジョウ</t>
    </rPh>
    <rPh sb="71" eb="73">
      <t>フクシ</t>
    </rPh>
    <rPh sb="73" eb="75">
      <t>センモン</t>
    </rPh>
    <rPh sb="75" eb="77">
      <t>ショクイン</t>
    </rPh>
    <rPh sb="77" eb="79">
      <t>ハイチ</t>
    </rPh>
    <rPh sb="79" eb="80">
      <t>トウ</t>
    </rPh>
    <rPh sb="80" eb="82">
      <t>カサン</t>
    </rPh>
    <rPh sb="89" eb="91">
      <t>ジョウキン</t>
    </rPh>
    <rPh sb="91" eb="93">
      <t>ショクイン</t>
    </rPh>
    <rPh sb="97" eb="99">
      <t>イジョウ</t>
    </rPh>
    <rPh sb="99" eb="100">
      <t>マタ</t>
    </rPh>
    <rPh sb="101" eb="103">
      <t>キンゾク</t>
    </rPh>
    <rPh sb="104" eb="105">
      <t>ネン</t>
    </rPh>
    <rPh sb="105" eb="107">
      <t>イジョウ</t>
    </rPh>
    <rPh sb="108" eb="110">
      <t>ジョウキン</t>
    </rPh>
    <rPh sb="110" eb="112">
      <t>ショクイン</t>
    </rPh>
    <rPh sb="116" eb="118">
      <t>イジョウ</t>
    </rPh>
    <phoneticPr fontId="6"/>
  </si>
  <si>
    <t>　　　○療養介護にあっては、生活支援員</t>
    <rPh sb="4" eb="6">
      <t>リョウヨウ</t>
    </rPh>
    <rPh sb="6" eb="8">
      <t>カイゴ</t>
    </rPh>
    <rPh sb="14" eb="16">
      <t>セイカツ</t>
    </rPh>
    <rPh sb="16" eb="18">
      <t>シエン</t>
    </rPh>
    <rPh sb="18" eb="19">
      <t>イン</t>
    </rPh>
    <phoneticPr fontId="6"/>
  </si>
  <si>
    <t>　　　○自立訓練（生活訓練）にあっては、生活支援員、地域移行支援員又は共生型自立訓練（生活訓練）従業者</t>
    <rPh sb="4" eb="6">
      <t>ジリツ</t>
    </rPh>
    <rPh sb="6" eb="8">
      <t>クンレン</t>
    </rPh>
    <rPh sb="9" eb="11">
      <t>セイカツ</t>
    </rPh>
    <rPh sb="11" eb="13">
      <t>クンレン</t>
    </rPh>
    <rPh sb="20" eb="22">
      <t>セイカツ</t>
    </rPh>
    <rPh sb="22" eb="24">
      <t>シエン</t>
    </rPh>
    <rPh sb="24" eb="25">
      <t>イン</t>
    </rPh>
    <rPh sb="26" eb="28">
      <t>チイキ</t>
    </rPh>
    <rPh sb="28" eb="30">
      <t>イコウ</t>
    </rPh>
    <rPh sb="30" eb="32">
      <t>シエン</t>
    </rPh>
    <rPh sb="32" eb="33">
      <t>イン</t>
    </rPh>
    <phoneticPr fontId="6"/>
  </si>
  <si>
    <r>
      <rPr>
        <sz val="11"/>
        <color rgb="FFFF0000"/>
        <rFont val="ＭＳ Ｐゴシック"/>
        <family val="3"/>
        <charset val="128"/>
        <scheme val="minor"/>
      </rPr>
      <t>加算別紙４９　</t>
    </r>
    <r>
      <rPr>
        <sz val="11"/>
        <color theme="1"/>
        <rFont val="ＭＳ Ｐゴシック"/>
        <family val="3"/>
        <charset val="128"/>
        <scheme val="minor"/>
      </rPr>
      <t>　　　　　　　　　　　　　　　　　　　　　　　　　　　　　　　　　　　　　　　　　　　　　　令和　　年　　月　　日</t>
    </r>
    <rPh sb="0" eb="2">
      <t>カサン</t>
    </rPh>
    <rPh sb="2" eb="4">
      <t>ベッシ</t>
    </rPh>
    <rPh sb="53" eb="55">
      <t>レイワ</t>
    </rPh>
    <rPh sb="57" eb="58">
      <t>ネン</t>
    </rPh>
    <rPh sb="60" eb="61">
      <t>ガツ</t>
    </rPh>
    <rPh sb="63" eb="64">
      <t>ニチ</t>
    </rPh>
    <phoneticPr fontId="6"/>
  </si>
  <si>
    <t>　　年　　月　　日</t>
    <rPh sb="2" eb="3">
      <t>ネン</t>
    </rPh>
    <rPh sb="5" eb="6">
      <t>ガツ</t>
    </rPh>
    <rPh sb="8" eb="9">
      <t>ニチ</t>
    </rPh>
    <phoneticPr fontId="6"/>
  </si>
  <si>
    <t>就労移行支援に係る基本報酬の算定区分に関する届出書
（就労移行支援サービス費（Ⅰ））</t>
    <rPh sb="0" eb="2">
      <t>シュウロウ</t>
    </rPh>
    <rPh sb="2" eb="4">
      <t>イコウ</t>
    </rPh>
    <rPh sb="4" eb="6">
      <t>シエン</t>
    </rPh>
    <rPh sb="7" eb="8">
      <t>カカ</t>
    </rPh>
    <rPh sb="9" eb="11">
      <t>キホン</t>
    </rPh>
    <rPh sb="11" eb="13">
      <t>ホウシュウ</t>
    </rPh>
    <rPh sb="14" eb="16">
      <t>サンテイ</t>
    </rPh>
    <rPh sb="16" eb="18">
      <t>クブン</t>
    </rPh>
    <rPh sb="19" eb="20">
      <t>カン</t>
    </rPh>
    <rPh sb="22" eb="25">
      <t>トドケデショ</t>
    </rPh>
    <rPh sb="27" eb="29">
      <t>シュウロウ</t>
    </rPh>
    <rPh sb="29" eb="31">
      <t>イコウ</t>
    </rPh>
    <rPh sb="31" eb="33">
      <t>シエン</t>
    </rPh>
    <rPh sb="37" eb="38">
      <t>ヒ</t>
    </rPh>
    <phoneticPr fontId="6"/>
  </si>
  <si>
    <t>前年度及び前々年度の就職後6月以上定着者の状況</t>
    <rPh sb="0" eb="3">
      <t>ゼンネンド</t>
    </rPh>
    <rPh sb="3" eb="4">
      <t>オヨ</t>
    </rPh>
    <rPh sb="5" eb="7">
      <t>ゼンゼン</t>
    </rPh>
    <rPh sb="7" eb="9">
      <t>ネンド</t>
    </rPh>
    <rPh sb="10" eb="12">
      <t>シュウショク</t>
    </rPh>
    <rPh sb="12" eb="13">
      <t>ゴ</t>
    </rPh>
    <rPh sb="14" eb="15">
      <t>ツキ</t>
    </rPh>
    <rPh sb="15" eb="17">
      <t>イジョウ</t>
    </rPh>
    <rPh sb="17" eb="19">
      <t>テイチャク</t>
    </rPh>
    <rPh sb="19" eb="20">
      <t>シャ</t>
    </rPh>
    <rPh sb="21" eb="23">
      <t>ジョウキョウ</t>
    </rPh>
    <phoneticPr fontId="6"/>
  </si>
  <si>
    <t>前年度</t>
    <rPh sb="0" eb="3">
      <t>ゼンネンド</t>
    </rPh>
    <phoneticPr fontId="6"/>
  </si>
  <si>
    <t>前々年度</t>
    <rPh sb="0" eb="2">
      <t>ゼンゼン</t>
    </rPh>
    <rPh sb="2" eb="4">
      <t>ネンド</t>
    </rPh>
    <phoneticPr fontId="6"/>
  </si>
  <si>
    <t>（　　　年度）</t>
    <rPh sb="4" eb="6">
      <t>ネンド</t>
    </rPh>
    <phoneticPr fontId="6"/>
  </si>
  <si>
    <t>利用定員数</t>
    <rPh sb="0" eb="2">
      <t>リヨウ</t>
    </rPh>
    <rPh sb="2" eb="5">
      <t>テイインスウ</t>
    </rPh>
    <phoneticPr fontId="6"/>
  </si>
  <si>
    <t>÷</t>
    <phoneticPr fontId="6"/>
  </si>
  <si>
    <t>＝</t>
    <phoneticPr fontId="6"/>
  </si>
  <si>
    <t>％</t>
    <phoneticPr fontId="6"/>
  </si>
  <si>
    <t>注１　就職後６月以上定着者とは、就労移行支援を受けた後、就労し、就労を継続している期間が６月に達した者
　　（就労定着者という。）をいい、前年度及び前々年度の実績を記載すること（就労とは企業等と雇用契約に基づく
　　就労をいい、労働時間等労働条件の内容は問わない。ただし、就労継続支援Ａ型事業所の利用者としての移行は除
    くこと。）。
注２　平成29年10月１日に就職した者は、平成30年３月31日に６月に達した者となることから、平成29年度の実績に
　　含まれることとなる。
注３　就労定着率区分「なし（経過措置対象）」は、指定を受けてから２年間を経過していない事業所が選択する。
　　ただし、２年目の事業所においては、１年目の就労定着者の割合に応じた区分で算定することも可能。
注４　就労定着者の状況は、別添「就労定着者の状況（就労移行支援に係る基本報酬の算定区分に関する届出書）」を
　　提出すること。
注５　当該年度の利用定員が年度途中で変更になった場合は、各月の利用定員の合計数を12で除した数を利用定員と
  すること。
　（例）４月から12月までの利用定員20人、１月から３月までの利用定員が30人の場合の利用定員
　　（20人×９月＋30人×３月）÷12月＝22.5人</t>
    <rPh sb="0" eb="1">
      <t>チュウ</t>
    </rPh>
    <rPh sb="3" eb="6">
      <t>シュウショクゴ</t>
    </rPh>
    <rPh sb="7" eb="8">
      <t>ツキ</t>
    </rPh>
    <rPh sb="8" eb="10">
      <t>イジョウ</t>
    </rPh>
    <rPh sb="10" eb="12">
      <t>テイチャク</t>
    </rPh>
    <rPh sb="12" eb="13">
      <t>シャ</t>
    </rPh>
    <rPh sb="16" eb="18">
      <t>シュウロウ</t>
    </rPh>
    <rPh sb="18" eb="20">
      <t>イコウ</t>
    </rPh>
    <rPh sb="20" eb="22">
      <t>シエン</t>
    </rPh>
    <rPh sb="23" eb="24">
      <t>ウ</t>
    </rPh>
    <rPh sb="26" eb="27">
      <t>アト</t>
    </rPh>
    <rPh sb="28" eb="30">
      <t>シュウロウ</t>
    </rPh>
    <rPh sb="32" eb="34">
      <t>シュウロウ</t>
    </rPh>
    <rPh sb="35" eb="37">
      <t>ケイゾク</t>
    </rPh>
    <rPh sb="41" eb="43">
      <t>キカン</t>
    </rPh>
    <rPh sb="45" eb="46">
      <t>ガツ</t>
    </rPh>
    <rPh sb="47" eb="48">
      <t>タッ</t>
    </rPh>
    <rPh sb="50" eb="51">
      <t>シャ</t>
    </rPh>
    <rPh sb="55" eb="57">
      <t>シュウロウ</t>
    </rPh>
    <rPh sb="57" eb="59">
      <t>テイチャク</t>
    </rPh>
    <rPh sb="59" eb="60">
      <t>シャ</t>
    </rPh>
    <rPh sb="69" eb="72">
      <t>ゼンネンド</t>
    </rPh>
    <rPh sb="72" eb="73">
      <t>オヨ</t>
    </rPh>
    <rPh sb="74" eb="76">
      <t>ゼンゼン</t>
    </rPh>
    <rPh sb="76" eb="78">
      <t>ネンド</t>
    </rPh>
    <rPh sb="79" eb="81">
      <t>ジッセキ</t>
    </rPh>
    <rPh sb="82" eb="84">
      <t>キサイ</t>
    </rPh>
    <rPh sb="89" eb="91">
      <t>シュウロウ</t>
    </rPh>
    <rPh sb="93" eb="95">
      <t>キギョウ</t>
    </rPh>
    <rPh sb="95" eb="96">
      <t>トウ</t>
    </rPh>
    <rPh sb="97" eb="99">
      <t>コヨウ</t>
    </rPh>
    <rPh sb="99" eb="101">
      <t>ケイヤク</t>
    </rPh>
    <rPh sb="136" eb="138">
      <t>シュウロウ</t>
    </rPh>
    <rPh sb="138" eb="140">
      <t>ケイゾク</t>
    </rPh>
    <rPh sb="140" eb="142">
      <t>シエン</t>
    </rPh>
    <rPh sb="143" eb="144">
      <t>ガタ</t>
    </rPh>
    <rPh sb="144" eb="147">
      <t>ジギョウショ</t>
    </rPh>
    <rPh sb="148" eb="151">
      <t>リヨウシャ</t>
    </rPh>
    <rPh sb="155" eb="157">
      <t>イコウ</t>
    </rPh>
    <rPh sb="158" eb="159">
      <t>ノゾ</t>
    </rPh>
    <rPh sb="171" eb="172">
      <t>チュウ</t>
    </rPh>
    <rPh sb="174" eb="176">
      <t>ヘイセイ</t>
    </rPh>
    <rPh sb="178" eb="179">
      <t>ネン</t>
    </rPh>
    <rPh sb="181" eb="182">
      <t>ガツ</t>
    </rPh>
    <rPh sb="183" eb="184">
      <t>ニチ</t>
    </rPh>
    <rPh sb="185" eb="187">
      <t>シュウショク</t>
    </rPh>
    <rPh sb="189" eb="190">
      <t>シャ</t>
    </rPh>
    <rPh sb="192" eb="194">
      <t>ヘイセイ</t>
    </rPh>
    <rPh sb="196" eb="197">
      <t>ネン</t>
    </rPh>
    <rPh sb="198" eb="199">
      <t>ガツ</t>
    </rPh>
    <rPh sb="201" eb="202">
      <t>ニチ</t>
    </rPh>
    <rPh sb="204" eb="205">
      <t>ツキ</t>
    </rPh>
    <rPh sb="206" eb="207">
      <t>タッ</t>
    </rPh>
    <rPh sb="209" eb="210">
      <t>シャ</t>
    </rPh>
    <rPh sb="218" eb="220">
      <t>ヘイセイ</t>
    </rPh>
    <rPh sb="222" eb="224">
      <t>ネンド</t>
    </rPh>
    <rPh sb="225" eb="227">
      <t>ジッセキ</t>
    </rPh>
    <rPh sb="231" eb="232">
      <t>フク</t>
    </rPh>
    <rPh sb="242" eb="243">
      <t>チュウ</t>
    </rPh>
    <rPh sb="245" eb="247">
      <t>シュウロウ</t>
    </rPh>
    <rPh sb="247" eb="249">
      <t>テイチャク</t>
    </rPh>
    <rPh sb="249" eb="250">
      <t>リツ</t>
    </rPh>
    <rPh sb="250" eb="252">
      <t>クブン</t>
    </rPh>
    <rPh sb="256" eb="258">
      <t>ケイカ</t>
    </rPh>
    <rPh sb="258" eb="260">
      <t>ソチ</t>
    </rPh>
    <rPh sb="260" eb="262">
      <t>タイショウ</t>
    </rPh>
    <rPh sb="266" eb="268">
      <t>シテイ</t>
    </rPh>
    <rPh sb="269" eb="270">
      <t>ウ</t>
    </rPh>
    <rPh sb="275" eb="277">
      <t>ネンカン</t>
    </rPh>
    <rPh sb="278" eb="280">
      <t>ケイカ</t>
    </rPh>
    <rPh sb="289" eb="291">
      <t>センタク</t>
    </rPh>
    <rPh sb="302" eb="304">
      <t>ネンメ</t>
    </rPh>
    <rPh sb="305" eb="308">
      <t>ジギョウショ</t>
    </rPh>
    <rPh sb="315" eb="317">
      <t>ネンメ</t>
    </rPh>
    <rPh sb="318" eb="320">
      <t>シュウロウ</t>
    </rPh>
    <rPh sb="344" eb="345">
      <t>チュウ</t>
    </rPh>
    <rPh sb="347" eb="349">
      <t>シュウロウ</t>
    </rPh>
    <rPh sb="349" eb="351">
      <t>テイチャク</t>
    </rPh>
    <rPh sb="351" eb="352">
      <t>シャ</t>
    </rPh>
    <rPh sb="353" eb="355">
      <t>ジョウキョウ</t>
    </rPh>
    <rPh sb="357" eb="359">
      <t>ベッテン</t>
    </rPh>
    <rPh sb="360" eb="362">
      <t>シュウロウ</t>
    </rPh>
    <rPh sb="362" eb="364">
      <t>テイチャク</t>
    </rPh>
    <rPh sb="364" eb="365">
      <t>シャ</t>
    </rPh>
    <rPh sb="366" eb="368">
      <t>ジョウキョウ</t>
    </rPh>
    <rPh sb="411" eb="413">
      <t>トウガイ</t>
    </rPh>
    <phoneticPr fontId="6"/>
  </si>
  <si>
    <t>前年度又は前々年度において6月に達した日（年月日）</t>
    <rPh sb="0" eb="3">
      <t>ゼンネンド</t>
    </rPh>
    <rPh sb="3" eb="4">
      <t>マタ</t>
    </rPh>
    <rPh sb="5" eb="7">
      <t>ゼンゼン</t>
    </rPh>
    <rPh sb="7" eb="9">
      <t>ネンド</t>
    </rPh>
    <rPh sb="14" eb="15">
      <t>ゲツ</t>
    </rPh>
    <rPh sb="16" eb="17">
      <t>タッ</t>
    </rPh>
    <rPh sb="19" eb="20">
      <t>ケイジツ</t>
    </rPh>
    <rPh sb="21" eb="24">
      <t>ネンガッピ</t>
    </rPh>
    <phoneticPr fontId="6"/>
  </si>
  <si>
    <t>就職日（年月日）</t>
    <rPh sb="0" eb="2">
      <t>シュウショク</t>
    </rPh>
    <rPh sb="2" eb="3">
      <t>ビ</t>
    </rPh>
    <rPh sb="4" eb="7">
      <t>ネンガッピ</t>
    </rPh>
    <phoneticPr fontId="6"/>
  </si>
  <si>
    <t>前年度及び前々年度における就労定着者の数</t>
    <rPh sb="0" eb="3">
      <t>ゼンネンド</t>
    </rPh>
    <rPh sb="3" eb="4">
      <t>オヨ</t>
    </rPh>
    <rPh sb="5" eb="7">
      <t>ゼンゼン</t>
    </rPh>
    <rPh sb="7" eb="9">
      <t>ネンド</t>
    </rPh>
    <rPh sb="13" eb="15">
      <t>シュウロウ</t>
    </rPh>
    <rPh sb="15" eb="17">
      <t>テイチャク</t>
    </rPh>
    <rPh sb="17" eb="18">
      <t>シャ</t>
    </rPh>
    <rPh sb="19" eb="20">
      <t>カズ</t>
    </rPh>
    <phoneticPr fontId="6"/>
  </si>
  <si>
    <t>　　　　年　　　月　　　日</t>
    <rPh sb="4" eb="5">
      <t>ネン</t>
    </rPh>
    <rPh sb="8" eb="9">
      <t>ガツ</t>
    </rPh>
    <rPh sb="12" eb="13">
      <t>ニチ</t>
    </rPh>
    <phoneticPr fontId="6"/>
  </si>
  <si>
    <t>注１　就職後６月以上定着者とは、就労移行支援を受けた後、就労し、就労を継続している期間が６月に達した者（就労
　　定着者という。）をいい、前年度の実績を記載すること（就労とは企業等と雇用契約に基づく就労をいい、労働時間
    等労働条件の内容は問わない。ただし、就労継続支援Ａ型事業所の利用者としての移行は除くこと。）。
注２　平成29年10月１日に就職した者は、平成30年３月31日に６月に達した者となることから、平成29年度の実績に含ま
　　れることとなる。
注３　就労定着率区分「なし（経過措置対象）」は、指定を受けてから３年間（就業年限が５年の場合は５年間）を経過
　　していない事業所が選択する。
注４　就労定着者の状況は、別添「就労定着者の状況（就労移行支援に係る基本報酬の算定区分に関する届出書）」を提
　　出すること。
注５　前年度の利用定員は、当該前年度における最終学年の生徒の定員数を記載すること。</t>
    <rPh sb="0" eb="1">
      <t>チュウ</t>
    </rPh>
    <rPh sb="3" eb="6">
      <t>シュウショクゴ</t>
    </rPh>
    <rPh sb="7" eb="8">
      <t>ツキ</t>
    </rPh>
    <rPh sb="8" eb="10">
      <t>イジョウ</t>
    </rPh>
    <rPh sb="10" eb="12">
      <t>テイチャク</t>
    </rPh>
    <rPh sb="12" eb="13">
      <t>シャ</t>
    </rPh>
    <rPh sb="16" eb="18">
      <t>シュウロウ</t>
    </rPh>
    <rPh sb="18" eb="20">
      <t>イコウ</t>
    </rPh>
    <rPh sb="20" eb="22">
      <t>シエン</t>
    </rPh>
    <rPh sb="23" eb="24">
      <t>ウ</t>
    </rPh>
    <rPh sb="26" eb="27">
      <t>アト</t>
    </rPh>
    <rPh sb="28" eb="30">
      <t>シュウロウ</t>
    </rPh>
    <rPh sb="32" eb="34">
      <t>シュウロウ</t>
    </rPh>
    <rPh sb="35" eb="37">
      <t>ケイゾク</t>
    </rPh>
    <rPh sb="41" eb="43">
      <t>キカン</t>
    </rPh>
    <rPh sb="45" eb="46">
      <t>ガツ</t>
    </rPh>
    <rPh sb="47" eb="48">
      <t>タッ</t>
    </rPh>
    <rPh sb="50" eb="51">
      <t>シャ</t>
    </rPh>
    <rPh sb="52" eb="54">
      <t>シュウロウ</t>
    </rPh>
    <rPh sb="57" eb="59">
      <t>テイチャク</t>
    </rPh>
    <rPh sb="59" eb="60">
      <t>シャ</t>
    </rPh>
    <rPh sb="69" eb="72">
      <t>ゼンネンド</t>
    </rPh>
    <rPh sb="73" eb="75">
      <t>ジッセキ</t>
    </rPh>
    <rPh sb="76" eb="78">
      <t>キサイ</t>
    </rPh>
    <rPh sb="162" eb="163">
      <t>チュウ</t>
    </rPh>
    <rPh sb="165" eb="167">
      <t>ヘイセイ</t>
    </rPh>
    <rPh sb="169" eb="170">
      <t>ネン</t>
    </rPh>
    <rPh sb="172" eb="173">
      <t>ガツ</t>
    </rPh>
    <rPh sb="174" eb="175">
      <t>ニチ</t>
    </rPh>
    <rPh sb="176" eb="178">
      <t>シュウショク</t>
    </rPh>
    <rPh sb="180" eb="181">
      <t>シャ</t>
    </rPh>
    <rPh sb="183" eb="185">
      <t>ヘイセイ</t>
    </rPh>
    <rPh sb="187" eb="188">
      <t>ネン</t>
    </rPh>
    <rPh sb="189" eb="190">
      <t>ガツ</t>
    </rPh>
    <rPh sb="192" eb="193">
      <t>ニチ</t>
    </rPh>
    <rPh sb="195" eb="196">
      <t>ツキ</t>
    </rPh>
    <rPh sb="197" eb="198">
      <t>タッ</t>
    </rPh>
    <rPh sb="200" eb="201">
      <t>シャ</t>
    </rPh>
    <rPh sb="209" eb="211">
      <t>ヘイセイ</t>
    </rPh>
    <rPh sb="213" eb="215">
      <t>ネンド</t>
    </rPh>
    <rPh sb="216" eb="218">
      <t>ジッセキ</t>
    </rPh>
    <rPh sb="219" eb="220">
      <t>フク</t>
    </rPh>
    <rPh sb="233" eb="234">
      <t>チュウ</t>
    </rPh>
    <rPh sb="236" eb="238">
      <t>シュウロウ</t>
    </rPh>
    <rPh sb="238" eb="240">
      <t>テイチャク</t>
    </rPh>
    <rPh sb="240" eb="241">
      <t>リツ</t>
    </rPh>
    <rPh sb="241" eb="243">
      <t>クブン</t>
    </rPh>
    <rPh sb="247" eb="249">
      <t>ケイカ</t>
    </rPh>
    <rPh sb="249" eb="251">
      <t>ソチ</t>
    </rPh>
    <rPh sb="251" eb="253">
      <t>タイショウ</t>
    </rPh>
    <rPh sb="257" eb="259">
      <t>シテイ</t>
    </rPh>
    <rPh sb="260" eb="261">
      <t>ウ</t>
    </rPh>
    <rPh sb="266" eb="268">
      <t>ネンカン</t>
    </rPh>
    <rPh sb="269" eb="271">
      <t>シュウギョウ</t>
    </rPh>
    <rPh sb="271" eb="273">
      <t>ネンゲン</t>
    </rPh>
    <rPh sb="275" eb="276">
      <t>ネン</t>
    </rPh>
    <rPh sb="277" eb="279">
      <t>バアイ</t>
    </rPh>
    <rPh sb="281" eb="283">
      <t>ネンカン</t>
    </rPh>
    <rPh sb="285" eb="287">
      <t>ケイカ</t>
    </rPh>
    <rPh sb="299" eb="301">
      <t>センタク</t>
    </rPh>
    <rPh sb="305" eb="306">
      <t>チュウ</t>
    </rPh>
    <rPh sb="308" eb="310">
      <t>シュウロウ</t>
    </rPh>
    <rPh sb="310" eb="312">
      <t>テイチャク</t>
    </rPh>
    <rPh sb="312" eb="313">
      <t>シャ</t>
    </rPh>
    <rPh sb="314" eb="316">
      <t>ジョウキョウ</t>
    </rPh>
    <rPh sb="318" eb="320">
      <t>ベッテン</t>
    </rPh>
    <rPh sb="321" eb="323">
      <t>シュウロウ</t>
    </rPh>
    <rPh sb="323" eb="325">
      <t>テイチャク</t>
    </rPh>
    <rPh sb="325" eb="326">
      <t>シャ</t>
    </rPh>
    <rPh sb="327" eb="329">
      <t>ジョウキョウ</t>
    </rPh>
    <rPh sb="369" eb="370">
      <t>チュウ</t>
    </rPh>
    <rPh sb="372" eb="375">
      <t>ゼンネンド</t>
    </rPh>
    <rPh sb="376" eb="378">
      <t>リヨウ</t>
    </rPh>
    <rPh sb="378" eb="380">
      <t>テイイン</t>
    </rPh>
    <rPh sb="382" eb="384">
      <t>トウガイ</t>
    </rPh>
    <rPh sb="384" eb="387">
      <t>ゼンネンド</t>
    </rPh>
    <rPh sb="391" eb="393">
      <t>サイシュウ</t>
    </rPh>
    <rPh sb="393" eb="395">
      <t>ガクネン</t>
    </rPh>
    <rPh sb="396" eb="398">
      <t>セイト</t>
    </rPh>
    <rPh sb="399" eb="402">
      <t>テイインスウ</t>
    </rPh>
    <rPh sb="403" eb="405">
      <t>キサイ</t>
    </rPh>
    <phoneticPr fontId="6"/>
  </si>
  <si>
    <t>＝</t>
    <phoneticPr fontId="6"/>
  </si>
  <si>
    <t>就労移行支援に係る基本報酬の算定区分に関する届出書
（就労移行支援サービス費（Ⅱ））</t>
    <rPh sb="0" eb="2">
      <t>シュウロウ</t>
    </rPh>
    <rPh sb="2" eb="4">
      <t>イコウ</t>
    </rPh>
    <rPh sb="4" eb="6">
      <t>シエン</t>
    </rPh>
    <rPh sb="7" eb="8">
      <t>カカ</t>
    </rPh>
    <rPh sb="9" eb="11">
      <t>キホン</t>
    </rPh>
    <rPh sb="11" eb="13">
      <t>ホウシュウ</t>
    </rPh>
    <rPh sb="14" eb="16">
      <t>サンテイ</t>
    </rPh>
    <rPh sb="16" eb="18">
      <t>クブン</t>
    </rPh>
    <rPh sb="19" eb="20">
      <t>カン</t>
    </rPh>
    <rPh sb="22" eb="25">
      <t>トドケデショ</t>
    </rPh>
    <rPh sb="27" eb="29">
      <t>シュウロウ</t>
    </rPh>
    <rPh sb="29" eb="31">
      <t>イコウ</t>
    </rPh>
    <rPh sb="31" eb="33">
      <t>シエン</t>
    </rPh>
    <rPh sb="37" eb="38">
      <t>ヒ</t>
    </rPh>
    <phoneticPr fontId="6"/>
  </si>
  <si>
    <t>前年度において
6月に達した日（年月日）</t>
    <rPh sb="0" eb="3">
      <t>ゼンネンド</t>
    </rPh>
    <rPh sb="9" eb="10">
      <t>ゲツ</t>
    </rPh>
    <rPh sb="11" eb="12">
      <t>タッ</t>
    </rPh>
    <rPh sb="14" eb="15">
      <t>ケイジツ</t>
    </rPh>
    <rPh sb="16" eb="19">
      <t>ネンガッピ</t>
    </rPh>
    <phoneticPr fontId="6"/>
  </si>
  <si>
    <t>就労定着者の状況
（就労移行支援（養成）に係る基本報酬の算定区分に関する届出書）</t>
    <rPh sb="0" eb="2">
      <t>シュウロウ</t>
    </rPh>
    <rPh sb="2" eb="4">
      <t>テイチャク</t>
    </rPh>
    <rPh sb="4" eb="5">
      <t>シャ</t>
    </rPh>
    <rPh sb="6" eb="8">
      <t>ジョウキョウ</t>
    </rPh>
    <rPh sb="10" eb="12">
      <t>シュウロウ</t>
    </rPh>
    <rPh sb="12" eb="14">
      <t>イコウ</t>
    </rPh>
    <rPh sb="14" eb="16">
      <t>シエン</t>
    </rPh>
    <rPh sb="17" eb="19">
      <t>ヨウセイ</t>
    </rPh>
    <rPh sb="21" eb="22">
      <t>カカワ</t>
    </rPh>
    <rPh sb="23" eb="25">
      <t>キホン</t>
    </rPh>
    <rPh sb="25" eb="27">
      <t>ホウシュウ</t>
    </rPh>
    <rPh sb="28" eb="30">
      <t>サンテイ</t>
    </rPh>
    <rPh sb="30" eb="32">
      <t>クブン</t>
    </rPh>
    <rPh sb="33" eb="34">
      <t>カン</t>
    </rPh>
    <rPh sb="36" eb="39">
      <t>トドケデショ</t>
    </rPh>
    <phoneticPr fontId="6"/>
  </si>
  <si>
    <t>41の２</t>
    <phoneticPr fontId="6"/>
  </si>
  <si>
    <t>注１　厚生労働大臣が定める事項及び評価方法（令和３年厚生労働省告示第88号）に基づき評価点を算出すること。
　　なお、別添「就労継続支援Ａ型事業所におけるスコア表（全体）」も併せて提出すること。
注２　評価点区分「なし（経過措置対象）」は、指定を受けてから１年度間を経過していない事業所が選択する。
注３　評価点の公表については、インターネットを利用した公表方法の場合は、公表場所と当該公表場所のURL等を、
　　その他の方法による場合は、その公表方法を記載すること。
　　　なお、公表していない場合は、減算となるので留意すること。</t>
    <rPh sb="0" eb="1">
      <t>チュウ</t>
    </rPh>
    <rPh sb="3" eb="5">
      <t>コウセイ</t>
    </rPh>
    <rPh sb="5" eb="7">
      <t>ロウドウ</t>
    </rPh>
    <rPh sb="7" eb="9">
      <t>ダイジン</t>
    </rPh>
    <rPh sb="10" eb="11">
      <t>サダ</t>
    </rPh>
    <rPh sb="13" eb="15">
      <t>ジコウ</t>
    </rPh>
    <rPh sb="15" eb="16">
      <t>オヨ</t>
    </rPh>
    <rPh sb="17" eb="19">
      <t>ヒョウカ</t>
    </rPh>
    <rPh sb="19" eb="21">
      <t>ホウホウ</t>
    </rPh>
    <rPh sb="22" eb="24">
      <t>レイワ</t>
    </rPh>
    <rPh sb="25" eb="26">
      <t>ネン</t>
    </rPh>
    <rPh sb="26" eb="28">
      <t>コウセイ</t>
    </rPh>
    <rPh sb="28" eb="31">
      <t>ロウドウショウ</t>
    </rPh>
    <rPh sb="31" eb="33">
      <t>コクジ</t>
    </rPh>
    <rPh sb="33" eb="34">
      <t>ダイ</t>
    </rPh>
    <rPh sb="36" eb="37">
      <t>ゴウ</t>
    </rPh>
    <rPh sb="39" eb="40">
      <t>モト</t>
    </rPh>
    <rPh sb="42" eb="45">
      <t>ヒョウカテン</t>
    </rPh>
    <rPh sb="46" eb="48">
      <t>サンシュツ</t>
    </rPh>
    <rPh sb="59" eb="61">
      <t>ベッテン</t>
    </rPh>
    <rPh sb="87" eb="88">
      <t>アワ</t>
    </rPh>
    <rPh sb="90" eb="92">
      <t>テイシュツ</t>
    </rPh>
    <rPh sb="98" eb="99">
      <t>チュウ</t>
    </rPh>
    <rPh sb="101" eb="104">
      <t>ヒョウカテン</t>
    </rPh>
    <rPh sb="104" eb="106">
      <t>クブン</t>
    </rPh>
    <rPh sb="110" eb="112">
      <t>ケイカ</t>
    </rPh>
    <rPh sb="112" eb="114">
      <t>ソチ</t>
    </rPh>
    <rPh sb="114" eb="116">
      <t>タイショウ</t>
    </rPh>
    <rPh sb="120" eb="122">
      <t>シテイ</t>
    </rPh>
    <rPh sb="123" eb="124">
      <t>ウ</t>
    </rPh>
    <rPh sb="133" eb="135">
      <t>ケイカ</t>
    </rPh>
    <rPh sb="140" eb="143">
      <t>ジギョウショ</t>
    </rPh>
    <rPh sb="144" eb="146">
      <t>センタク</t>
    </rPh>
    <rPh sb="150" eb="151">
      <t>チュウ</t>
    </rPh>
    <rPh sb="153" eb="156">
      <t>ヒョウカテン</t>
    </rPh>
    <rPh sb="157" eb="159">
      <t>コウヒョウ</t>
    </rPh>
    <rPh sb="173" eb="175">
      <t>リヨウ</t>
    </rPh>
    <rPh sb="177" eb="179">
      <t>コウヒョウ</t>
    </rPh>
    <rPh sb="179" eb="181">
      <t>ホウホウ</t>
    </rPh>
    <rPh sb="182" eb="184">
      <t>バアイ</t>
    </rPh>
    <rPh sb="201" eb="202">
      <t>トウ</t>
    </rPh>
    <rPh sb="209" eb="210">
      <t>タ</t>
    </rPh>
    <rPh sb="211" eb="213">
      <t>ホウホウ</t>
    </rPh>
    <rPh sb="216" eb="218">
      <t>バアイ</t>
    </rPh>
    <rPh sb="222" eb="224">
      <t>コウヒョウ</t>
    </rPh>
    <rPh sb="224" eb="226">
      <t>ホウホウ</t>
    </rPh>
    <rPh sb="227" eb="229">
      <t>キサイ</t>
    </rPh>
    <rPh sb="241" eb="243">
      <t>コウヒョウ</t>
    </rPh>
    <rPh sb="248" eb="250">
      <t>バアイ</t>
    </rPh>
    <rPh sb="252" eb="254">
      <t>ゲンサン</t>
    </rPh>
    <rPh sb="259" eb="261">
      <t>リュウイ</t>
    </rPh>
    <phoneticPr fontId="6"/>
  </si>
  <si>
    <t>（ＵＲＬ）</t>
    <phoneticPr fontId="6"/>
  </si>
  <si>
    <t>（公表場所）</t>
    <rPh sb="1" eb="3">
      <t>コウヒョウ</t>
    </rPh>
    <rPh sb="3" eb="5">
      <t>バショ</t>
    </rPh>
    <phoneticPr fontId="6"/>
  </si>
  <si>
    <t>インターネット利用</t>
    <rPh sb="7" eb="9">
      <t>リヨウ</t>
    </rPh>
    <phoneticPr fontId="6"/>
  </si>
  <si>
    <t>評価点の公表</t>
    <rPh sb="0" eb="3">
      <t>ヒョウカテン</t>
    </rPh>
    <rPh sb="4" eb="6">
      <t>コウヒョウ</t>
    </rPh>
    <phoneticPr fontId="6"/>
  </si>
  <si>
    <t>評価点が60点未満</t>
    <rPh sb="0" eb="3">
      <t>ヒョウカテン</t>
    </rPh>
    <rPh sb="6" eb="7">
      <t>テン</t>
    </rPh>
    <rPh sb="7" eb="9">
      <t>ミマン</t>
    </rPh>
    <phoneticPr fontId="6"/>
  </si>
  <si>
    <t>評価点が60点以上80点未満</t>
    <rPh sb="0" eb="3">
      <t>ヒョウカテン</t>
    </rPh>
    <rPh sb="6" eb="7">
      <t>テン</t>
    </rPh>
    <rPh sb="7" eb="9">
      <t>イジョウ</t>
    </rPh>
    <rPh sb="11" eb="12">
      <t>テン</t>
    </rPh>
    <rPh sb="12" eb="14">
      <t>ミマン</t>
    </rPh>
    <phoneticPr fontId="6"/>
  </si>
  <si>
    <t>評価点が80点以上105点未満</t>
    <rPh sb="0" eb="3">
      <t>ヒョウカテン</t>
    </rPh>
    <rPh sb="6" eb="7">
      <t>テン</t>
    </rPh>
    <rPh sb="7" eb="9">
      <t>イジョウ</t>
    </rPh>
    <rPh sb="12" eb="13">
      <t>テン</t>
    </rPh>
    <rPh sb="13" eb="15">
      <t>ミマン</t>
    </rPh>
    <phoneticPr fontId="6"/>
  </si>
  <si>
    <t>評価点が105点以上130点未満</t>
    <rPh sb="0" eb="3">
      <t>ヒョウカテン</t>
    </rPh>
    <rPh sb="7" eb="8">
      <t>テン</t>
    </rPh>
    <rPh sb="8" eb="10">
      <t>イジョウ</t>
    </rPh>
    <rPh sb="13" eb="14">
      <t>テン</t>
    </rPh>
    <rPh sb="14" eb="16">
      <t>ミマン</t>
    </rPh>
    <phoneticPr fontId="6"/>
  </si>
  <si>
    <t>評価点が130点以上150点未満</t>
    <rPh sb="0" eb="3">
      <t>ヒョウカテン</t>
    </rPh>
    <rPh sb="7" eb="8">
      <t>テン</t>
    </rPh>
    <rPh sb="8" eb="10">
      <t>イジョウ</t>
    </rPh>
    <rPh sb="13" eb="14">
      <t>テン</t>
    </rPh>
    <rPh sb="14" eb="16">
      <t>ミマン</t>
    </rPh>
    <phoneticPr fontId="6"/>
  </si>
  <si>
    <t>評価点が150点以上170点未満</t>
    <rPh sb="0" eb="3">
      <t>ヒョウカテン</t>
    </rPh>
    <rPh sb="7" eb="8">
      <t>テン</t>
    </rPh>
    <rPh sb="8" eb="10">
      <t>イジョウ</t>
    </rPh>
    <rPh sb="13" eb="14">
      <t>テン</t>
    </rPh>
    <rPh sb="14" eb="16">
      <t>ミマン</t>
    </rPh>
    <phoneticPr fontId="6"/>
  </si>
  <si>
    <t>評価点が170点以上</t>
    <rPh sb="0" eb="3">
      <t>ヒョウカテン</t>
    </rPh>
    <rPh sb="7" eb="8">
      <t>テン</t>
    </rPh>
    <rPh sb="8" eb="10">
      <t>イジョウ</t>
    </rPh>
    <phoneticPr fontId="6"/>
  </si>
  <si>
    <t>評価点区分</t>
    <rPh sb="0" eb="3">
      <t>ヒョウカテン</t>
    </rPh>
    <rPh sb="3" eb="5">
      <t>クブン</t>
    </rPh>
    <phoneticPr fontId="6"/>
  </si>
  <si>
    <t>　</t>
  </si>
  <si>
    <t>日</t>
    <rPh sb="0" eb="1">
      <t>ニチ</t>
    </rPh>
    <phoneticPr fontId="6"/>
  </si>
  <si>
    <t>注１　就労定着者とは、就労継続支援Ａ型等を受けた後、就労し、当該年度の前年度において就労継続している期
　　間が6月に達した者（就労定着者という。）をいう。なお、就労とは企業等との雇用契約に基づく就労をいい、
　　労働時間等労働条件の内容は問わない。ただし、他の就労継続支援Ａ型事業所の利用者として移行は除く。
注２　届出時点の継続状況には、就労が継続している場合には「継続」、離職している場合には「離職」と記入。
注３　加算単位数は前年度の就労定着者の数に当該年度の利用定員及び基本報酬の算定区分に応じた所定単位数を
　　乗じて得た単位数を加算することとなる。
注４　行が足りない場合は適宜追加して記載。</t>
    <rPh sb="0" eb="1">
      <t>チュウ</t>
    </rPh>
    <rPh sb="3" eb="5">
      <t>シュウロウ</t>
    </rPh>
    <rPh sb="5" eb="7">
      <t>テイチャク</t>
    </rPh>
    <rPh sb="7" eb="8">
      <t>シャ</t>
    </rPh>
    <rPh sb="11" eb="13">
      <t>シュウロウ</t>
    </rPh>
    <rPh sb="13" eb="15">
      <t>ケイゾク</t>
    </rPh>
    <rPh sb="15" eb="17">
      <t>シエン</t>
    </rPh>
    <rPh sb="18" eb="19">
      <t>ガタ</t>
    </rPh>
    <rPh sb="19" eb="20">
      <t>トウ</t>
    </rPh>
    <rPh sb="21" eb="22">
      <t>ウ</t>
    </rPh>
    <rPh sb="24" eb="25">
      <t>アト</t>
    </rPh>
    <rPh sb="26" eb="28">
      <t>シュウロウ</t>
    </rPh>
    <rPh sb="30" eb="32">
      <t>トウガイ</t>
    </rPh>
    <rPh sb="32" eb="34">
      <t>ネンド</t>
    </rPh>
    <rPh sb="35" eb="38">
      <t>ゼンネンド</t>
    </rPh>
    <rPh sb="42" eb="44">
      <t>シュウロウ</t>
    </rPh>
    <rPh sb="44" eb="46">
      <t>ケイゾク</t>
    </rPh>
    <rPh sb="57" eb="58">
      <t>ツキ</t>
    </rPh>
    <rPh sb="59" eb="60">
      <t>タッ</t>
    </rPh>
    <rPh sb="62" eb="63">
      <t>シャ</t>
    </rPh>
    <rPh sb="64" eb="66">
      <t>シュウロウ</t>
    </rPh>
    <rPh sb="66" eb="68">
      <t>テイチャク</t>
    </rPh>
    <rPh sb="68" eb="69">
      <t>シャ</t>
    </rPh>
    <rPh sb="81" eb="83">
      <t>シュウロウ</t>
    </rPh>
    <rPh sb="85" eb="87">
      <t>キギョウ</t>
    </rPh>
    <rPh sb="87" eb="88">
      <t>トウ</t>
    </rPh>
    <rPh sb="129" eb="130">
      <t>タ</t>
    </rPh>
    <rPh sb="131" eb="133">
      <t>シュウロウ</t>
    </rPh>
    <rPh sb="135" eb="137">
      <t>シエン</t>
    </rPh>
    <rPh sb="138" eb="139">
      <t>ガタ</t>
    </rPh>
    <rPh sb="139" eb="142">
      <t>ジギョウショ</t>
    </rPh>
    <rPh sb="143" eb="146">
      <t>リヨウシャ</t>
    </rPh>
    <rPh sb="149" eb="151">
      <t>イコウ</t>
    </rPh>
    <rPh sb="152" eb="153">
      <t>ノゾ</t>
    </rPh>
    <rPh sb="156" eb="157">
      <t>チュウ</t>
    </rPh>
    <rPh sb="159" eb="161">
      <t>トドケデ</t>
    </rPh>
    <rPh sb="161" eb="163">
      <t>ジテン</t>
    </rPh>
    <rPh sb="164" eb="166">
      <t>ケイゾク</t>
    </rPh>
    <rPh sb="166" eb="168">
      <t>ジョウキョウ</t>
    </rPh>
    <rPh sb="171" eb="173">
      <t>シュウロウ</t>
    </rPh>
    <rPh sb="174" eb="176">
      <t>ケイゾク</t>
    </rPh>
    <rPh sb="180" eb="182">
      <t>バアイ</t>
    </rPh>
    <rPh sb="185" eb="187">
      <t>ケイゾク</t>
    </rPh>
    <rPh sb="189" eb="191">
      <t>リショク</t>
    </rPh>
    <rPh sb="195" eb="197">
      <t>バアイ</t>
    </rPh>
    <rPh sb="200" eb="202">
      <t>リショク</t>
    </rPh>
    <rPh sb="204" eb="206">
      <t>キニュウ</t>
    </rPh>
    <rPh sb="208" eb="209">
      <t>チュウ</t>
    </rPh>
    <rPh sb="211" eb="213">
      <t>カサン</t>
    </rPh>
    <rPh sb="213" eb="215">
      <t>タンイ</t>
    </rPh>
    <rPh sb="215" eb="216">
      <t>スウ</t>
    </rPh>
    <rPh sb="217" eb="220">
      <t>ゼンネンド</t>
    </rPh>
    <rPh sb="221" eb="223">
      <t>シュウロウ</t>
    </rPh>
    <rPh sb="223" eb="225">
      <t>テイチャク</t>
    </rPh>
    <rPh sb="225" eb="226">
      <t>シャ</t>
    </rPh>
    <rPh sb="227" eb="228">
      <t>カズ</t>
    </rPh>
    <rPh sb="229" eb="231">
      <t>トウガイ</t>
    </rPh>
    <rPh sb="231" eb="233">
      <t>ネンド</t>
    </rPh>
    <rPh sb="234" eb="236">
      <t>リヨウ</t>
    </rPh>
    <rPh sb="236" eb="238">
      <t>テイイン</t>
    </rPh>
    <rPh sb="238" eb="239">
      <t>オヨ</t>
    </rPh>
    <rPh sb="240" eb="242">
      <t>キホン</t>
    </rPh>
    <rPh sb="242" eb="244">
      <t>ホウシュウ</t>
    </rPh>
    <rPh sb="245" eb="247">
      <t>サンテイ</t>
    </rPh>
    <rPh sb="247" eb="249">
      <t>クブン</t>
    </rPh>
    <rPh sb="250" eb="251">
      <t>オウ</t>
    </rPh>
    <rPh sb="253" eb="255">
      <t>ショテイ</t>
    </rPh>
    <rPh sb="255" eb="258">
      <t>タンイスウ</t>
    </rPh>
    <rPh sb="262" eb="263">
      <t>ジョウ</t>
    </rPh>
    <rPh sb="265" eb="266">
      <t>エ</t>
    </rPh>
    <rPh sb="267" eb="270">
      <t>タンイスウ</t>
    </rPh>
    <rPh sb="271" eb="273">
      <t>カサン</t>
    </rPh>
    <rPh sb="282" eb="283">
      <t>チュウ</t>
    </rPh>
    <rPh sb="285" eb="286">
      <t>ギョウ</t>
    </rPh>
    <rPh sb="287" eb="288">
      <t>タ</t>
    </rPh>
    <rPh sb="291" eb="293">
      <t>バアイ</t>
    </rPh>
    <rPh sb="294" eb="296">
      <t>テキギ</t>
    </rPh>
    <rPh sb="296" eb="298">
      <t>ツイカ</t>
    </rPh>
    <rPh sb="300" eb="302">
      <t>キサイ</t>
    </rPh>
    <phoneticPr fontId="6"/>
  </si>
  <si>
    <t>前年度において6月に達した日（年月日）</t>
    <rPh sb="0" eb="3">
      <t>ゼンネンド</t>
    </rPh>
    <rPh sb="8" eb="9">
      <t>ゲツ</t>
    </rPh>
    <rPh sb="10" eb="11">
      <t>タッ</t>
    </rPh>
    <rPh sb="13" eb="14">
      <t>ケイジツ</t>
    </rPh>
    <rPh sb="15" eb="18">
      <t>ネンガッピ</t>
    </rPh>
    <phoneticPr fontId="6"/>
  </si>
  <si>
    <t>基本報酬の算定区分</t>
    <rPh sb="0" eb="2">
      <t>キホン</t>
    </rPh>
    <rPh sb="2" eb="4">
      <t>ホウシュウ</t>
    </rPh>
    <rPh sb="5" eb="7">
      <t>サンテイ</t>
    </rPh>
    <rPh sb="7" eb="9">
      <t>クブン</t>
    </rPh>
    <phoneticPr fontId="6"/>
  </si>
  <si>
    <t>有　　　　　　　　・　　　　　　　　無</t>
    <rPh sb="0" eb="1">
      <t>アリ</t>
    </rPh>
    <rPh sb="18" eb="19">
      <t>ナ</t>
    </rPh>
    <phoneticPr fontId="6"/>
  </si>
  <si>
    <t>ピアサポーターの配置</t>
    <rPh sb="8" eb="10">
      <t>ハイチ</t>
    </rPh>
    <phoneticPr fontId="6"/>
  </si>
  <si>
    <t>2万円以上2万5千円未満</t>
    <rPh sb="1" eb="2">
      <t>マン</t>
    </rPh>
    <rPh sb="2" eb="3">
      <t>エン</t>
    </rPh>
    <rPh sb="3" eb="5">
      <t>イジョウ</t>
    </rPh>
    <rPh sb="6" eb="7">
      <t>マン</t>
    </rPh>
    <rPh sb="8" eb="9">
      <t>セン</t>
    </rPh>
    <rPh sb="9" eb="10">
      <t>エン</t>
    </rPh>
    <rPh sb="10" eb="12">
      <t>ミマン</t>
    </rPh>
    <phoneticPr fontId="6"/>
  </si>
  <si>
    <t>2万5千円以上3万円未満</t>
    <rPh sb="1" eb="2">
      <t>マン</t>
    </rPh>
    <rPh sb="3" eb="4">
      <t>セン</t>
    </rPh>
    <rPh sb="4" eb="5">
      <t>エン</t>
    </rPh>
    <rPh sb="5" eb="7">
      <t>イジョウ</t>
    </rPh>
    <rPh sb="8" eb="9">
      <t>マン</t>
    </rPh>
    <rPh sb="9" eb="10">
      <t>エン</t>
    </rPh>
    <rPh sb="10" eb="12">
      <t>ミマン</t>
    </rPh>
    <phoneticPr fontId="6"/>
  </si>
  <si>
    <t>1万円未満</t>
    <rPh sb="2" eb="3">
      <t>エン</t>
    </rPh>
    <rPh sb="3" eb="5">
      <t>ミマン</t>
    </rPh>
    <phoneticPr fontId="6"/>
  </si>
  <si>
    <t>3万円以上3万5千円未満</t>
    <rPh sb="1" eb="2">
      <t>マン</t>
    </rPh>
    <rPh sb="2" eb="3">
      <t>エン</t>
    </rPh>
    <rPh sb="3" eb="5">
      <t>イジョウ</t>
    </rPh>
    <rPh sb="6" eb="7">
      <t>マン</t>
    </rPh>
    <rPh sb="8" eb="9">
      <t>セン</t>
    </rPh>
    <rPh sb="9" eb="10">
      <t>エン</t>
    </rPh>
    <rPh sb="10" eb="12">
      <t>ミマン</t>
    </rPh>
    <phoneticPr fontId="6"/>
  </si>
  <si>
    <t>1万円以上1万5千円未満</t>
    <rPh sb="1" eb="2">
      <t>マン</t>
    </rPh>
    <rPh sb="2" eb="3">
      <t>エン</t>
    </rPh>
    <rPh sb="3" eb="5">
      <t>イジョウ</t>
    </rPh>
    <rPh sb="6" eb="7">
      <t>マン</t>
    </rPh>
    <rPh sb="8" eb="9">
      <t>セン</t>
    </rPh>
    <rPh sb="9" eb="10">
      <t>エン</t>
    </rPh>
    <rPh sb="10" eb="12">
      <t>ミマン</t>
    </rPh>
    <phoneticPr fontId="6"/>
  </si>
  <si>
    <t>3万5千円以上4万5千円未満</t>
    <rPh sb="1" eb="2">
      <t>マン</t>
    </rPh>
    <rPh sb="3" eb="4">
      <t>セン</t>
    </rPh>
    <rPh sb="4" eb="5">
      <t>エン</t>
    </rPh>
    <rPh sb="5" eb="7">
      <t>イジョウ</t>
    </rPh>
    <rPh sb="8" eb="9">
      <t>マン</t>
    </rPh>
    <rPh sb="10" eb="11">
      <t>セン</t>
    </rPh>
    <rPh sb="11" eb="12">
      <t>エン</t>
    </rPh>
    <rPh sb="12" eb="14">
      <t>ミマン</t>
    </rPh>
    <phoneticPr fontId="6"/>
  </si>
  <si>
    <t>1万5千円以上2万円未満</t>
    <rPh sb="1" eb="2">
      <t>マン</t>
    </rPh>
    <rPh sb="3" eb="4">
      <t>セン</t>
    </rPh>
    <rPh sb="4" eb="5">
      <t>エン</t>
    </rPh>
    <rPh sb="5" eb="7">
      <t>イジョウ</t>
    </rPh>
    <rPh sb="8" eb="9">
      <t>マン</t>
    </rPh>
    <rPh sb="9" eb="10">
      <t>エン</t>
    </rPh>
    <rPh sb="10" eb="12">
      <t>ミマン</t>
    </rPh>
    <phoneticPr fontId="6"/>
  </si>
  <si>
    <t>4万5千円以上</t>
    <rPh sb="1" eb="2">
      <t>マン</t>
    </rPh>
    <rPh sb="3" eb="7">
      <t>センエンイジョウ</t>
    </rPh>
    <phoneticPr fontId="6"/>
  </si>
  <si>
    <t>　年　　月　　日</t>
    <rPh sb="1" eb="2">
      <t>ネン</t>
    </rPh>
    <rPh sb="4" eb="5">
      <t>ガツ</t>
    </rPh>
    <rPh sb="7" eb="8">
      <t>ニチ</t>
    </rPh>
    <phoneticPr fontId="6"/>
  </si>
  <si>
    <t>修了した研修の名称</t>
    <rPh sb="0" eb="2">
      <t>シュウリョウ</t>
    </rPh>
    <rPh sb="4" eb="6">
      <t>ケンシュウ</t>
    </rPh>
    <rPh sb="7" eb="9">
      <t>メイショウ</t>
    </rPh>
    <phoneticPr fontId="6"/>
  </si>
  <si>
    <t>＜その他の職員＞</t>
    <rPh sb="3" eb="4">
      <t>タ</t>
    </rPh>
    <rPh sb="5" eb="7">
      <t>ショクイン</t>
    </rPh>
    <phoneticPr fontId="6"/>
  </si>
  <si>
    <t>就労定着率が３割未満</t>
    <rPh sb="0" eb="2">
      <t>シュウロウ</t>
    </rPh>
    <rPh sb="2" eb="4">
      <t>テイチャク</t>
    </rPh>
    <rPh sb="4" eb="5">
      <t>リツ</t>
    </rPh>
    <rPh sb="7" eb="8">
      <t>ワリ</t>
    </rPh>
    <rPh sb="8" eb="10">
      <t>ミマン</t>
    </rPh>
    <phoneticPr fontId="6"/>
  </si>
  <si>
    <t>就労定着率が９割以上９割５分未満</t>
    <rPh sb="0" eb="2">
      <t>シュウロウ</t>
    </rPh>
    <rPh sb="2" eb="4">
      <t>テイチャク</t>
    </rPh>
    <rPh sb="4" eb="5">
      <t>リツ</t>
    </rPh>
    <rPh sb="7" eb="8">
      <t>ワリ</t>
    </rPh>
    <rPh sb="8" eb="10">
      <t>イジョウ</t>
    </rPh>
    <rPh sb="11" eb="12">
      <t>ワリ</t>
    </rPh>
    <rPh sb="13" eb="14">
      <t>ブ</t>
    </rPh>
    <rPh sb="14" eb="16">
      <t>ミマン</t>
    </rPh>
    <phoneticPr fontId="6"/>
  </si>
  <si>
    <t>就労定着率が９割５分以上</t>
    <rPh sb="0" eb="2">
      <t>シュウロウ</t>
    </rPh>
    <rPh sb="2" eb="4">
      <t>テイチャク</t>
    </rPh>
    <rPh sb="4" eb="5">
      <t>リツ</t>
    </rPh>
    <rPh sb="7" eb="8">
      <t>ワリ</t>
    </rPh>
    <rPh sb="9" eb="10">
      <t>ブ</t>
    </rPh>
    <rPh sb="10" eb="12">
      <t>イジョウ</t>
    </rPh>
    <phoneticPr fontId="6"/>
  </si>
  <si>
    <t>就労定着支援の利用開始日（年月日）</t>
    <rPh sb="0" eb="2">
      <t>シュウロウ</t>
    </rPh>
    <rPh sb="2" eb="4">
      <t>テイチャク</t>
    </rPh>
    <rPh sb="4" eb="6">
      <t>シエン</t>
    </rPh>
    <rPh sb="7" eb="9">
      <t>リヨウ</t>
    </rPh>
    <rPh sb="9" eb="12">
      <t>カイシビ</t>
    </rPh>
    <rPh sb="13" eb="16">
      <t>ネンガッピ</t>
    </rPh>
    <phoneticPr fontId="6"/>
  </si>
  <si>
    <t>就労定着支援の
終了日（年月日）</t>
    <rPh sb="8" eb="11">
      <t>シュウリョウビ</t>
    </rPh>
    <rPh sb="12" eb="15">
      <t>ネンガッピ</t>
    </rPh>
    <phoneticPr fontId="6"/>
  </si>
  <si>
    <t>①</t>
    <phoneticPr fontId="6"/>
  </si>
  <si>
    <t>平成　　　　年　　　月　　　日</t>
    <rPh sb="0" eb="2">
      <t>ヘイセイ</t>
    </rPh>
    <rPh sb="6" eb="7">
      <t>ネン</t>
    </rPh>
    <rPh sb="10" eb="11">
      <t>ガツ</t>
    </rPh>
    <rPh sb="14" eb="15">
      <t>ニチ</t>
    </rPh>
    <phoneticPr fontId="6"/>
  </si>
  <si>
    <t>ピアサポート体制加算に関する届出書</t>
    <rPh sb="6" eb="8">
      <t>タイセイ</t>
    </rPh>
    <rPh sb="8" eb="10">
      <t>カサン</t>
    </rPh>
    <rPh sb="11" eb="12">
      <t>カン</t>
    </rPh>
    <rPh sb="14" eb="16">
      <t>トドケデ</t>
    </rPh>
    <rPh sb="16" eb="17">
      <t>ショ</t>
    </rPh>
    <phoneticPr fontId="6"/>
  </si>
  <si>
    <t>加算別紙６７</t>
    <rPh sb="0" eb="2">
      <t>カサン</t>
    </rPh>
    <rPh sb="2" eb="4">
      <t>ベッシ</t>
    </rPh>
    <phoneticPr fontId="6"/>
  </si>
  <si>
    <t>注10　夜間支援等体制加算（Ⅳ）・（Ⅴ）・（Ⅵ）の３については、当該従事者の事業所への配置時間帯を記載してください。</t>
    <rPh sb="0" eb="1">
      <t>チュウ</t>
    </rPh>
    <rPh sb="32" eb="34">
      <t>トウガイ</t>
    </rPh>
    <rPh sb="34" eb="37">
      <t>ジュウジシャ</t>
    </rPh>
    <rPh sb="38" eb="41">
      <t>ジギョウショ</t>
    </rPh>
    <rPh sb="43" eb="45">
      <t>ハイチ</t>
    </rPh>
    <rPh sb="45" eb="48">
      <t>ジカンタイ</t>
    </rPh>
    <rPh sb="49" eb="51">
      <t>キサイ</t>
    </rPh>
    <phoneticPr fontId="6"/>
  </si>
  <si>
    <t>注９　夜間支援等体制加算（Ⅳ）・（Ⅴ）・（Ⅵ）の２については、当該従事者が巡回等をしていない時間帯の主たる滞在場所を記載してください。</t>
    <rPh sb="0" eb="1">
      <t>チュウ</t>
    </rPh>
    <rPh sb="31" eb="33">
      <t>トウガイ</t>
    </rPh>
    <rPh sb="33" eb="36">
      <t>ジュウジシャ</t>
    </rPh>
    <rPh sb="37" eb="39">
      <t>ジュンカイ</t>
    </rPh>
    <rPh sb="39" eb="40">
      <t>トウ</t>
    </rPh>
    <rPh sb="46" eb="49">
      <t>ジカンタイ</t>
    </rPh>
    <rPh sb="50" eb="51">
      <t>シュ</t>
    </rPh>
    <rPh sb="53" eb="55">
      <t>タイザイ</t>
    </rPh>
    <rPh sb="55" eb="57">
      <t>バショ</t>
    </rPh>
    <rPh sb="58" eb="60">
      <t>キサイ</t>
    </rPh>
    <phoneticPr fontId="6"/>
  </si>
  <si>
    <t>注８　夜間支援等体制加算（Ⅳ）・（Ⅴ）・（Ⅵ）の１については、当該従事者が支援体制を確保する住居名と滞在時間、夜間支援等体制加算の種類を記載してください。</t>
    <rPh sb="0" eb="1">
      <t>チュウ</t>
    </rPh>
    <rPh sb="31" eb="33">
      <t>トウガイ</t>
    </rPh>
    <rPh sb="33" eb="36">
      <t>ジュウジシャ</t>
    </rPh>
    <rPh sb="37" eb="39">
      <t>シエン</t>
    </rPh>
    <rPh sb="39" eb="41">
      <t>タイセイ</t>
    </rPh>
    <rPh sb="42" eb="44">
      <t>カクホ</t>
    </rPh>
    <rPh sb="46" eb="48">
      <t>ジュウキョ</t>
    </rPh>
    <rPh sb="48" eb="49">
      <t>メイ</t>
    </rPh>
    <rPh sb="50" eb="52">
      <t>タイザイ</t>
    </rPh>
    <rPh sb="52" eb="54">
      <t>ジカン</t>
    </rPh>
    <rPh sb="55" eb="57">
      <t>ヤカン</t>
    </rPh>
    <rPh sb="57" eb="59">
      <t>シエン</t>
    </rPh>
    <rPh sb="59" eb="60">
      <t>トウ</t>
    </rPh>
    <rPh sb="60" eb="62">
      <t>タイセイ</t>
    </rPh>
    <rPh sb="62" eb="64">
      <t>カサン</t>
    </rPh>
    <rPh sb="65" eb="67">
      <t>シュルイ</t>
    </rPh>
    <rPh sb="68" eb="70">
      <t>キサイ</t>
    </rPh>
    <phoneticPr fontId="6"/>
  </si>
  <si>
    <r>
      <t>注</t>
    </r>
    <r>
      <rPr>
        <sz val="10"/>
        <color indexed="8"/>
        <rFont val="ＭＳ Ｐゴシック"/>
        <family val="3"/>
        <charset val="128"/>
      </rPr>
      <t>５　夜間支援等体制加算（Ⅰ）・（Ⅱ）の６の「夜間支援体制を確保している夜間及び深夜の時間帯」欄について、共同生活住居ごとに時間帯が異なる場合は、共同生活住居ごとに記載してください。</t>
    </r>
    <rPh sb="53" eb="55">
      <t>キョウドウ</t>
    </rPh>
    <rPh sb="55" eb="57">
      <t>セイカツ</t>
    </rPh>
    <rPh sb="57" eb="59">
      <t>ジュウキョ</t>
    </rPh>
    <rPh sb="69" eb="71">
      <t>バアイ</t>
    </rPh>
    <rPh sb="73" eb="75">
      <t>キョウドウ</t>
    </rPh>
    <rPh sb="75" eb="77">
      <t>セイカツ</t>
    </rPh>
    <rPh sb="77" eb="79">
      <t>ジュウキョ</t>
    </rPh>
    <rPh sb="82" eb="84">
      <t>キサイ</t>
    </rPh>
    <phoneticPr fontId="6"/>
  </si>
  <si>
    <r>
      <t>注４　夜間支援等体制加算（Ⅰ）・（Ⅱ）</t>
    </r>
    <r>
      <rPr>
        <sz val="10"/>
        <color indexed="8"/>
        <rFont val="ＭＳ Ｐゴシック"/>
        <family val="3"/>
        <charset val="128"/>
      </rPr>
      <t>の３の「夜間支援従事者を配置している場所」欄について、１人の夜間支援従事者が複数の住居で支援を行う場合は、当該従事者の主たる配置場所を記入してください。</t>
    </r>
    <rPh sb="23" eb="25">
      <t>ヤカン</t>
    </rPh>
    <rPh sb="25" eb="27">
      <t>シエン</t>
    </rPh>
    <rPh sb="27" eb="30">
      <t>ジュウジシャ</t>
    </rPh>
    <rPh sb="31" eb="33">
      <t>ハイチ</t>
    </rPh>
    <rPh sb="37" eb="39">
      <t>バショ</t>
    </rPh>
    <rPh sb="47" eb="48">
      <t>ニン</t>
    </rPh>
    <rPh sb="49" eb="51">
      <t>ヤカン</t>
    </rPh>
    <rPh sb="51" eb="53">
      <t>シエン</t>
    </rPh>
    <rPh sb="53" eb="56">
      <t>ジュウジシャ</t>
    </rPh>
    <rPh sb="57" eb="59">
      <t>フクスウ</t>
    </rPh>
    <rPh sb="60" eb="62">
      <t>ジュウキョ</t>
    </rPh>
    <rPh sb="63" eb="65">
      <t>シエン</t>
    </rPh>
    <rPh sb="66" eb="67">
      <t>オコナ</t>
    </rPh>
    <rPh sb="68" eb="70">
      <t>バアイ</t>
    </rPh>
    <rPh sb="72" eb="74">
      <t>トウガイ</t>
    </rPh>
    <rPh sb="74" eb="77">
      <t>ジュウジシャ</t>
    </rPh>
    <rPh sb="78" eb="79">
      <t>シュ</t>
    </rPh>
    <rPh sb="81" eb="83">
      <t>ハイチ</t>
    </rPh>
    <rPh sb="83" eb="85">
      <t>バショ</t>
    </rPh>
    <rPh sb="86" eb="88">
      <t>キニュウ</t>
    </rPh>
    <phoneticPr fontId="6"/>
  </si>
  <si>
    <r>
      <t>注</t>
    </r>
    <r>
      <rPr>
        <sz val="10"/>
        <color indexed="8"/>
        <rFont val="ＭＳ Ｐゴシック"/>
        <family val="3"/>
        <charset val="128"/>
      </rPr>
      <t>３　夜間支援等体制加算（Ⅰ）・（Ⅱ）の２の「夜間支援の対象者数（人）」欄には、当該共同生活住居における前年度の平均利用者数（新設の場合は推定数）を記入してください。また、前年度の平均利用者数の算定に当たって小数点以下の端数が生じる場合は、小数点第１位を四捨五入してください。</t>
    </r>
    <rPh sb="33" eb="34">
      <t>ニン</t>
    </rPh>
    <rPh sb="40" eb="42">
      <t>トウガイ</t>
    </rPh>
    <rPh sb="42" eb="44">
      <t>キョウドウ</t>
    </rPh>
    <rPh sb="44" eb="46">
      <t>セイカツ</t>
    </rPh>
    <rPh sb="46" eb="48">
      <t>ジュウキョ</t>
    </rPh>
    <rPh sb="69" eb="72">
      <t>スイテイスウ</t>
    </rPh>
    <rPh sb="74" eb="76">
      <t>キニュウ</t>
    </rPh>
    <rPh sb="97" eb="99">
      <t>サンテイ</t>
    </rPh>
    <rPh sb="100" eb="101">
      <t>ア</t>
    </rPh>
    <rPh sb="107" eb="109">
      <t>イカ</t>
    </rPh>
    <rPh sb="110" eb="112">
      <t>ハスウ</t>
    </rPh>
    <rPh sb="113" eb="114">
      <t>ショウ</t>
    </rPh>
    <rPh sb="116" eb="118">
      <t>バアイ</t>
    </rPh>
    <rPh sb="120" eb="123">
      <t>ショウスウテン</t>
    </rPh>
    <phoneticPr fontId="6"/>
  </si>
  <si>
    <t>注２　日によって異なる夜間支援体制をとる場合（例えば「平日は夜勤、土日祝日は宿直」など）には、複数枚に書き分けるなど、それぞれの夜間支援体制について記載してください。</t>
    <rPh sb="3" eb="4">
      <t>ヒ</t>
    </rPh>
    <rPh sb="8" eb="9">
      <t>コト</t>
    </rPh>
    <rPh sb="11" eb="13">
      <t>ヤカン</t>
    </rPh>
    <rPh sb="13" eb="15">
      <t>シエン</t>
    </rPh>
    <rPh sb="15" eb="17">
      <t>タイセイ</t>
    </rPh>
    <rPh sb="20" eb="22">
      <t>バアイ</t>
    </rPh>
    <rPh sb="23" eb="24">
      <t>タト</t>
    </rPh>
    <rPh sb="27" eb="29">
      <t>ヘイジツ</t>
    </rPh>
    <rPh sb="30" eb="32">
      <t>ヤキン</t>
    </rPh>
    <rPh sb="33" eb="35">
      <t>ドニチ</t>
    </rPh>
    <rPh sb="35" eb="37">
      <t>シュクジツ</t>
    </rPh>
    <rPh sb="38" eb="40">
      <t>シュクチョク</t>
    </rPh>
    <rPh sb="47" eb="50">
      <t>フクスウマイ</t>
    </rPh>
    <rPh sb="51" eb="52">
      <t>カ</t>
    </rPh>
    <rPh sb="53" eb="54">
      <t>ワ</t>
    </rPh>
    <rPh sb="64" eb="66">
      <t>ヤカン</t>
    </rPh>
    <rPh sb="66" eb="68">
      <t>シエン</t>
    </rPh>
    <rPh sb="68" eb="70">
      <t>タイセイ</t>
    </rPh>
    <rPh sb="74" eb="76">
      <t>キサイ</t>
    </rPh>
    <phoneticPr fontId="6"/>
  </si>
  <si>
    <t>夜間支援従事者⑦</t>
    <rPh sb="0" eb="2">
      <t>ヤカン</t>
    </rPh>
    <rPh sb="2" eb="4">
      <t>シエン</t>
    </rPh>
    <rPh sb="4" eb="7">
      <t>ジュウジシャ</t>
    </rPh>
    <phoneticPr fontId="6"/>
  </si>
  <si>
    <t>夜間支援従事者⑥</t>
    <rPh sb="0" eb="2">
      <t>ヤカン</t>
    </rPh>
    <rPh sb="2" eb="4">
      <t>シエン</t>
    </rPh>
    <rPh sb="4" eb="7">
      <t>ジュウジシャ</t>
    </rPh>
    <phoneticPr fontId="6"/>
  </si>
  <si>
    <t>夜間支援体制を確保している夜間及び深夜の時間帯</t>
    <phoneticPr fontId="6"/>
  </si>
  <si>
    <t>夜間支援従事者が待機している場所</t>
    <rPh sb="0" eb="2">
      <t>ヤカン</t>
    </rPh>
    <rPh sb="2" eb="4">
      <t>シエン</t>
    </rPh>
    <rPh sb="4" eb="7">
      <t>ジュウジシャ</t>
    </rPh>
    <rPh sb="8" eb="10">
      <t>タイキ</t>
    </rPh>
    <rPh sb="14" eb="16">
      <t>バショ</t>
    </rPh>
    <phoneticPr fontId="6"/>
  </si>
  <si>
    <t>夜間支援従事者⑦</t>
    <rPh sb="0" eb="7">
      <t>ヤカンシエンジュウジシャ</t>
    </rPh>
    <phoneticPr fontId="6"/>
  </si>
  <si>
    <t>夜間支援従事者⑥</t>
    <rPh sb="0" eb="7">
      <t>ヤカンシエンジュウジシャ</t>
    </rPh>
    <phoneticPr fontId="6"/>
  </si>
  <si>
    <t>夜間支援等体制加算の種類</t>
    <rPh sb="4" eb="5">
      <t>トウ</t>
    </rPh>
    <rPh sb="5" eb="7">
      <t>タイセイ</t>
    </rPh>
    <rPh sb="7" eb="9">
      <t>カサン</t>
    </rPh>
    <rPh sb="10" eb="12">
      <t>シュルイ</t>
    </rPh>
    <phoneticPr fontId="6"/>
  </si>
  <si>
    <t>滞在時間</t>
    <rPh sb="0" eb="4">
      <t>タイザイジカン</t>
    </rPh>
    <phoneticPr fontId="6"/>
  </si>
  <si>
    <t>滞在時間</t>
    <rPh sb="0" eb="2">
      <t>タイザイ</t>
    </rPh>
    <rPh sb="2" eb="4">
      <t>ジカン</t>
    </rPh>
    <phoneticPr fontId="6"/>
  </si>
  <si>
    <t>夜間支援の住居及び夜間支援従事者の配置状況</t>
    <rPh sb="0" eb="2">
      <t>ヤカン</t>
    </rPh>
    <rPh sb="2" eb="4">
      <t>シエン</t>
    </rPh>
    <rPh sb="5" eb="7">
      <t>ジュウキョ</t>
    </rPh>
    <rPh sb="7" eb="8">
      <t>オヨ</t>
    </rPh>
    <rPh sb="9" eb="11">
      <t>ヤカン</t>
    </rPh>
    <rPh sb="11" eb="13">
      <t>シエン</t>
    </rPh>
    <rPh sb="13" eb="16">
      <t>ジュウジシャ</t>
    </rPh>
    <rPh sb="17" eb="19">
      <t>ハイチ</t>
    </rPh>
    <rPh sb="19" eb="21">
      <t>ジョウキョウ</t>
    </rPh>
    <phoneticPr fontId="6"/>
  </si>
  <si>
    <t>夜間支援等体制加算（Ⅳ）・（Ⅴ）・（Ⅵ）</t>
    <phoneticPr fontId="6"/>
  </si>
  <si>
    <t>夜間支援従事者⑤</t>
    <phoneticPr fontId="6"/>
  </si>
  <si>
    <t>夜間支援従事者④</t>
    <phoneticPr fontId="6"/>
  </si>
  <si>
    <r>
      <t>夜間支援従事者</t>
    </r>
    <r>
      <rPr>
        <sz val="9"/>
        <color indexed="8"/>
        <rFont val="ＭＳ Ｐゴシック"/>
        <family val="3"/>
        <charset val="128"/>
      </rPr>
      <t>を配置している場所</t>
    </r>
    <rPh sb="0" eb="2">
      <t>ヤカン</t>
    </rPh>
    <rPh sb="2" eb="4">
      <t>シエン</t>
    </rPh>
    <rPh sb="4" eb="7">
      <t>ジュウジシャ</t>
    </rPh>
    <rPh sb="8" eb="10">
      <t>ハイチ</t>
    </rPh>
    <rPh sb="14" eb="16">
      <t>バショ</t>
    </rPh>
    <phoneticPr fontId="6"/>
  </si>
  <si>
    <t>夜間支援従事者
⑤</t>
    <phoneticPr fontId="6"/>
  </si>
  <si>
    <t>夜間支援従事者
④</t>
    <phoneticPr fontId="6"/>
  </si>
  <si>
    <t>当該住居で想定される夜間支援体制（夜勤・宿直）</t>
    <phoneticPr fontId="6"/>
  </si>
  <si>
    <t>夜間支援の対象者数（人）</t>
    <phoneticPr fontId="6"/>
  </si>
  <si>
    <t>23:00～2:00</t>
    <phoneticPr fontId="6"/>
  </si>
  <si>
    <t>夜勤（Ⅴ）</t>
    <rPh sb="0" eb="2">
      <t>ヤキン</t>
    </rPh>
    <phoneticPr fontId="6"/>
  </si>
  <si>
    <t>4:00～5:00</t>
    <phoneticPr fontId="6"/>
  </si>
  <si>
    <t>夜勤（Ⅳ）</t>
    <rPh sb="0" eb="2">
      <t>ヤキン</t>
    </rPh>
    <phoneticPr fontId="6"/>
  </si>
  <si>
    <t>1:00～3:00</t>
    <phoneticPr fontId="6"/>
  </si>
  <si>
    <t>22:00～23:00</t>
    <phoneticPr fontId="6"/>
  </si>
  <si>
    <t>Bホーム</t>
    <phoneticPr fontId="6"/>
  </si>
  <si>
    <t>夜間支援等体制加算（Ⅳ）・（Ⅴ）・（Ⅵ）</t>
    <phoneticPr fontId="6"/>
  </si>
  <si>
    <t>同左</t>
    <rPh sb="0" eb="1">
      <t>ドウ</t>
    </rPh>
    <rPh sb="1" eb="2">
      <t>ヒダリ</t>
    </rPh>
    <phoneticPr fontId="6"/>
  </si>
  <si>
    <t>　警備会社（◆◆会社）と警備の委託契約を締結。（契約書の写しは別添のとおり。）</t>
    <phoneticPr fontId="6"/>
  </si>
  <si>
    <t>Hホーム</t>
    <phoneticPr fontId="6"/>
  </si>
  <si>
    <t>Gホーム</t>
    <phoneticPr fontId="6"/>
  </si>
  <si>
    <t>Fホーム</t>
    <phoneticPr fontId="6"/>
  </si>
  <si>
    <t>－</t>
    <phoneticPr fontId="6"/>
  </si>
  <si>
    <t>携帯電話</t>
    <phoneticPr fontId="6"/>
  </si>
  <si>
    <t>徒歩10分</t>
    <phoneticPr fontId="6"/>
  </si>
  <si>
    <t>Eホーム</t>
    <phoneticPr fontId="6"/>
  </si>
  <si>
    <t>夜間支援従事者
④</t>
    <phoneticPr fontId="6"/>
  </si>
  <si>
    <r>
      <t xml:space="preserve">夜間支援従事者
</t>
    </r>
    <r>
      <rPr>
        <sz val="9"/>
        <color indexed="8"/>
        <rFont val="ＭＳ Ｐゴシック"/>
        <family val="3"/>
        <charset val="128"/>
      </rPr>
      <t>③</t>
    </r>
    <phoneticPr fontId="6"/>
  </si>
  <si>
    <r>
      <t xml:space="preserve">夜間支援従事者
</t>
    </r>
    <r>
      <rPr>
        <sz val="9"/>
        <color indexed="8"/>
        <rFont val="ＭＳ Ｐゴシック"/>
        <family val="3"/>
        <charset val="128"/>
      </rPr>
      <t>②</t>
    </r>
    <phoneticPr fontId="6"/>
  </si>
  <si>
    <r>
      <t xml:space="preserve">夜間支援従事者
</t>
    </r>
    <r>
      <rPr>
        <sz val="9"/>
        <color indexed="8"/>
        <rFont val="ＭＳ Ｐゴシック"/>
        <family val="3"/>
        <charset val="128"/>
      </rPr>
      <t>①</t>
    </r>
    <phoneticPr fontId="6"/>
  </si>
  <si>
    <t>4:00～5:00</t>
    <phoneticPr fontId="6"/>
  </si>
  <si>
    <t>　職員が携帯電話を身につけ、連絡体制を確保するとともに、緊急連絡先を住居内に掲示している。</t>
    <phoneticPr fontId="6"/>
  </si>
  <si>
    <t>　警備会社（◆◆会社）と警備の委託契約を締結。（契約書の写しは別添のとおり。）</t>
    <phoneticPr fontId="6"/>
  </si>
  <si>
    <t>夜間における防災体制の内容
（契約内容等）</t>
    <phoneticPr fontId="6"/>
  </si>
  <si>
    <t>Hホーム</t>
    <phoneticPr fontId="6"/>
  </si>
  <si>
    <t>Gホーム</t>
    <phoneticPr fontId="6"/>
  </si>
  <si>
    <t>Fホーム</t>
    <phoneticPr fontId="6"/>
  </si>
  <si>
    <t>Dホーム</t>
    <phoneticPr fontId="6"/>
  </si>
  <si>
    <t>加算別紙６８</t>
    <rPh sb="0" eb="2">
      <t>カサン</t>
    </rPh>
    <rPh sb="2" eb="4">
      <t>ベッシ</t>
    </rPh>
    <phoneticPr fontId="6"/>
  </si>
  <si>
    <t>医療的ケア対応支援加算に関する届出書
（共同生活援助）</t>
    <rPh sb="0" eb="3">
      <t>イリョウテキ</t>
    </rPh>
    <rPh sb="5" eb="7">
      <t>タイオウ</t>
    </rPh>
    <rPh sb="7" eb="9">
      <t>シエン</t>
    </rPh>
    <rPh sb="9" eb="11">
      <t>カサン</t>
    </rPh>
    <rPh sb="12" eb="13">
      <t>カン</t>
    </rPh>
    <rPh sb="15" eb="17">
      <t>トドケデ</t>
    </rPh>
    <rPh sb="17" eb="18">
      <t>ショ</t>
    </rPh>
    <rPh sb="20" eb="22">
      <t>キョウドウ</t>
    </rPh>
    <rPh sb="22" eb="24">
      <t>セイカツ</t>
    </rPh>
    <rPh sb="24" eb="26">
      <t>エンジョ</t>
    </rPh>
    <phoneticPr fontId="6"/>
  </si>
  <si>
    <t>生活支援員の数</t>
    <phoneticPr fontId="6"/>
  </si>
  <si>
    <t>強度行動障害支援者養成研修
（基礎研修）</t>
    <phoneticPr fontId="6"/>
  </si>
  <si>
    <t>加算別紙６９</t>
    <rPh sb="0" eb="2">
      <t>カサン</t>
    </rPh>
    <rPh sb="2" eb="4">
      <t>ベッシ</t>
    </rPh>
    <phoneticPr fontId="6"/>
  </si>
  <si>
    <t>強度行動障害者体験利用加算に係る届出書
(共同生活援助）</t>
    <rPh sb="0" eb="2">
      <t>キョウド</t>
    </rPh>
    <rPh sb="2" eb="4">
      <t>コウドウ</t>
    </rPh>
    <rPh sb="4" eb="7">
      <t>ショウガイシャ</t>
    </rPh>
    <rPh sb="7" eb="9">
      <t>タイケン</t>
    </rPh>
    <rPh sb="9" eb="11">
      <t>リヨウ</t>
    </rPh>
    <rPh sb="11" eb="13">
      <t>カサン</t>
    </rPh>
    <rPh sb="14" eb="15">
      <t>カカ</t>
    </rPh>
    <rPh sb="16" eb="19">
      <t>トドケデショ</t>
    </rPh>
    <rPh sb="21" eb="23">
      <t>キョウドウ</t>
    </rPh>
    <rPh sb="23" eb="25">
      <t>セイカツ</t>
    </rPh>
    <rPh sb="25" eb="27">
      <t>エンジョ</t>
    </rPh>
    <phoneticPr fontId="6"/>
  </si>
  <si>
    <t>注６　重度化した場合における対応に関する指針を添付してください。</t>
    <rPh sb="0" eb="1">
      <t>チュウ</t>
    </rPh>
    <rPh sb="3" eb="6">
      <t>ジュウドカ</t>
    </rPh>
    <rPh sb="8" eb="10">
      <t>バアイ</t>
    </rPh>
    <rPh sb="14" eb="16">
      <t>タイオウ</t>
    </rPh>
    <rPh sb="17" eb="18">
      <t>カン</t>
    </rPh>
    <rPh sb="20" eb="22">
      <t>シシン</t>
    </rPh>
    <rPh sb="23" eb="25">
      <t>テンプ</t>
    </rPh>
    <phoneticPr fontId="6"/>
  </si>
  <si>
    <t>注５　病院・診療所・訪問看護ステーション等との連携により看護師を確保している場合については、
　　病院・診療所・訪問看護ステーション等との契約書等の写しを添付してください。</t>
    <rPh sb="0" eb="1">
      <t>チュウ</t>
    </rPh>
    <rPh sb="3" eb="5">
      <t>ビョウイン</t>
    </rPh>
    <rPh sb="6" eb="9">
      <t>シンリョウジョ</t>
    </rPh>
    <rPh sb="10" eb="12">
      <t>ホウモン</t>
    </rPh>
    <rPh sb="12" eb="14">
      <t>カンゴ</t>
    </rPh>
    <rPh sb="20" eb="21">
      <t>トウ</t>
    </rPh>
    <rPh sb="23" eb="25">
      <t>レンケイ</t>
    </rPh>
    <rPh sb="28" eb="31">
      <t>カンゴシ</t>
    </rPh>
    <rPh sb="32" eb="34">
      <t>カクホ</t>
    </rPh>
    <rPh sb="38" eb="40">
      <t>バアイ</t>
    </rPh>
    <rPh sb="66" eb="67">
      <t>トウ</t>
    </rPh>
    <rPh sb="69" eb="72">
      <t>ケイヤクショ</t>
    </rPh>
    <rPh sb="72" eb="73">
      <t>トウ</t>
    </rPh>
    <rPh sb="74" eb="75">
      <t>ウツ</t>
    </rPh>
    <rPh sb="77" eb="79">
      <t>テンプ</t>
    </rPh>
    <phoneticPr fontId="6"/>
  </si>
  <si>
    <t>注４　事業所の職員として看護師を確保している場合については、看護師であることを証明する
　　資格証等の写しを添付してください。</t>
    <rPh sb="0" eb="1">
      <t>チュウ</t>
    </rPh>
    <rPh sb="3" eb="6">
      <t>ジギョウショ</t>
    </rPh>
    <rPh sb="7" eb="9">
      <t>ショクイン</t>
    </rPh>
    <rPh sb="12" eb="15">
      <t>カンゴシ</t>
    </rPh>
    <rPh sb="16" eb="18">
      <t>カクホ</t>
    </rPh>
    <rPh sb="22" eb="24">
      <t>バアイ</t>
    </rPh>
    <rPh sb="30" eb="33">
      <t>カンゴシ</t>
    </rPh>
    <rPh sb="39" eb="41">
      <t>ショウメイ</t>
    </rPh>
    <rPh sb="46" eb="48">
      <t>シカク</t>
    </rPh>
    <rPh sb="48" eb="50">
      <t>ショウナド</t>
    </rPh>
    <rPh sb="51" eb="52">
      <t>ウツ</t>
    </rPh>
    <rPh sb="54" eb="56">
      <t>テンプ</t>
    </rPh>
    <phoneticPr fontId="6"/>
  </si>
  <si>
    <t>注３　「看護師の勤務状況」欄は、本届出を行う事業所における看護師の勤務状況を記載してください
　　（例１：毎週金曜日、10:00～12:00　　例２：月３回、１回当たり１時間）。</t>
    <rPh sb="0" eb="1">
      <t>チュウ</t>
    </rPh>
    <rPh sb="4" eb="7">
      <t>カンゴシ</t>
    </rPh>
    <rPh sb="8" eb="10">
      <t>キンム</t>
    </rPh>
    <rPh sb="10" eb="12">
      <t>ジョウキョウ</t>
    </rPh>
    <rPh sb="13" eb="14">
      <t>ラン</t>
    </rPh>
    <rPh sb="16" eb="17">
      <t>ホン</t>
    </rPh>
    <rPh sb="17" eb="19">
      <t>トドケデ</t>
    </rPh>
    <rPh sb="20" eb="21">
      <t>オコナ</t>
    </rPh>
    <rPh sb="22" eb="25">
      <t>ジギョウショ</t>
    </rPh>
    <rPh sb="29" eb="32">
      <t>カンゴシ</t>
    </rPh>
    <rPh sb="33" eb="35">
      <t>キンム</t>
    </rPh>
    <rPh sb="35" eb="37">
      <t>ジョウキョウ</t>
    </rPh>
    <rPh sb="38" eb="40">
      <t>キサイ</t>
    </rPh>
    <rPh sb="53" eb="55">
      <t>マイシュウ</t>
    </rPh>
    <rPh sb="55" eb="58">
      <t>キンヨウビ</t>
    </rPh>
    <rPh sb="72" eb="73">
      <t>レイ</t>
    </rPh>
    <rPh sb="75" eb="76">
      <t>ツキ</t>
    </rPh>
    <rPh sb="77" eb="78">
      <t>カイ</t>
    </rPh>
    <rPh sb="80" eb="81">
      <t>カイ</t>
    </rPh>
    <phoneticPr fontId="6"/>
  </si>
  <si>
    <t>注２　看護師１人につき、算定可能な利用者は20人までです。</t>
    <rPh sb="0" eb="1">
      <t>チュウ</t>
    </rPh>
    <rPh sb="3" eb="6">
      <t>カンゴシ</t>
    </rPh>
    <rPh sb="7" eb="8">
      <t>ニン</t>
    </rPh>
    <rPh sb="12" eb="14">
      <t>サンテイ</t>
    </rPh>
    <rPh sb="14" eb="16">
      <t>カノウ</t>
    </rPh>
    <rPh sb="17" eb="20">
      <t>リヨウシャ</t>
    </rPh>
    <rPh sb="23" eb="24">
      <t>ニン</t>
    </rPh>
    <phoneticPr fontId="6"/>
  </si>
  <si>
    <t>確保する看護師の数（人）</t>
    <rPh sb="0" eb="2">
      <t>カクホ</t>
    </rPh>
    <rPh sb="4" eb="7">
      <t>カンゴシ</t>
    </rPh>
    <rPh sb="8" eb="9">
      <t>カズ</t>
    </rPh>
    <rPh sb="10" eb="11">
      <t>ニン</t>
    </rPh>
    <phoneticPr fontId="6"/>
  </si>
  <si>
    <t>支援対象者</t>
    <rPh sb="0" eb="2">
      <t>シエン</t>
    </rPh>
    <rPh sb="2" eb="5">
      <t>タイショウシャ</t>
    </rPh>
    <phoneticPr fontId="6"/>
  </si>
  <si>
    <t>医療連携体制加算（Ⅶ）に関する届出書</t>
    <phoneticPr fontId="6"/>
  </si>
  <si>
    <t>注２　居住支援法人又は居住支援協議会との連携の計画等を示す文書を添付してください。</t>
    <rPh sb="0" eb="1">
      <t>チュウ</t>
    </rPh>
    <rPh sb="3" eb="5">
      <t>キョジュウ</t>
    </rPh>
    <rPh sb="5" eb="7">
      <t>シエン</t>
    </rPh>
    <rPh sb="7" eb="9">
      <t>ホウジン</t>
    </rPh>
    <rPh sb="9" eb="10">
      <t>マタ</t>
    </rPh>
    <rPh sb="11" eb="13">
      <t>キョジュウ</t>
    </rPh>
    <rPh sb="13" eb="15">
      <t>シエン</t>
    </rPh>
    <rPh sb="15" eb="18">
      <t>キョウギカイ</t>
    </rPh>
    <rPh sb="20" eb="22">
      <t>レンケイ</t>
    </rPh>
    <rPh sb="23" eb="25">
      <t>ケイカク</t>
    </rPh>
    <rPh sb="25" eb="26">
      <t>トウ</t>
    </rPh>
    <rPh sb="27" eb="28">
      <t>シメ</t>
    </rPh>
    <rPh sb="29" eb="31">
      <t>ブンショ</t>
    </rPh>
    <rPh sb="32" eb="34">
      <t>テンプ</t>
    </rPh>
    <phoneticPr fontId="6"/>
  </si>
  <si>
    <t>居住支援法人又は居住支援協議会の所在地</t>
    <rPh sb="0" eb="2">
      <t>キョジュウ</t>
    </rPh>
    <rPh sb="2" eb="4">
      <t>シエン</t>
    </rPh>
    <rPh sb="4" eb="6">
      <t>ホウジン</t>
    </rPh>
    <rPh sb="6" eb="7">
      <t>マタ</t>
    </rPh>
    <rPh sb="8" eb="10">
      <t>キョジュウ</t>
    </rPh>
    <rPh sb="10" eb="12">
      <t>シエン</t>
    </rPh>
    <rPh sb="12" eb="15">
      <t>キョウギカイ</t>
    </rPh>
    <phoneticPr fontId="6"/>
  </si>
  <si>
    <t>居住支援法人又は居住支援協議会の名称</t>
    <rPh sb="0" eb="2">
      <t>キョジュウ</t>
    </rPh>
    <rPh sb="2" eb="4">
      <t>シエン</t>
    </rPh>
    <rPh sb="4" eb="6">
      <t>ホウジン</t>
    </rPh>
    <rPh sb="6" eb="7">
      <t>マタ</t>
    </rPh>
    <rPh sb="8" eb="10">
      <t>キョジュウ</t>
    </rPh>
    <rPh sb="10" eb="12">
      <t>シエン</t>
    </rPh>
    <rPh sb="12" eb="15">
      <t>キョウギカイ</t>
    </rPh>
    <phoneticPr fontId="6"/>
  </si>
  <si>
    <t>居住支援法人又は居住支援協議会との連携状況</t>
    <rPh sb="0" eb="2">
      <t>キョジュウ</t>
    </rPh>
    <rPh sb="2" eb="4">
      <t>シエン</t>
    </rPh>
    <rPh sb="4" eb="6">
      <t>ホウジン</t>
    </rPh>
    <rPh sb="6" eb="7">
      <t>マタ</t>
    </rPh>
    <rPh sb="8" eb="10">
      <t>キョジュウ</t>
    </rPh>
    <rPh sb="10" eb="12">
      <t>シエン</t>
    </rPh>
    <rPh sb="12" eb="15">
      <t>キョウギカイ</t>
    </rPh>
    <rPh sb="17" eb="19">
      <t>レンケイ</t>
    </rPh>
    <phoneticPr fontId="6"/>
  </si>
  <si>
    <t>居住支援連携体制加算に関する届出書</t>
    <rPh sb="0" eb="2">
      <t>キョジュウ</t>
    </rPh>
    <rPh sb="2" eb="4">
      <t>シエン</t>
    </rPh>
    <rPh sb="4" eb="6">
      <t>レンケイ</t>
    </rPh>
    <rPh sb="6" eb="8">
      <t>タイセイ</t>
    </rPh>
    <rPh sb="8" eb="10">
      <t>カサン</t>
    </rPh>
    <phoneticPr fontId="6"/>
  </si>
  <si>
    <t>加算別紙70</t>
    <rPh sb="0" eb="2">
      <t>カサン</t>
    </rPh>
    <rPh sb="2" eb="4">
      <t>ベッシ</t>
    </rPh>
    <phoneticPr fontId="6"/>
  </si>
  <si>
    <t>　　　　　医療的ケア区分に応じた基本報酬に関する届出を行う場合は別添も添付してください。</t>
    <rPh sb="5" eb="8">
      <t>イリョウテキ</t>
    </rPh>
    <rPh sb="10" eb="12">
      <t>クブン</t>
    </rPh>
    <rPh sb="13" eb="14">
      <t>オウ</t>
    </rPh>
    <rPh sb="16" eb="18">
      <t>キホン</t>
    </rPh>
    <rPh sb="18" eb="20">
      <t>ホウシュウ</t>
    </rPh>
    <rPh sb="21" eb="22">
      <t>カン</t>
    </rPh>
    <rPh sb="24" eb="26">
      <t>トドケデ</t>
    </rPh>
    <rPh sb="27" eb="28">
      <t>オコナ</t>
    </rPh>
    <rPh sb="29" eb="31">
      <t>バアイ</t>
    </rPh>
    <rPh sb="32" eb="34">
      <t>ベッテン</t>
    </rPh>
    <rPh sb="35" eb="37">
      <t>テンプ</t>
    </rPh>
    <phoneticPr fontId="6"/>
  </si>
  <si>
    <t>報酬算定区分に関する届出書（児童発達支援）</t>
    <rPh sb="0" eb="2">
      <t>ホウシュウ</t>
    </rPh>
    <rPh sb="2" eb="4">
      <t>サンテイ</t>
    </rPh>
    <rPh sb="4" eb="6">
      <t>クブン</t>
    </rPh>
    <rPh sb="7" eb="8">
      <t>カン</t>
    </rPh>
    <rPh sb="10" eb="13">
      <t>トドケデショ</t>
    </rPh>
    <rPh sb="14" eb="16">
      <t>ジドウ</t>
    </rPh>
    <rPh sb="16" eb="18">
      <t>ハッタツ</t>
    </rPh>
    <rPh sb="18" eb="20">
      <t>シエン</t>
    </rPh>
    <phoneticPr fontId="6"/>
  </si>
  <si>
    <t>　　　　　「提供時間」欄は、運営規程等に定める標準的なサービス提供時間に１日に設定される単位の数を
　　　　乗じた数をもとに選択してください。</t>
    <rPh sb="6" eb="8">
      <t>テイキョウ</t>
    </rPh>
    <rPh sb="8" eb="10">
      <t>ジカン</t>
    </rPh>
    <rPh sb="11" eb="12">
      <t>ラン</t>
    </rPh>
    <rPh sb="14" eb="16">
      <t>ウンエイ</t>
    </rPh>
    <rPh sb="16" eb="18">
      <t>キテイ</t>
    </rPh>
    <rPh sb="18" eb="19">
      <t>トウ</t>
    </rPh>
    <rPh sb="20" eb="21">
      <t>サダ</t>
    </rPh>
    <rPh sb="23" eb="26">
      <t>ヒョウジュンテキ</t>
    </rPh>
    <rPh sb="31" eb="33">
      <t>テイキョウ</t>
    </rPh>
    <rPh sb="33" eb="35">
      <t>ジカン</t>
    </rPh>
    <rPh sb="37" eb="38">
      <t>ニチ</t>
    </rPh>
    <rPh sb="39" eb="41">
      <t>セッテイ</t>
    </rPh>
    <rPh sb="44" eb="46">
      <t>タンイ</t>
    </rPh>
    <rPh sb="47" eb="48">
      <t>カズ</t>
    </rPh>
    <rPh sb="54" eb="55">
      <t>ジョウ</t>
    </rPh>
    <rPh sb="57" eb="58">
      <t>カズ</t>
    </rPh>
    <rPh sb="62" eb="64">
      <t>センタク</t>
    </rPh>
    <phoneticPr fontId="6"/>
  </si>
  <si>
    <t>　２　提供時間</t>
    <rPh sb="3" eb="5">
      <t>テイキョウ</t>
    </rPh>
    <rPh sb="5" eb="7">
      <t>ジカン</t>
    </rPh>
    <phoneticPr fontId="6"/>
  </si>
  <si>
    <t>報酬算定区分に関する届出書（放課後等デイサービス）</t>
    <rPh sb="0" eb="2">
      <t>ホウシュウ</t>
    </rPh>
    <rPh sb="2" eb="4">
      <t>サンテイ</t>
    </rPh>
    <rPh sb="4" eb="6">
      <t>クブン</t>
    </rPh>
    <rPh sb="7" eb="8">
      <t>カン</t>
    </rPh>
    <rPh sb="10" eb="13">
      <t>トドケデショ</t>
    </rPh>
    <rPh sb="14" eb="17">
      <t>ホウカゴ</t>
    </rPh>
    <rPh sb="17" eb="18">
      <t>トウ</t>
    </rPh>
    <phoneticPr fontId="6"/>
  </si>
  <si>
    <t>　標準的な月における、医療的ケア児の利用児童数と、それに応じた必要看護職員数に対して、配置看護職員数を記載してください。</t>
    <rPh sb="1" eb="4">
      <t>ヒョウジュンテキ</t>
    </rPh>
    <rPh sb="5" eb="6">
      <t>ツキ</t>
    </rPh>
    <rPh sb="11" eb="14">
      <t>イリョウテキ</t>
    </rPh>
    <rPh sb="16" eb="17">
      <t>ジ</t>
    </rPh>
    <rPh sb="18" eb="20">
      <t>リヨウ</t>
    </rPh>
    <rPh sb="20" eb="23">
      <t>ジドウスウ</t>
    </rPh>
    <rPh sb="28" eb="29">
      <t>オウ</t>
    </rPh>
    <rPh sb="31" eb="33">
      <t>ヒツヨウ</t>
    </rPh>
    <rPh sb="33" eb="35">
      <t>カンゴ</t>
    </rPh>
    <rPh sb="35" eb="37">
      <t>ショクイン</t>
    </rPh>
    <rPh sb="37" eb="38">
      <t>スウ</t>
    </rPh>
    <rPh sb="39" eb="40">
      <t>タイ</t>
    </rPh>
    <rPh sb="43" eb="45">
      <t>ハイチ</t>
    </rPh>
    <rPh sb="45" eb="47">
      <t>カンゴ</t>
    </rPh>
    <rPh sb="47" eb="50">
      <t>ショクインスウ</t>
    </rPh>
    <rPh sb="51" eb="53">
      <t>キサイ</t>
    </rPh>
    <phoneticPr fontId="6"/>
  </si>
  <si>
    <t>医療的ケア児の１日の平均利用人数</t>
    <rPh sb="0" eb="3">
      <t>イリョウテキ</t>
    </rPh>
    <rPh sb="5" eb="6">
      <t>ジ</t>
    </rPh>
    <rPh sb="8" eb="9">
      <t>ニチ</t>
    </rPh>
    <rPh sb="10" eb="12">
      <t>ヘイキン</t>
    </rPh>
    <rPh sb="12" eb="14">
      <t>リヨウ</t>
    </rPh>
    <rPh sb="14" eb="16">
      <t>ニンズウ</t>
    </rPh>
    <phoneticPr fontId="6"/>
  </si>
  <si>
    <t>医療的ケア児が利用する日の合計日数</t>
    <rPh sb="0" eb="3">
      <t>イリョウテキ</t>
    </rPh>
    <rPh sb="5" eb="6">
      <t>ジ</t>
    </rPh>
    <rPh sb="7" eb="9">
      <t>リヨウ</t>
    </rPh>
    <rPh sb="11" eb="12">
      <t>ヒ</t>
    </rPh>
    <rPh sb="13" eb="15">
      <t>ゴウケイ</t>
    </rPh>
    <rPh sb="15" eb="17">
      <t>ニッスウ</t>
    </rPh>
    <phoneticPr fontId="6"/>
  </si>
  <si>
    <t>配置看護職員数</t>
    <rPh sb="0" eb="2">
      <t>ハイチ</t>
    </rPh>
    <rPh sb="2" eb="4">
      <t>カンゴ</t>
    </rPh>
    <rPh sb="4" eb="6">
      <t>ショクイン</t>
    </rPh>
    <rPh sb="6" eb="7">
      <t>スウ</t>
    </rPh>
    <phoneticPr fontId="6"/>
  </si>
  <si>
    <t>区分１（３点以上）</t>
    <rPh sb="0" eb="2">
      <t>クブン</t>
    </rPh>
    <rPh sb="5" eb="6">
      <t>テン</t>
    </rPh>
    <rPh sb="6" eb="8">
      <t>イジョウ</t>
    </rPh>
    <phoneticPr fontId="6"/>
  </si>
  <si>
    <t>区分２（16点以上）</t>
    <rPh sb="0" eb="2">
      <t>クブン</t>
    </rPh>
    <rPh sb="6" eb="7">
      <t>テン</t>
    </rPh>
    <rPh sb="7" eb="9">
      <t>イジョウ</t>
    </rPh>
    <phoneticPr fontId="6"/>
  </si>
  <si>
    <t>区分３（32点以上）</t>
    <rPh sb="0" eb="2">
      <t>クブン</t>
    </rPh>
    <rPh sb="6" eb="7">
      <t>テン</t>
    </rPh>
    <rPh sb="7" eb="9">
      <t>イジョウ</t>
    </rPh>
    <phoneticPr fontId="6"/>
  </si>
  <si>
    <t>必要看護職員数</t>
    <rPh sb="0" eb="2">
      <t>ヒツヨウ</t>
    </rPh>
    <rPh sb="2" eb="4">
      <t>カンゴ</t>
    </rPh>
    <rPh sb="4" eb="6">
      <t>ショクイン</t>
    </rPh>
    <rPh sb="6" eb="7">
      <t>スウ</t>
    </rPh>
    <phoneticPr fontId="6"/>
  </si>
  <si>
    <t>医療的ケア児利用児童数</t>
    <rPh sb="0" eb="3">
      <t>イリョウテキ</t>
    </rPh>
    <rPh sb="5" eb="6">
      <t>ジ</t>
    </rPh>
    <rPh sb="6" eb="8">
      <t>リヨウ</t>
    </rPh>
    <rPh sb="8" eb="11">
      <t>ジドウスウ</t>
    </rPh>
    <phoneticPr fontId="6"/>
  </si>
  <si>
    <t>水</t>
  </si>
  <si>
    <t>火</t>
  </si>
  <si>
    <t>月</t>
  </si>
  <si>
    <t>日</t>
  </si>
  <si>
    <t>土</t>
  </si>
  <si>
    <t>金</t>
  </si>
  <si>
    <t>木</t>
  </si>
  <si>
    <t>木</t>
    <rPh sb="0" eb="1">
      <t>モク</t>
    </rPh>
    <phoneticPr fontId="6"/>
  </si>
  <si>
    <t>水</t>
    <rPh sb="0" eb="1">
      <t>スイ</t>
    </rPh>
    <phoneticPr fontId="6"/>
  </si>
  <si>
    <t>火</t>
    <rPh sb="0" eb="1">
      <t>カ</t>
    </rPh>
    <phoneticPr fontId="6"/>
  </si>
  <si>
    <t>月</t>
    <rPh sb="0" eb="1">
      <t>ゲツ</t>
    </rPh>
    <phoneticPr fontId="6"/>
  </si>
  <si>
    <t>曜日</t>
    <rPh sb="0" eb="2">
      <t>ヨウビ</t>
    </rPh>
    <phoneticPr fontId="6"/>
  </si>
  <si>
    <t>（別添）医療的ケア区分に応じた基本報酬の算定に関する届出書</t>
    <rPh sb="1" eb="3">
      <t>ベッテン</t>
    </rPh>
    <rPh sb="4" eb="7">
      <t>イリョウテキ</t>
    </rPh>
    <rPh sb="9" eb="11">
      <t>クブン</t>
    </rPh>
    <rPh sb="12" eb="13">
      <t>オウ</t>
    </rPh>
    <rPh sb="15" eb="17">
      <t>キホン</t>
    </rPh>
    <rPh sb="17" eb="19">
      <t>ホウシュウ</t>
    </rPh>
    <rPh sb="20" eb="22">
      <t>サンテイ</t>
    </rPh>
    <rPh sb="23" eb="24">
      <t>カン</t>
    </rPh>
    <rPh sb="26" eb="29">
      <t>トドケデショ</t>
    </rPh>
    <phoneticPr fontId="6"/>
  </si>
  <si>
    <t>　多機能型（人員配置特例の利用なし）の場合、本用紙を、児童発達支援で１枚、放課後等デイサービスで１枚と、分けて作成してください。</t>
    <rPh sb="1" eb="4">
      <t>タキノウ</t>
    </rPh>
    <rPh sb="4" eb="5">
      <t>ガタ</t>
    </rPh>
    <rPh sb="13" eb="15">
      <t>リヨウ</t>
    </rPh>
    <rPh sb="19" eb="21">
      <t>バアイ</t>
    </rPh>
    <rPh sb="22" eb="23">
      <t>ホン</t>
    </rPh>
    <rPh sb="23" eb="25">
      <t>ヨウシ</t>
    </rPh>
    <rPh sb="27" eb="29">
      <t>ジドウ</t>
    </rPh>
    <rPh sb="29" eb="31">
      <t>ハッタツ</t>
    </rPh>
    <rPh sb="31" eb="33">
      <t>シエン</t>
    </rPh>
    <rPh sb="35" eb="36">
      <t>マイ</t>
    </rPh>
    <rPh sb="37" eb="40">
      <t>ホウカゴ</t>
    </rPh>
    <rPh sb="40" eb="41">
      <t>トウ</t>
    </rPh>
    <rPh sb="49" eb="50">
      <t>マイ</t>
    </rPh>
    <rPh sb="52" eb="53">
      <t>ワ</t>
    </rPh>
    <rPh sb="55" eb="57">
      <t>サクセイ</t>
    </rPh>
    <phoneticPr fontId="6"/>
  </si>
  <si>
    <t>　多機能型（人員配置特例の利用あり）の場合、児童発達支援と放課後等デイサービスの利用児童数を合わせて記入してください。</t>
    <rPh sb="1" eb="4">
      <t>タキノウ</t>
    </rPh>
    <rPh sb="4" eb="5">
      <t>ガタ</t>
    </rPh>
    <rPh sb="13" eb="15">
      <t>リヨウ</t>
    </rPh>
    <rPh sb="19" eb="21">
      <t>バアイ</t>
    </rPh>
    <rPh sb="22" eb="24">
      <t>ジドウ</t>
    </rPh>
    <rPh sb="24" eb="26">
      <t>ハッタツ</t>
    </rPh>
    <rPh sb="26" eb="28">
      <t>シエン</t>
    </rPh>
    <rPh sb="29" eb="32">
      <t>ホウカゴ</t>
    </rPh>
    <rPh sb="32" eb="33">
      <t>トウ</t>
    </rPh>
    <rPh sb="40" eb="42">
      <t>リヨウ</t>
    </rPh>
    <rPh sb="42" eb="45">
      <t>ジドウスウ</t>
    </rPh>
    <rPh sb="46" eb="47">
      <t>ア</t>
    </rPh>
    <rPh sb="50" eb="52">
      <t>キニュウ</t>
    </rPh>
    <phoneticPr fontId="6"/>
  </si>
  <si>
    <r>
      <rPr>
        <u/>
        <sz val="10"/>
        <color indexed="8"/>
        <rFont val="ＭＳ Ｐゴシック"/>
        <family val="3"/>
        <charset val="128"/>
      </rPr>
      <t>　　</t>
    </r>
    <r>
      <rPr>
        <sz val="10"/>
        <color indexed="8"/>
        <rFont val="ＭＳ Ｐゴシック"/>
        <family val="3"/>
        <charset val="128"/>
      </rPr>
      <t>月</t>
    </r>
    <rPh sb="2" eb="3">
      <t>ガツ</t>
    </rPh>
    <phoneticPr fontId="6"/>
  </si>
  <si>
    <t>① 児童発達支援　　　　　　② 放課後等デイサービス　　　　　　③ ①・②の多機能</t>
    <phoneticPr fontId="6"/>
  </si>
  <si>
    <t>（報酬算定区分に関する届出書・別添）</t>
    <rPh sb="15" eb="17">
      <t>ベッテン</t>
    </rPh>
    <phoneticPr fontId="6"/>
  </si>
  <si>
    <t>９</t>
  </si>
  <si>
    <t>８</t>
  </si>
  <si>
    <t>７</t>
  </si>
  <si>
    <t>６</t>
  </si>
  <si>
    <t>５</t>
  </si>
  <si>
    <t>４</t>
  </si>
  <si>
    <t>　多機能型（人員配置特例の利用なし）の場合は、「従業者の状況」単位①・②欄にそれぞれ児童発達支援と放課後等デイサービスの「基準人数」等をそれぞれ記載してください。</t>
    <rPh sb="24" eb="27">
      <t>ジュウギョウシャ</t>
    </rPh>
    <rPh sb="61" eb="63">
      <t>キジュン</t>
    </rPh>
    <rPh sb="63" eb="65">
      <t>ニンズウ</t>
    </rPh>
    <rPh sb="66" eb="67">
      <t>トウ</t>
    </rPh>
    <phoneticPr fontId="6"/>
  </si>
  <si>
    <t>３</t>
  </si>
  <si>
    <t>　「従業者の状況」には、サービス毎に単位を分けている場合は、児童指導員等の数を単位別に記載してください。</t>
    <phoneticPr fontId="6"/>
  </si>
  <si>
    <t>２</t>
  </si>
  <si>
    <t>　「サービス種別」、「異動区分」欄については、該当する番号に○を付してください。</t>
    <rPh sb="6" eb="8">
      <t>シュベツ</t>
    </rPh>
    <phoneticPr fontId="6"/>
  </si>
  <si>
    <t>加配人数（B－A）</t>
    <rPh sb="0" eb="2">
      <t>カハイ</t>
    </rPh>
    <rPh sb="2" eb="4">
      <t>ニンズウ</t>
    </rPh>
    <phoneticPr fontId="6"/>
  </si>
  <si>
    <t>うちその他の従業者の員数
（常勤換算）</t>
    <rPh sb="4" eb="5">
      <t>タ</t>
    </rPh>
    <rPh sb="6" eb="9">
      <t>ジュウギョウシャ</t>
    </rPh>
    <rPh sb="10" eb="12">
      <t>インスウ</t>
    </rPh>
    <phoneticPr fontId="6"/>
  </si>
  <si>
    <t>従業者の総数 B（常勤換算）</t>
    <rPh sb="0" eb="3">
      <t>ジュウギョウシャ</t>
    </rPh>
    <rPh sb="4" eb="6">
      <t>ソウスウ</t>
    </rPh>
    <rPh sb="9" eb="11">
      <t>ジョウキン</t>
    </rPh>
    <rPh sb="11" eb="13">
      <t>カンサン</t>
    </rPh>
    <phoneticPr fontId="6"/>
  </si>
  <si>
    <t>① 児童発達支援　　　　② 放課後等デイサービス　　　　③ ①・②の多機能</t>
    <phoneticPr fontId="6"/>
  </si>
  <si>
    <t>③医療的ケアスコアの
合計の点数
（①÷②）</t>
    <rPh sb="1" eb="4">
      <t>イリョウテキ</t>
    </rPh>
    <rPh sb="11" eb="13">
      <t>ゴウケイ</t>
    </rPh>
    <rPh sb="14" eb="16">
      <t>テンスウ</t>
    </rPh>
    <phoneticPr fontId="6"/>
  </si>
  <si>
    <t>①利用した医療的ケア児のスコア（※）</t>
    <rPh sb="1" eb="3">
      <t>リヨウ</t>
    </rPh>
    <rPh sb="5" eb="8">
      <t>イリョウテキ</t>
    </rPh>
    <rPh sb="10" eb="11">
      <t>ジ</t>
    </rPh>
    <phoneticPr fontId="6"/>
  </si>
  <si>
    <t xml:space="preserve">  ③</t>
    <phoneticPr fontId="6"/>
  </si>
  <si>
    <t>※　福祉型障害児入所施設及び医療型障害児入所施設において小規模なグループケアを実施
　する場合に届け出ること。
※　小規模グループケアの単位の定員は、４～８名とする。
※　居室の床面積は、4.95㎡以上であること。
※　小規模グループケアを実施する場合は、専任の職員として児童指導員又は保育士１名以上
　を加配し、他の職員と連携してケアを行うこと。
※　単位ごとに作成すること。（表が足りない場合は、適宜追加すること。）</t>
    <rPh sb="45" eb="47">
      <t>バアイ</t>
    </rPh>
    <rPh sb="48" eb="49">
      <t>トド</t>
    </rPh>
    <rPh sb="50" eb="51">
      <t>デ</t>
    </rPh>
    <rPh sb="99" eb="101">
      <t>イジョウ</t>
    </rPh>
    <rPh sb="148" eb="150">
      <t>イジョウ</t>
    </rPh>
    <rPh sb="157" eb="158">
      <t>ホカ</t>
    </rPh>
    <rPh sb="159" eb="161">
      <t>ショクイン</t>
    </rPh>
    <rPh sb="162" eb="164">
      <t>レンケイ</t>
    </rPh>
    <rPh sb="169" eb="170">
      <t>オコナ</t>
    </rPh>
    <rPh sb="177" eb="179">
      <t>タンイ</t>
    </rPh>
    <rPh sb="182" eb="184">
      <t>サクセイ</t>
    </rPh>
    <rPh sb="190" eb="191">
      <t>ヒョウ</t>
    </rPh>
    <rPh sb="192" eb="193">
      <t>タ</t>
    </rPh>
    <rPh sb="196" eb="198">
      <t>バアイ</t>
    </rPh>
    <rPh sb="200" eb="202">
      <t>テキギ</t>
    </rPh>
    <rPh sb="202" eb="204">
      <t>ツイカ</t>
    </rPh>
    <phoneticPr fontId="6"/>
  </si>
  <si>
    <t>居間</t>
    <rPh sb="0" eb="2">
      <t>イマ</t>
    </rPh>
    <phoneticPr fontId="6"/>
  </si>
  <si>
    <t>人（職種：　　　　　　　　　　）</t>
    <phoneticPr fontId="6"/>
  </si>
  <si>
    <t>　　　　　　　　人</t>
    <phoneticPr fontId="6"/>
  </si>
  <si>
    <t>小規模グループケア加算体制申請書（届出書）</t>
    <rPh sb="0" eb="3">
      <t>ショウキボ</t>
    </rPh>
    <rPh sb="9" eb="11">
      <t>カサン</t>
    </rPh>
    <rPh sb="11" eb="13">
      <t>タイセイ</t>
    </rPh>
    <rPh sb="13" eb="16">
      <t>シンセイショ</t>
    </rPh>
    <rPh sb="17" eb="20">
      <t>トドケデショ</t>
    </rPh>
    <phoneticPr fontId="6"/>
  </si>
  <si>
    <t>令和　　年　　月　　日</t>
    <rPh sb="0" eb="2">
      <t>レイワ</t>
    </rPh>
    <rPh sb="4" eb="5">
      <t>ネン</t>
    </rPh>
    <rPh sb="5" eb="6">
      <t>ヘイネン</t>
    </rPh>
    <rPh sb="7" eb="8">
      <t>ガツ</t>
    </rPh>
    <rPh sb="10" eb="11">
      <t>ニチ</t>
    </rPh>
    <phoneticPr fontId="6"/>
  </si>
  <si>
    <t>※　福祉型障害児入所施設において、サテライト型として小規模なグループケアを実施する場合に
　届け出ること。
※　小規模グループケアの単位の定員は、４～６名とする。
※　居室の床面積は、4.95㎡以上であること。
※　小規模グループケアを実施する場合は、専任の職員として児童指導員又は保育士２名以上
　を加配し、他の職員と連携してケアを行うこと。
※　「本体施設との距離、交通経路及び移動に係る所要時間を記載すること（地図等の貼付も可）。
※　単位ごとに作成すること。（表が足りない場合は、適宜追加すること。）</t>
    <rPh sb="22" eb="23">
      <t>ガタ</t>
    </rPh>
    <rPh sb="176" eb="178">
      <t>ホンタイ</t>
    </rPh>
    <rPh sb="178" eb="180">
      <t>シセツ</t>
    </rPh>
    <rPh sb="182" eb="184">
      <t>キョリ</t>
    </rPh>
    <rPh sb="185" eb="187">
      <t>コウツウ</t>
    </rPh>
    <rPh sb="187" eb="189">
      <t>ケイロ</t>
    </rPh>
    <rPh sb="189" eb="190">
      <t>オヨ</t>
    </rPh>
    <rPh sb="191" eb="193">
      <t>イドウ</t>
    </rPh>
    <rPh sb="194" eb="195">
      <t>カカ</t>
    </rPh>
    <rPh sb="196" eb="198">
      <t>ショヨウ</t>
    </rPh>
    <rPh sb="198" eb="200">
      <t>ジカン</t>
    </rPh>
    <rPh sb="201" eb="203">
      <t>キサイ</t>
    </rPh>
    <rPh sb="208" eb="210">
      <t>チズ</t>
    </rPh>
    <rPh sb="210" eb="211">
      <t>トウ</t>
    </rPh>
    <rPh sb="212" eb="214">
      <t>チョウフ</t>
    </rPh>
    <rPh sb="215" eb="216">
      <t>カ</t>
    </rPh>
    <phoneticPr fontId="6"/>
  </si>
  <si>
    <t>本体施設との距離及び交通経路及び移動に係る所要時間</t>
    <rPh sb="0" eb="2">
      <t>ホンタイ</t>
    </rPh>
    <rPh sb="2" eb="4">
      <t>シセツ</t>
    </rPh>
    <rPh sb="6" eb="8">
      <t>キョリ</t>
    </rPh>
    <rPh sb="8" eb="9">
      <t>オヨ</t>
    </rPh>
    <rPh sb="10" eb="12">
      <t>コウツウ</t>
    </rPh>
    <rPh sb="12" eb="14">
      <t>ケイロ</t>
    </rPh>
    <rPh sb="14" eb="15">
      <t>オヨ</t>
    </rPh>
    <rPh sb="16" eb="18">
      <t>イドウ</t>
    </rPh>
    <rPh sb="19" eb="20">
      <t>カカ</t>
    </rPh>
    <rPh sb="21" eb="23">
      <t>ショヨウ</t>
    </rPh>
    <rPh sb="23" eb="25">
      <t>ジカン</t>
    </rPh>
    <phoneticPr fontId="6"/>
  </si>
  <si>
    <t>小規模グループケア加算（サテライト型）体制申請書（届出書）</t>
    <rPh sb="0" eb="3">
      <t>ショウキボ</t>
    </rPh>
    <rPh sb="9" eb="11">
      <t>カサン</t>
    </rPh>
    <rPh sb="17" eb="18">
      <t>ガタ</t>
    </rPh>
    <rPh sb="19" eb="21">
      <t>タイセイ</t>
    </rPh>
    <rPh sb="21" eb="24">
      <t>シンセイショ</t>
    </rPh>
    <rPh sb="25" eb="28">
      <t>トドケデショ</t>
    </rPh>
    <phoneticPr fontId="6"/>
  </si>
  <si>
    <t>加算別紙２６の２</t>
    <rPh sb="0" eb="2">
      <t>カサン</t>
    </rPh>
    <rPh sb="2" eb="4">
      <t>ベッシ</t>
    </rPh>
    <phoneticPr fontId="6"/>
  </si>
  <si>
    <t>　　　６　ＳＷを３人以上配置する場合は適宜欄を追加すること。</t>
    <rPh sb="9" eb="10">
      <t>ニン</t>
    </rPh>
    <rPh sb="10" eb="12">
      <t>イジョウ</t>
    </rPh>
    <rPh sb="12" eb="14">
      <t>ハイチ</t>
    </rPh>
    <rPh sb="16" eb="18">
      <t>バアイ</t>
    </rPh>
    <rPh sb="19" eb="21">
      <t>テキギ</t>
    </rPh>
    <rPh sb="21" eb="22">
      <t>ラン</t>
    </rPh>
    <rPh sb="23" eb="25">
      <t>ツイカ</t>
    </rPh>
    <phoneticPr fontId="6"/>
  </si>
  <si>
    <t>　　　５　ＳＷを２人以上配置した場合も加算の単位は変わらないことに注意すること。</t>
    <rPh sb="9" eb="10">
      <t>ニン</t>
    </rPh>
    <rPh sb="10" eb="12">
      <t>イジョウ</t>
    </rPh>
    <rPh sb="12" eb="14">
      <t>ハイチ</t>
    </rPh>
    <rPh sb="16" eb="18">
      <t>バアイ</t>
    </rPh>
    <rPh sb="19" eb="21">
      <t>カサン</t>
    </rPh>
    <rPh sb="22" eb="24">
      <t>タンイ</t>
    </rPh>
    <rPh sb="25" eb="26">
      <t>カ</t>
    </rPh>
    <rPh sb="33" eb="35">
      <t>チュウイ</t>
    </rPh>
    <phoneticPr fontId="6"/>
  </si>
  <si>
    <t>　　　４　ＳＷとして専従で配置した従業者は、基準人員としては数えられないことに注意すること。</t>
    <rPh sb="10" eb="12">
      <t>センジュウ</t>
    </rPh>
    <rPh sb="13" eb="15">
      <t>ハイチ</t>
    </rPh>
    <rPh sb="17" eb="20">
      <t>ジュウギョウシャ</t>
    </rPh>
    <rPh sb="22" eb="24">
      <t>キジュン</t>
    </rPh>
    <rPh sb="24" eb="26">
      <t>ジンイン</t>
    </rPh>
    <rPh sb="30" eb="31">
      <t>カゾ</t>
    </rPh>
    <rPh sb="39" eb="41">
      <t>チュウイ</t>
    </rPh>
    <phoneticPr fontId="6"/>
  </si>
  <si>
    <t>　　　３　「専従・兼任の別」欄は、該当する番号に○を付けること。なお、「①専従」に○が付かない場合、
　　　　加算の対象にならないので注意すること。</t>
    <rPh sb="6" eb="8">
      <t>センジュウ</t>
    </rPh>
    <rPh sb="9" eb="11">
      <t>ケンニン</t>
    </rPh>
    <rPh sb="12" eb="13">
      <t>ベツ</t>
    </rPh>
    <rPh sb="14" eb="15">
      <t>ラン</t>
    </rPh>
    <rPh sb="17" eb="19">
      <t>ガイトウ</t>
    </rPh>
    <rPh sb="21" eb="23">
      <t>バンゴウ</t>
    </rPh>
    <rPh sb="26" eb="27">
      <t>ツ</t>
    </rPh>
    <rPh sb="37" eb="39">
      <t>センジュウ</t>
    </rPh>
    <rPh sb="43" eb="44">
      <t>ツ</t>
    </rPh>
    <rPh sb="47" eb="49">
      <t>バアイ</t>
    </rPh>
    <rPh sb="55" eb="57">
      <t>カサン</t>
    </rPh>
    <rPh sb="58" eb="60">
      <t>タイショウ</t>
    </rPh>
    <rPh sb="67" eb="69">
      <t>チュウイ</t>
    </rPh>
    <phoneticPr fontId="6"/>
  </si>
  <si>
    <t>　　　２　「配置するＳＷの資格等」は、以下の選択肢のいずれかを記入すること（両方に該当する場合、
　　　　①を選択すること）。</t>
    <rPh sb="6" eb="8">
      <t>ハイチ</t>
    </rPh>
    <rPh sb="13" eb="15">
      <t>シカク</t>
    </rPh>
    <rPh sb="15" eb="16">
      <t>トウ</t>
    </rPh>
    <rPh sb="19" eb="21">
      <t>イカ</t>
    </rPh>
    <rPh sb="22" eb="25">
      <t>センタクシ</t>
    </rPh>
    <rPh sb="31" eb="33">
      <t>キニュウ</t>
    </rPh>
    <rPh sb="38" eb="40">
      <t>リョウホウ</t>
    </rPh>
    <rPh sb="41" eb="43">
      <t>ガイトウ</t>
    </rPh>
    <rPh sb="45" eb="47">
      <t>バアイ</t>
    </rPh>
    <rPh sb="55" eb="57">
      <t>センタク</t>
    </rPh>
    <phoneticPr fontId="6"/>
  </si>
  <si>
    <t>備考１　「施設種別」、「異動区分」欄については、該当する番号に○を付けること。</t>
    <rPh sb="0" eb="2">
      <t>ビコウ</t>
    </rPh>
    <rPh sb="5" eb="7">
      <t>シセツ</t>
    </rPh>
    <rPh sb="7" eb="9">
      <t>シュベツ</t>
    </rPh>
    <rPh sb="12" eb="14">
      <t>イドウ</t>
    </rPh>
    <rPh sb="14" eb="16">
      <t>クブン</t>
    </rPh>
    <rPh sb="17" eb="18">
      <t>ラン</t>
    </rPh>
    <rPh sb="24" eb="26">
      <t>ガイトウ</t>
    </rPh>
    <rPh sb="28" eb="30">
      <t>バンゴウ</t>
    </rPh>
    <rPh sb="33" eb="34">
      <t>フ</t>
    </rPh>
    <phoneticPr fontId="6"/>
  </si>
  <si>
    <t>①専従　　・　　②兼任</t>
    <rPh sb="1" eb="3">
      <t>センジュウ</t>
    </rPh>
    <rPh sb="9" eb="11">
      <t>ケンニン</t>
    </rPh>
    <phoneticPr fontId="6"/>
  </si>
  <si>
    <t>２人目</t>
    <rPh sb="1" eb="3">
      <t>ニンメ</t>
    </rPh>
    <phoneticPr fontId="6"/>
  </si>
  <si>
    <t>１人目</t>
    <rPh sb="1" eb="3">
      <t>ニンメ</t>
    </rPh>
    <phoneticPr fontId="6"/>
  </si>
  <si>
    <t>専従・兼任の別</t>
    <rPh sb="0" eb="2">
      <t>センジュウ</t>
    </rPh>
    <rPh sb="3" eb="5">
      <t>ケンニン</t>
    </rPh>
    <rPh sb="6" eb="7">
      <t>ベツ</t>
    </rPh>
    <phoneticPr fontId="6"/>
  </si>
  <si>
    <t>配置するＳＷの資格等
（①か②を記入）</t>
    <rPh sb="0" eb="2">
      <t>ハイチ</t>
    </rPh>
    <rPh sb="7" eb="9">
      <t>シカク</t>
    </rPh>
    <rPh sb="9" eb="10">
      <t>トウ</t>
    </rPh>
    <rPh sb="16" eb="18">
      <t>キニュウ</t>
    </rPh>
    <phoneticPr fontId="6"/>
  </si>
  <si>
    <t>　２　配置するＳＷの
　　　状況</t>
    <rPh sb="3" eb="5">
      <t>ハイチ</t>
    </rPh>
    <rPh sb="14" eb="16">
      <t>ジョウキョウ</t>
    </rPh>
    <phoneticPr fontId="6"/>
  </si>
  <si>
    <t>①　新規　　　　　②　変更　　　　　③　終了</t>
    <rPh sb="2" eb="4">
      <t>シンキ</t>
    </rPh>
    <rPh sb="11" eb="13">
      <t>ヘンコウ</t>
    </rPh>
    <rPh sb="20" eb="22">
      <t>シュウリョウ</t>
    </rPh>
    <phoneticPr fontId="6"/>
  </si>
  <si>
    <t>① 福祉型障害児入所施設　　　　　② 医療型障害児入所施設</t>
    <rPh sb="2" eb="5">
      <t>フクシガタ</t>
    </rPh>
    <rPh sb="5" eb="8">
      <t>ショウガイジ</t>
    </rPh>
    <rPh sb="8" eb="10">
      <t>ニュウショ</t>
    </rPh>
    <rPh sb="10" eb="12">
      <t>シセツ</t>
    </rPh>
    <rPh sb="19" eb="21">
      <t>イリョウ</t>
    </rPh>
    <rPh sb="21" eb="22">
      <t>ガタ</t>
    </rPh>
    <rPh sb="22" eb="25">
      <t>ショウガイジ</t>
    </rPh>
    <rPh sb="25" eb="27">
      <t>ニュウショ</t>
    </rPh>
    <rPh sb="27" eb="29">
      <t>シセツ</t>
    </rPh>
    <phoneticPr fontId="6"/>
  </si>
  <si>
    <t>ソーシャルワーカー配置加算に係る届出書</t>
    <rPh sb="9" eb="11">
      <t>ハイチ</t>
    </rPh>
    <rPh sb="11" eb="13">
      <t>カサン</t>
    </rPh>
    <rPh sb="14" eb="15">
      <t>カカ</t>
    </rPh>
    <rPh sb="16" eb="19">
      <t>トドケデショ</t>
    </rPh>
    <phoneticPr fontId="6"/>
  </si>
  <si>
    <t>加算別紙7１</t>
    <rPh sb="0" eb="2">
      <t>カサン</t>
    </rPh>
    <rPh sb="2" eb="4">
      <t>ベッシ</t>
    </rPh>
    <phoneticPr fontId="6"/>
  </si>
  <si>
    <t>加算別紙４１の２</t>
    <rPh sb="0" eb="2">
      <t>カサン</t>
    </rPh>
    <rPh sb="2" eb="4">
      <t>ベッシ</t>
    </rPh>
    <phoneticPr fontId="6"/>
  </si>
  <si>
    <t>施設外支援実施状況　（移行準備支援体制加算に係る届出書）</t>
    <rPh sb="0" eb="3">
      <t>シセツガイ</t>
    </rPh>
    <rPh sb="3" eb="5">
      <t>シエン</t>
    </rPh>
    <rPh sb="5" eb="7">
      <t>ジッシ</t>
    </rPh>
    <rPh sb="7" eb="9">
      <t>ジョウキョウ</t>
    </rPh>
    <rPh sb="11" eb="13">
      <t>イコウ</t>
    </rPh>
    <rPh sb="13" eb="15">
      <t>ジュンビ</t>
    </rPh>
    <rPh sb="15" eb="17">
      <t>シエン</t>
    </rPh>
    <rPh sb="17" eb="19">
      <t>タイセイ</t>
    </rPh>
    <rPh sb="19" eb="21">
      <t>カサン</t>
    </rPh>
    <rPh sb="22" eb="23">
      <t>カカ</t>
    </rPh>
    <rPh sb="24" eb="27">
      <t>トドケデショ</t>
    </rPh>
    <phoneticPr fontId="6"/>
  </si>
  <si>
    <t>　２　施設区分</t>
    <rPh sb="3" eb="5">
      <t>シセツ</t>
    </rPh>
    <rPh sb="5" eb="7">
      <t>クブン</t>
    </rPh>
    <phoneticPr fontId="6"/>
  </si>
  <si>
    <t>①　児童発達支援センター　　　　⇒　「非該当」</t>
    <rPh sb="19" eb="20">
      <t>ヒ</t>
    </rPh>
    <rPh sb="20" eb="22">
      <t>ガイトウ</t>
    </rPh>
    <phoneticPr fontId="84"/>
  </si>
  <si>
    <t>②　児童発達支援センター以外　⇒　下表にて未就学児の割合を算出</t>
    <rPh sb="17" eb="19">
      <t>カヒョウ</t>
    </rPh>
    <phoneticPr fontId="84"/>
  </si>
  <si>
    <t>　３　利用児童の状況</t>
    <phoneticPr fontId="84"/>
  </si>
  <si>
    <t>A　利用延べ人数</t>
    <rPh sb="2" eb="4">
      <t>リヨウ</t>
    </rPh>
    <rPh sb="4" eb="5">
      <t>ノ</t>
    </rPh>
    <rPh sb="6" eb="8">
      <t>ニンズウ</t>
    </rPh>
    <phoneticPr fontId="6"/>
  </si>
  <si>
    <t>B　Aうち未就学児</t>
    <rPh sb="5" eb="9">
      <t>ミシュウガクジ</t>
    </rPh>
    <phoneticPr fontId="6"/>
  </si>
  <si>
    <t>C　未就学児の割合
（B／A）</t>
    <rPh sb="2" eb="6">
      <t>ミシュウガクジ</t>
    </rPh>
    <rPh sb="7" eb="9">
      <t>ワリアイ</t>
    </rPh>
    <phoneticPr fontId="6"/>
  </si>
  <si>
    <t>（※）</t>
    <phoneticPr fontId="84"/>
  </si>
  <si>
    <t>※Aに占めるBの割合が70％以上の場合、「区分Ⅰ」（障害児通所報酬告示第１の二の（１）「主に未就学児に対し指定児童発達支援を行う場合」の区分）、それ以外は「区分Ⅱ」で請求すること。</t>
    <rPh sb="3" eb="4">
      <t>シ</t>
    </rPh>
    <rPh sb="8" eb="10">
      <t>ワリアイ</t>
    </rPh>
    <rPh sb="14" eb="16">
      <t>イジョウ</t>
    </rPh>
    <rPh sb="17" eb="19">
      <t>バアイ</t>
    </rPh>
    <rPh sb="21" eb="23">
      <t>クブン</t>
    </rPh>
    <rPh sb="26" eb="29">
      <t>ショウガイジ</t>
    </rPh>
    <rPh sb="29" eb="31">
      <t>ツウショ</t>
    </rPh>
    <rPh sb="31" eb="33">
      <t>ホウシュウ</t>
    </rPh>
    <rPh sb="33" eb="35">
      <t>コクジ</t>
    </rPh>
    <rPh sb="35" eb="36">
      <t>ダイ</t>
    </rPh>
    <rPh sb="38" eb="39">
      <t>ニ</t>
    </rPh>
    <rPh sb="44" eb="45">
      <t>オモ</t>
    </rPh>
    <rPh sb="46" eb="50">
      <t>ミシュウガクジ</t>
    </rPh>
    <rPh sb="51" eb="52">
      <t>タイ</t>
    </rPh>
    <rPh sb="53" eb="55">
      <t>シテイ</t>
    </rPh>
    <rPh sb="55" eb="57">
      <t>ジドウ</t>
    </rPh>
    <rPh sb="57" eb="59">
      <t>ハッタツ</t>
    </rPh>
    <rPh sb="59" eb="61">
      <t>シエン</t>
    </rPh>
    <rPh sb="62" eb="63">
      <t>オコナ</t>
    </rPh>
    <rPh sb="64" eb="66">
      <t>バアイ</t>
    </rPh>
    <rPh sb="68" eb="70">
      <t>クブン</t>
    </rPh>
    <rPh sb="74" eb="76">
      <t>イガイ</t>
    </rPh>
    <rPh sb="78" eb="80">
      <t>クブン</t>
    </rPh>
    <phoneticPr fontId="6"/>
  </si>
  <si>
    <t>備考　　「異動区分」欄、「施設区分」欄については、該当する番号に○を付してください。</t>
    <rPh sb="0" eb="2">
      <t>ビコウ</t>
    </rPh>
    <rPh sb="5" eb="7">
      <t>イドウ</t>
    </rPh>
    <rPh sb="7" eb="9">
      <t>クブン</t>
    </rPh>
    <rPh sb="10" eb="11">
      <t>ラン</t>
    </rPh>
    <rPh sb="13" eb="15">
      <t>シセツ</t>
    </rPh>
    <rPh sb="15" eb="17">
      <t>クブン</t>
    </rPh>
    <rPh sb="18" eb="19">
      <t>ラン</t>
    </rPh>
    <rPh sb="25" eb="27">
      <t>ガイトウ</t>
    </rPh>
    <rPh sb="29" eb="31">
      <t>バンゴウ</t>
    </rPh>
    <rPh sb="34" eb="35">
      <t>フ</t>
    </rPh>
    <phoneticPr fontId="6"/>
  </si>
  <si>
    <t>①　新規　　　　　　　　　　②　変更　　　　　　　　　　③　終了</t>
    <rPh sb="2" eb="4">
      <t>シンキ</t>
    </rPh>
    <rPh sb="16" eb="18">
      <t>ヘンコウ</t>
    </rPh>
    <rPh sb="30" eb="32">
      <t>シュウリョウ</t>
    </rPh>
    <phoneticPr fontId="6"/>
  </si>
  <si>
    <t>①　３時間以上　⇒　「区分１」
②　３時間未満　⇒　「区分２」</t>
    <rPh sb="11" eb="13">
      <t>クブン</t>
    </rPh>
    <rPh sb="28" eb="30">
      <t>クブン</t>
    </rPh>
    <phoneticPr fontId="6"/>
  </si>
  <si>
    <t>備考　　「異動区分」欄については、該当する番号に○を付してください。</t>
    <phoneticPr fontId="84"/>
  </si>
  <si>
    <t>　現任研修を修了した相談支援専門員の同行による研修を実施している。</t>
    <rPh sb="1" eb="3">
      <t>ゲンニン</t>
    </rPh>
    <rPh sb="3" eb="5">
      <t>ケンシュウ</t>
    </rPh>
    <rPh sb="6" eb="8">
      <t>シュウリョウ</t>
    </rPh>
    <rPh sb="10" eb="12">
      <t>ソウダン</t>
    </rPh>
    <rPh sb="12" eb="14">
      <t>シエン</t>
    </rPh>
    <rPh sb="14" eb="17">
      <t>センモンイン</t>
    </rPh>
    <rPh sb="18" eb="20">
      <t>ドウコウ</t>
    </rPh>
    <rPh sb="23" eb="25">
      <t>ケンシュウ</t>
    </rPh>
    <rPh sb="26" eb="28">
      <t>ジッシ</t>
    </rPh>
    <phoneticPr fontId="6"/>
  </si>
  <si>
    <t>人</t>
    <rPh sb="0" eb="1">
      <t>ニン</t>
    </rPh>
    <phoneticPr fontId="84"/>
  </si>
  <si>
    <r>
      <t>地域移行支援サービス費（Ⅰ）</t>
    </r>
    <r>
      <rPr>
        <sz val="14"/>
        <color rgb="FFFF0000"/>
        <rFont val="ＭＳ Ｐゴシック"/>
        <family val="3"/>
        <charset val="128"/>
      </rPr>
      <t>（Ⅱ）</t>
    </r>
    <r>
      <rPr>
        <sz val="14"/>
        <color theme="1"/>
        <rFont val="ＭＳ Ｐゴシック"/>
        <family val="3"/>
        <charset val="128"/>
      </rPr>
      <t>に係る届出書</t>
    </r>
    <rPh sb="0" eb="2">
      <t>チイキ</t>
    </rPh>
    <rPh sb="2" eb="4">
      <t>イコウ</t>
    </rPh>
    <rPh sb="4" eb="6">
      <t>シエン</t>
    </rPh>
    <rPh sb="10" eb="11">
      <t>ヒ</t>
    </rPh>
    <rPh sb="18" eb="19">
      <t>カカ</t>
    </rPh>
    <rPh sb="20" eb="22">
      <t>トドケデ</t>
    </rPh>
    <rPh sb="22" eb="23">
      <t>ショ</t>
    </rPh>
    <phoneticPr fontId="6"/>
  </si>
  <si>
    <t xml:space="preserve">   ２　地域移行サービス費</t>
    <rPh sb="5" eb="7">
      <t>チイキ</t>
    </rPh>
    <rPh sb="7" eb="9">
      <t>イコウ</t>
    </rPh>
    <rPh sb="13" eb="14">
      <t>ヒ</t>
    </rPh>
    <phoneticPr fontId="6"/>
  </si>
  <si>
    <t>地域移行サービス費（Ⅰ）　　・　　地域移行サービス費（Ⅱ）</t>
    <rPh sb="0" eb="2">
      <t>チイキ</t>
    </rPh>
    <rPh sb="2" eb="4">
      <t>イコウ</t>
    </rPh>
    <rPh sb="8" eb="9">
      <t>ヒ</t>
    </rPh>
    <rPh sb="17" eb="19">
      <t>チイキ</t>
    </rPh>
    <rPh sb="19" eb="21">
      <t>イコウ</t>
    </rPh>
    <rPh sb="25" eb="26">
      <t>ヒ</t>
    </rPh>
    <phoneticPr fontId="6"/>
  </si>
  <si>
    <r>
      <t xml:space="preserve">　 </t>
    </r>
    <r>
      <rPr>
        <sz val="11"/>
        <color rgb="FFFF0000"/>
        <rFont val="ＭＳ Ｐゴシック"/>
        <family val="3"/>
        <charset val="128"/>
        <scheme val="minor"/>
      </rPr>
      <t>３</t>
    </r>
    <r>
      <rPr>
        <sz val="11"/>
        <color theme="1"/>
        <rFont val="ＭＳ Ｐゴシック"/>
        <family val="3"/>
        <charset val="128"/>
        <scheme val="minor"/>
      </rPr>
      <t>　有資格者の配置</t>
    </r>
    <rPh sb="4" eb="8">
      <t>ユウシカクシャ</t>
    </rPh>
    <rPh sb="9" eb="11">
      <t>ハイチ</t>
    </rPh>
    <phoneticPr fontId="6"/>
  </si>
  <si>
    <r>
      <t>　社会福祉士若しくは精神保健福祉士の資格を有する者又は</t>
    </r>
    <r>
      <rPr>
        <sz val="11"/>
        <color rgb="FFFF0000"/>
        <rFont val="ＭＳ Ｐゴシック"/>
        <family val="3"/>
        <charset val="128"/>
        <scheme val="minor"/>
      </rPr>
      <t>精神障害者地域移行・地域定着支援関係者研修修了者である相談支援専門員を</t>
    </r>
    <r>
      <rPr>
        <sz val="11"/>
        <color theme="1"/>
        <rFont val="ＭＳ Ｐゴシック"/>
        <family val="3"/>
        <charset val="128"/>
        <scheme val="minor"/>
      </rPr>
      <t>１人以上配置していること。</t>
    </r>
    <rPh sb="1" eb="3">
      <t>シャカイ</t>
    </rPh>
    <rPh sb="3" eb="6">
      <t>フクシシ</t>
    </rPh>
    <rPh sb="6" eb="7">
      <t>モ</t>
    </rPh>
    <rPh sb="10" eb="12">
      <t>セイシン</t>
    </rPh>
    <rPh sb="12" eb="14">
      <t>ホケン</t>
    </rPh>
    <rPh sb="14" eb="17">
      <t>フクシシ</t>
    </rPh>
    <rPh sb="18" eb="20">
      <t>シカク</t>
    </rPh>
    <rPh sb="21" eb="22">
      <t>ユウ</t>
    </rPh>
    <rPh sb="24" eb="25">
      <t>シャ</t>
    </rPh>
    <rPh sb="25" eb="26">
      <t>マタ</t>
    </rPh>
    <rPh sb="27" eb="29">
      <t>セイシン</t>
    </rPh>
    <rPh sb="29" eb="32">
      <t>ショウガイシャ</t>
    </rPh>
    <rPh sb="32" eb="34">
      <t>チイキ</t>
    </rPh>
    <rPh sb="34" eb="36">
      <t>イコウ</t>
    </rPh>
    <rPh sb="37" eb="39">
      <t>チイキ</t>
    </rPh>
    <rPh sb="39" eb="41">
      <t>テイチャク</t>
    </rPh>
    <rPh sb="41" eb="43">
      <t>シエン</t>
    </rPh>
    <rPh sb="43" eb="46">
      <t>カンケイシャ</t>
    </rPh>
    <rPh sb="46" eb="48">
      <t>ケンシュウ</t>
    </rPh>
    <rPh sb="48" eb="51">
      <t>シュウリョウシャ</t>
    </rPh>
    <rPh sb="54" eb="56">
      <t>ソウダン</t>
    </rPh>
    <rPh sb="56" eb="58">
      <t>シエン</t>
    </rPh>
    <rPh sb="58" eb="61">
      <t>センモンイン</t>
    </rPh>
    <rPh sb="63" eb="64">
      <t>ニン</t>
    </rPh>
    <rPh sb="64" eb="66">
      <t>イジョウ</t>
    </rPh>
    <rPh sb="66" eb="68">
      <t>ハイチ</t>
    </rPh>
    <phoneticPr fontId="6"/>
  </si>
  <si>
    <r>
      <t>　</t>
    </r>
    <r>
      <rPr>
        <sz val="11"/>
        <color rgb="FFFF0000"/>
        <rFont val="ＭＳ Ｐゴシック"/>
        <family val="3"/>
        <charset val="128"/>
        <scheme val="minor"/>
      </rPr>
      <t xml:space="preserve"> ４</t>
    </r>
    <r>
      <rPr>
        <sz val="11"/>
        <color theme="1"/>
        <rFont val="ＭＳ Ｐゴシック"/>
        <family val="3"/>
        <charset val="128"/>
        <scheme val="minor"/>
      </rPr>
      <t>　地域移行の実績</t>
    </r>
    <rPh sb="4" eb="6">
      <t>チイキ</t>
    </rPh>
    <rPh sb="6" eb="8">
      <t>イコウ</t>
    </rPh>
    <rPh sb="9" eb="11">
      <t>ジッセキ</t>
    </rPh>
    <phoneticPr fontId="6"/>
  </si>
  <si>
    <r>
      <t xml:space="preserve">　 </t>
    </r>
    <r>
      <rPr>
        <sz val="11"/>
        <color rgb="FFFF0000"/>
        <rFont val="ＭＳ Ｐゴシック"/>
        <family val="3"/>
        <charset val="128"/>
        <scheme val="minor"/>
      </rPr>
      <t>５</t>
    </r>
    <r>
      <rPr>
        <sz val="11"/>
        <color theme="1"/>
        <rFont val="ＭＳ Ｐゴシック"/>
        <family val="3"/>
        <charset val="128"/>
        <scheme val="minor"/>
      </rPr>
      <t>　関係機関との連携</t>
    </r>
    <rPh sb="4" eb="6">
      <t>カンケイ</t>
    </rPh>
    <rPh sb="6" eb="8">
      <t>キカン</t>
    </rPh>
    <rPh sb="10" eb="12">
      <t>レンケイ</t>
    </rPh>
    <phoneticPr fontId="6"/>
  </si>
  <si>
    <t>　　２　該当するものに〇を付してください</t>
    <rPh sb="4" eb="6">
      <t>ガイトウ</t>
    </rPh>
    <rPh sb="13" eb="14">
      <t>フ</t>
    </rPh>
    <phoneticPr fontId="6"/>
  </si>
  <si>
    <t>　　５　関係機関との連携については、その状況等を具体的に記載してください。</t>
    <rPh sb="4" eb="6">
      <t>カンケイ</t>
    </rPh>
    <rPh sb="6" eb="8">
      <t>キカン</t>
    </rPh>
    <rPh sb="10" eb="12">
      <t>レンケイ</t>
    </rPh>
    <phoneticPr fontId="6"/>
  </si>
  <si>
    <r>
      <t>　当該事業所の地域移行支援を利用した者のうち、地域移行支援計画に基づき、前年度に地域生活に移行した者</t>
    </r>
    <r>
      <rPr>
        <sz val="11"/>
        <color rgb="FFFF0000"/>
        <rFont val="ＭＳ Ｐゴシック"/>
        <family val="3"/>
        <charset val="128"/>
        <scheme val="minor"/>
      </rPr>
      <t>の人数</t>
    </r>
    <r>
      <rPr>
        <sz val="11"/>
        <color theme="1"/>
        <rFont val="ＭＳ Ｐゴシック"/>
        <family val="3"/>
        <charset val="128"/>
        <scheme val="minor"/>
      </rPr>
      <t>。
　　前年度に地域生活に移行した者の人数　・・・　　　　　　人</t>
    </r>
    <rPh sb="1" eb="3">
      <t>トウガイ</t>
    </rPh>
    <rPh sb="3" eb="6">
      <t>ジギョウショ</t>
    </rPh>
    <rPh sb="7" eb="9">
      <t>チイキ</t>
    </rPh>
    <rPh sb="9" eb="11">
      <t>イコウ</t>
    </rPh>
    <rPh sb="11" eb="13">
      <t>シエン</t>
    </rPh>
    <rPh sb="14" eb="16">
      <t>リヨウ</t>
    </rPh>
    <rPh sb="18" eb="19">
      <t>シャ</t>
    </rPh>
    <rPh sb="23" eb="25">
      <t>チイキ</t>
    </rPh>
    <rPh sb="25" eb="27">
      <t>イコウ</t>
    </rPh>
    <rPh sb="27" eb="31">
      <t>シエンケイカク</t>
    </rPh>
    <rPh sb="32" eb="33">
      <t>モト</t>
    </rPh>
    <rPh sb="36" eb="39">
      <t>ゼンネンド</t>
    </rPh>
    <rPh sb="40" eb="42">
      <t>チイキ</t>
    </rPh>
    <rPh sb="42" eb="44">
      <t>セイカツ</t>
    </rPh>
    <rPh sb="45" eb="47">
      <t>イコウ</t>
    </rPh>
    <rPh sb="49" eb="50">
      <t>シャ</t>
    </rPh>
    <rPh sb="51" eb="53">
      <t>ニンズウ</t>
    </rPh>
    <rPh sb="58" eb="61">
      <t>ゼンネンド</t>
    </rPh>
    <rPh sb="62" eb="66">
      <t>チイキセイカツ</t>
    </rPh>
    <rPh sb="67" eb="69">
      <t>イコウ</t>
    </rPh>
    <rPh sb="71" eb="72">
      <t>シャ</t>
    </rPh>
    <rPh sb="73" eb="75">
      <t>ニンズウ</t>
    </rPh>
    <rPh sb="85" eb="86">
      <t>ニン</t>
    </rPh>
    <phoneticPr fontId="6"/>
  </si>
  <si>
    <t>　対象者受入時において、その他の利用者への支援が低下しないよう、指定基準等において必要とされる配置人員に加え、対象者の支援に要する従業者を配置してください。なお、対象者受入以前から指定基準等を上回る従業者が配置されている事業所において、対象者受入時にその従業者を対象者の支援に充てることを妨げるものではありません。</t>
    <rPh sb="1" eb="4">
      <t>タイショウシャ</t>
    </rPh>
    <rPh sb="4" eb="7">
      <t>ウケイレジ</t>
    </rPh>
    <rPh sb="14" eb="15">
      <t>タ</t>
    </rPh>
    <rPh sb="16" eb="19">
      <t>リヨウシャ</t>
    </rPh>
    <rPh sb="21" eb="23">
      <t>シエン</t>
    </rPh>
    <rPh sb="24" eb="26">
      <t>テイカ</t>
    </rPh>
    <rPh sb="32" eb="34">
      <t>シテイ</t>
    </rPh>
    <rPh sb="34" eb="36">
      <t>キジュン</t>
    </rPh>
    <rPh sb="36" eb="37">
      <t>トウ</t>
    </rPh>
    <rPh sb="41" eb="43">
      <t>ヒツヨウ</t>
    </rPh>
    <rPh sb="47" eb="49">
      <t>ハイチ</t>
    </rPh>
    <rPh sb="49" eb="51">
      <t>ジンイン</t>
    </rPh>
    <rPh sb="52" eb="53">
      <t>クワ</t>
    </rPh>
    <rPh sb="55" eb="58">
      <t>タイショウシャ</t>
    </rPh>
    <rPh sb="59" eb="61">
      <t>シエン</t>
    </rPh>
    <rPh sb="62" eb="63">
      <t>ヨウ</t>
    </rPh>
    <rPh sb="65" eb="68">
      <t>ジュウギョウシャ</t>
    </rPh>
    <rPh sb="69" eb="71">
      <t>ハイチ</t>
    </rPh>
    <rPh sb="81" eb="84">
      <t>タイショウシャ</t>
    </rPh>
    <rPh sb="84" eb="86">
      <t>ウケイレ</t>
    </rPh>
    <rPh sb="86" eb="88">
      <t>イゼン</t>
    </rPh>
    <rPh sb="90" eb="92">
      <t>シテイ</t>
    </rPh>
    <rPh sb="92" eb="94">
      <t>キジュン</t>
    </rPh>
    <rPh sb="94" eb="95">
      <t>トウ</t>
    </rPh>
    <rPh sb="96" eb="98">
      <t>ウワマワ</t>
    </rPh>
    <rPh sb="99" eb="102">
      <t>ジュウギョウシャ</t>
    </rPh>
    <rPh sb="103" eb="105">
      <t>ハイチ</t>
    </rPh>
    <rPh sb="110" eb="113">
      <t>ジギョウショ</t>
    </rPh>
    <rPh sb="118" eb="121">
      <t>タイショウシャ</t>
    </rPh>
    <rPh sb="121" eb="124">
      <t>ウケイレジ</t>
    </rPh>
    <rPh sb="127" eb="130">
      <t>ジュウギョウシャ</t>
    </rPh>
    <rPh sb="131" eb="134">
      <t>タイショウシャ</t>
    </rPh>
    <rPh sb="135" eb="137">
      <t>シエン</t>
    </rPh>
    <rPh sb="138" eb="139">
      <t>ア</t>
    </rPh>
    <rPh sb="144" eb="145">
      <t>サマタ</t>
    </rPh>
    <phoneticPr fontId="6"/>
  </si>
  <si>
    <t>※</t>
    <phoneticPr fontId="6"/>
  </si>
  <si>
    <t>　｢関係機関との協力体制｣には、保護観察所、更生保護施設、医療観察法指定医療機関、精神保健福祉センター、地域生活定着支援センター、相談支援事業所など、協力体制が整えられている機関の具体名を記載してください。</t>
    <rPh sb="2" eb="4">
      <t>カンケイ</t>
    </rPh>
    <rPh sb="4" eb="6">
      <t>キカン</t>
    </rPh>
    <rPh sb="8" eb="10">
      <t>キョウリョク</t>
    </rPh>
    <rPh sb="10" eb="12">
      <t>タイセイ</t>
    </rPh>
    <rPh sb="16" eb="18">
      <t>ホゴ</t>
    </rPh>
    <rPh sb="18" eb="21">
      <t>カンサツショ</t>
    </rPh>
    <rPh sb="22" eb="24">
      <t>コウセイ</t>
    </rPh>
    <rPh sb="24" eb="26">
      <t>ホゴ</t>
    </rPh>
    <rPh sb="26" eb="28">
      <t>シセツ</t>
    </rPh>
    <rPh sb="29" eb="31">
      <t>イリョウ</t>
    </rPh>
    <rPh sb="31" eb="33">
      <t>カンサツ</t>
    </rPh>
    <rPh sb="33" eb="34">
      <t>ホウ</t>
    </rPh>
    <rPh sb="34" eb="36">
      <t>シテイ</t>
    </rPh>
    <rPh sb="36" eb="38">
      <t>イリョウ</t>
    </rPh>
    <rPh sb="38" eb="40">
      <t>キカン</t>
    </rPh>
    <rPh sb="41" eb="43">
      <t>セイシン</t>
    </rPh>
    <rPh sb="43" eb="45">
      <t>ホケン</t>
    </rPh>
    <rPh sb="45" eb="47">
      <t>フクシ</t>
    </rPh>
    <rPh sb="52" eb="54">
      <t>チイキ</t>
    </rPh>
    <rPh sb="54" eb="56">
      <t>セイカツ</t>
    </rPh>
    <rPh sb="56" eb="58">
      <t>テイチャク</t>
    </rPh>
    <rPh sb="58" eb="60">
      <t>シエン</t>
    </rPh>
    <rPh sb="65" eb="67">
      <t>ソウダン</t>
    </rPh>
    <rPh sb="67" eb="69">
      <t>シエン</t>
    </rPh>
    <rPh sb="69" eb="72">
      <t>ジギョウショ</t>
    </rPh>
    <rPh sb="75" eb="77">
      <t>キョウリョク</t>
    </rPh>
    <rPh sb="77" eb="79">
      <t>タイセイ</t>
    </rPh>
    <rPh sb="80" eb="81">
      <t>トトノ</t>
    </rPh>
    <rPh sb="87" eb="89">
      <t>キカン</t>
    </rPh>
    <rPh sb="90" eb="93">
      <t>グタイメイ</t>
    </rPh>
    <rPh sb="94" eb="96">
      <t>キサイ</t>
    </rPh>
    <phoneticPr fontId="6"/>
  </si>
  <si>
    <t>*3</t>
    <phoneticPr fontId="6"/>
  </si>
  <si>
    <t>　｢指導回数｣の記載方法について、｢月2回 毎月第1,第3水曜日 13:00～15:00｣のように具体的に記載してください。｢未定｣｢不定期｣などあいまいな記載は認められません。</t>
    <rPh sb="2" eb="4">
      <t>シドウ</t>
    </rPh>
    <rPh sb="4" eb="6">
      <t>カイスウ</t>
    </rPh>
    <rPh sb="8" eb="10">
      <t>キサイ</t>
    </rPh>
    <rPh sb="10" eb="12">
      <t>ホウホウ</t>
    </rPh>
    <rPh sb="18" eb="19">
      <t>ツキ</t>
    </rPh>
    <rPh sb="20" eb="21">
      <t>カイ</t>
    </rPh>
    <rPh sb="49" eb="52">
      <t>グタイテキ</t>
    </rPh>
    <rPh sb="53" eb="55">
      <t>キサイ</t>
    </rPh>
    <rPh sb="78" eb="80">
      <t>キサイ</t>
    </rPh>
    <rPh sb="81" eb="82">
      <t>ミト</t>
    </rPh>
    <phoneticPr fontId="6"/>
  </si>
  <si>
    <t>*2</t>
    <phoneticPr fontId="6"/>
  </si>
  <si>
    <t>　｢対象者」とは、矯正施設等(刑務所、拘置所、少年刑務所、少年院、少年鑑別所、婦人補導院、医療観察法指定医療機関及び更生保護施設)を退所、退院、釈放及び仮釈放後、保護観察所等との調整により事業所を利用することとなった障害者のことです。</t>
    <rPh sb="2" eb="5">
      <t>タイショウシャ</t>
    </rPh>
    <rPh sb="9" eb="11">
      <t>キョウセイ</t>
    </rPh>
    <rPh sb="11" eb="13">
      <t>シセツ</t>
    </rPh>
    <rPh sb="13" eb="14">
      <t>トウ</t>
    </rPh>
    <rPh sb="66" eb="68">
      <t>タイショ</t>
    </rPh>
    <rPh sb="79" eb="80">
      <t>ゴ</t>
    </rPh>
    <rPh sb="108" eb="111">
      <t>ショウガイシャ</t>
    </rPh>
    <phoneticPr fontId="6"/>
  </si>
  <si>
    <t>*1</t>
    <phoneticPr fontId="6"/>
  </si>
  <si>
    <t>備考</t>
    <rPh sb="0" eb="2">
      <t>ビコウ</t>
    </rPh>
    <phoneticPr fontId="6"/>
  </si>
  <si>
    <r>
      <t>○ 関係機関との協力体制</t>
    </r>
    <r>
      <rPr>
        <vertAlign val="superscript"/>
        <sz val="10"/>
        <rFont val="ＭＳ ゴシック"/>
        <family val="3"/>
        <charset val="128"/>
      </rPr>
      <t>*3</t>
    </r>
    <rPh sb="2" eb="4">
      <t>カンケイ</t>
    </rPh>
    <rPh sb="4" eb="6">
      <t>キカン</t>
    </rPh>
    <rPh sb="8" eb="10">
      <t>キョウリョク</t>
    </rPh>
    <rPh sb="10" eb="12">
      <t>タイセイ</t>
    </rPh>
    <phoneticPr fontId="6"/>
  </si>
  <si>
    <t>人</t>
    <rPh sb="0" eb="1">
      <t>ニン</t>
    </rPh>
    <phoneticPr fontId="6"/>
  </si>
  <si>
    <t>平成  年  月  日</t>
    <rPh sb="0" eb="2">
      <t>ヘイセイ</t>
    </rPh>
    <rPh sb="4" eb="5">
      <t>ネン</t>
    </rPh>
    <rPh sb="7" eb="8">
      <t>ツキ</t>
    </rPh>
    <rPh sb="10" eb="11">
      <t>ヒ</t>
    </rPh>
    <phoneticPr fontId="6"/>
  </si>
  <si>
    <t>前年度</t>
    <rPh sb="0" eb="3">
      <t>ゼンネンド</t>
    </rPh>
    <phoneticPr fontId="6"/>
  </si>
  <si>
    <t>今年度
(計画)</t>
    <rPh sb="0" eb="3">
      <t>コンネンド</t>
    </rPh>
    <rPh sb="5" eb="7">
      <t>ケイカク</t>
    </rPh>
    <phoneticPr fontId="6"/>
  </si>
  <si>
    <t>参加
職員数</t>
    <rPh sb="0" eb="2">
      <t>サンカ</t>
    </rPh>
    <rPh sb="3" eb="5">
      <t>ショクイン</t>
    </rPh>
    <phoneticPr fontId="6"/>
  </si>
  <si>
    <t>実施年月日</t>
    <rPh sb="0" eb="2">
      <t>ジッシ</t>
    </rPh>
    <rPh sb="2" eb="5">
      <t>ネンガッピ</t>
    </rPh>
    <phoneticPr fontId="6"/>
  </si>
  <si>
    <t>研　修　の　内　容</t>
    <rPh sb="0" eb="1">
      <t>ケン</t>
    </rPh>
    <rPh sb="2" eb="3">
      <t>オサム</t>
    </rPh>
    <rPh sb="6" eb="7">
      <t>ウチ</t>
    </rPh>
    <rPh sb="8" eb="9">
      <t>カタチ</t>
    </rPh>
    <phoneticPr fontId="6"/>
  </si>
  <si>
    <t>○ 対象者の支援に関する研修</t>
    <rPh sb="2" eb="5">
      <t>タイショウシャ</t>
    </rPh>
    <rPh sb="6" eb="8">
      <t>シエン</t>
    </rPh>
    <rPh sb="9" eb="10">
      <t>カン</t>
    </rPh>
    <rPh sb="12" eb="14">
      <t>ケンシュウ</t>
    </rPh>
    <phoneticPr fontId="6"/>
  </si>
  <si>
    <r>
      <t>指導回数</t>
    </r>
    <r>
      <rPr>
        <vertAlign val="superscript"/>
        <sz val="10"/>
        <rFont val="ＭＳ ゴシック"/>
        <family val="3"/>
        <charset val="128"/>
      </rPr>
      <t>*2</t>
    </r>
    <rPh sb="0" eb="2">
      <t>シドウ</t>
    </rPh>
    <rPh sb="2" eb="4">
      <t>カイスウ</t>
    </rPh>
    <phoneticPr fontId="6"/>
  </si>
  <si>
    <t>所属医療機関名</t>
    <rPh sb="0" eb="2">
      <t>ショゾク</t>
    </rPh>
    <rPh sb="2" eb="4">
      <t>イリョウ</t>
    </rPh>
    <rPh sb="4" eb="7">
      <t>キカンメイ</t>
    </rPh>
    <phoneticPr fontId="6"/>
  </si>
  <si>
    <t>氏　名</t>
    <rPh sb="0" eb="1">
      <t>シ</t>
    </rPh>
    <rPh sb="2" eb="3">
      <t>メイ</t>
    </rPh>
    <phoneticPr fontId="6"/>
  </si>
  <si>
    <t>○ 精神科を担当する医師による定期的な指導（施設入所支援のみ記載）</t>
    <rPh sb="2" eb="5">
      <t>セイシンカ</t>
    </rPh>
    <rPh sb="6" eb="8">
      <t>タントウ</t>
    </rPh>
    <rPh sb="10" eb="12">
      <t>イシ</t>
    </rPh>
    <rPh sb="15" eb="18">
      <t>テイキテキ</t>
    </rPh>
    <rPh sb="19" eb="21">
      <t>シドウ</t>
    </rPh>
    <rPh sb="22" eb="24">
      <t>シセツ</t>
    </rPh>
    <rPh sb="24" eb="26">
      <t>ニュウショ</t>
    </rPh>
    <rPh sb="26" eb="28">
      <t>シエン</t>
    </rPh>
    <rPh sb="30" eb="32">
      <t>キサイ</t>
    </rPh>
    <phoneticPr fontId="6"/>
  </si>
  <si>
    <t>□ 精神保健福祉士</t>
    <phoneticPr fontId="6"/>
  </si>
  <si>
    <t>□ 社会福祉士</t>
    <phoneticPr fontId="6"/>
  </si>
  <si>
    <t>所有資格</t>
    <rPh sb="0" eb="2">
      <t>ショユウ</t>
    </rPh>
    <rPh sb="2" eb="3">
      <t>シ</t>
    </rPh>
    <rPh sb="3" eb="4">
      <t>カク</t>
    </rPh>
    <phoneticPr fontId="6"/>
  </si>
  <si>
    <t>○ 支援体制の中心となる有資格者※資格証の写しを添付</t>
    <rPh sb="2" eb="4">
      <t>シエン</t>
    </rPh>
    <rPh sb="4" eb="6">
      <t>タイセイ</t>
    </rPh>
    <rPh sb="7" eb="9">
      <t>チュウシン</t>
    </rPh>
    <rPh sb="12" eb="16">
      <t>ユウシカクシャ</t>
    </rPh>
    <rPh sb="17" eb="19">
      <t>シカク</t>
    </rPh>
    <rPh sb="19" eb="20">
      <t>ショウ</t>
    </rPh>
    <rPh sb="21" eb="22">
      <t>ウツ</t>
    </rPh>
    <rPh sb="24" eb="26">
      <t>テンプ</t>
    </rPh>
    <phoneticPr fontId="6"/>
  </si>
  <si>
    <r>
      <t xml:space="preserve"> d. 対象者受入時における加配職員数（b+c-a）　</t>
    </r>
    <r>
      <rPr>
        <sz val="9"/>
        <rFont val="ＭＳ ゴシック"/>
        <family val="3"/>
        <charset val="128"/>
      </rPr>
      <t>＝ 対象者支援に従事可能な職員数</t>
    </r>
    <rPh sb="4" eb="7">
      <t>タイショウシャ</t>
    </rPh>
    <rPh sb="7" eb="10">
      <t>ウケイレジ</t>
    </rPh>
    <rPh sb="14" eb="16">
      <t>カハイ</t>
    </rPh>
    <rPh sb="16" eb="19">
      <t>ショクインスウ</t>
    </rPh>
    <rPh sb="29" eb="32">
      <t>タイショウシャ</t>
    </rPh>
    <rPh sb="32" eb="34">
      <t>シエン</t>
    </rPh>
    <rPh sb="35" eb="37">
      <t>ジュウジ</t>
    </rPh>
    <rPh sb="37" eb="39">
      <t>カノウ</t>
    </rPh>
    <rPh sb="40" eb="42">
      <t>ショクイン</t>
    </rPh>
    <rPh sb="42" eb="43">
      <t>スウ</t>
    </rPh>
    <phoneticPr fontId="6"/>
  </si>
  <si>
    <t xml:space="preserve"> c. 対象者受入時に新たに配置する計画の生活支援員及び世話人の数（常勤換算）</t>
    <rPh sb="4" eb="7">
      <t>タイショウシャ</t>
    </rPh>
    <rPh sb="7" eb="10">
      <t>ウケイレジ</t>
    </rPh>
    <rPh sb="11" eb="12">
      <t>アラ</t>
    </rPh>
    <rPh sb="14" eb="16">
      <t>ハイチ</t>
    </rPh>
    <rPh sb="18" eb="20">
      <t>ケイカク</t>
    </rPh>
    <rPh sb="21" eb="23">
      <t>セイカツ</t>
    </rPh>
    <rPh sb="23" eb="26">
      <t>シエンイン</t>
    </rPh>
    <rPh sb="26" eb="27">
      <t>オヨ</t>
    </rPh>
    <rPh sb="28" eb="31">
      <t>セワニン</t>
    </rPh>
    <rPh sb="32" eb="33">
      <t>カズ</t>
    </rPh>
    <rPh sb="34" eb="36">
      <t>ジョウキン</t>
    </rPh>
    <rPh sb="36" eb="38">
      <t>カンサン</t>
    </rPh>
    <phoneticPr fontId="6"/>
  </si>
  <si>
    <t xml:space="preserve"> b. 当事業所において現在配置されている生活支援員及び世話人の数（常勤換算）</t>
    <rPh sb="4" eb="5">
      <t>トウ</t>
    </rPh>
    <rPh sb="5" eb="8">
      <t>ジギョウショ</t>
    </rPh>
    <rPh sb="12" eb="14">
      <t>ゲンザイ</t>
    </rPh>
    <rPh sb="14" eb="16">
      <t>ハイチ</t>
    </rPh>
    <rPh sb="21" eb="23">
      <t>セイカツ</t>
    </rPh>
    <rPh sb="23" eb="26">
      <t>シエンイン</t>
    </rPh>
    <rPh sb="26" eb="27">
      <t>オヨ</t>
    </rPh>
    <rPh sb="28" eb="31">
      <t>セワニン</t>
    </rPh>
    <rPh sb="32" eb="33">
      <t>スウ</t>
    </rPh>
    <rPh sb="34" eb="36">
      <t>ジョウキン</t>
    </rPh>
    <rPh sb="36" eb="38">
      <t>カンサン</t>
    </rPh>
    <phoneticPr fontId="6"/>
  </si>
  <si>
    <t xml:space="preserve"> a. 指定基準及び報酬告示等に定める生活支援員及び世話人の必要数（常勤換算）</t>
    <rPh sb="4" eb="6">
      <t>シテイ</t>
    </rPh>
    <rPh sb="6" eb="8">
      <t>キジュン</t>
    </rPh>
    <rPh sb="8" eb="9">
      <t>オヨ</t>
    </rPh>
    <rPh sb="10" eb="12">
      <t>ホウシュウ</t>
    </rPh>
    <rPh sb="12" eb="14">
      <t>コクジ</t>
    </rPh>
    <rPh sb="14" eb="15">
      <t>トウ</t>
    </rPh>
    <rPh sb="16" eb="17">
      <t>サダ</t>
    </rPh>
    <rPh sb="19" eb="21">
      <t>セイカツ</t>
    </rPh>
    <rPh sb="21" eb="24">
      <t>シエンイン</t>
    </rPh>
    <rPh sb="24" eb="25">
      <t>オヨ</t>
    </rPh>
    <rPh sb="26" eb="29">
      <t>セワニン</t>
    </rPh>
    <rPh sb="30" eb="32">
      <t>ヒツヨウ</t>
    </rPh>
    <rPh sb="32" eb="33">
      <t>スウ</t>
    </rPh>
    <rPh sb="34" eb="36">
      <t>ジョウキン</t>
    </rPh>
    <rPh sb="36" eb="38">
      <t>カンサン</t>
    </rPh>
    <phoneticPr fontId="6"/>
  </si>
  <si>
    <r>
      <t>○ 対象者</t>
    </r>
    <r>
      <rPr>
        <vertAlign val="superscript"/>
        <sz val="10"/>
        <rFont val="ＭＳ ゴシック"/>
        <family val="3"/>
        <charset val="128"/>
      </rPr>
      <t>*1</t>
    </r>
    <r>
      <rPr>
        <sz val="11"/>
        <rFont val="ＭＳ ゴシック"/>
        <family val="3"/>
        <charset val="128"/>
      </rPr>
      <t>受入時において適切な支援を行うために配置する生活支援員及び世話人の数</t>
    </r>
    <rPh sb="2" eb="5">
      <t>タイショウシャ</t>
    </rPh>
    <rPh sb="7" eb="10">
      <t>ウケイレジ</t>
    </rPh>
    <rPh sb="14" eb="16">
      <t>テキセツ</t>
    </rPh>
    <rPh sb="17" eb="19">
      <t>シエン</t>
    </rPh>
    <rPh sb="20" eb="21">
      <t>オコナ</t>
    </rPh>
    <rPh sb="25" eb="27">
      <t>ハイチ</t>
    </rPh>
    <rPh sb="29" eb="31">
      <t>セイカツ</t>
    </rPh>
    <rPh sb="31" eb="34">
      <t>シエンイン</t>
    </rPh>
    <rPh sb="34" eb="35">
      <t>オヨ</t>
    </rPh>
    <rPh sb="36" eb="39">
      <t>セワニン</t>
    </rPh>
    <rPh sb="40" eb="41">
      <t>スウ</t>
    </rPh>
    <phoneticPr fontId="6"/>
  </si>
  <si>
    <t>施設基準</t>
    <rPh sb="0" eb="2">
      <t>シセツ</t>
    </rPh>
    <rPh sb="2" eb="4">
      <t>キジュン</t>
    </rPh>
    <phoneticPr fontId="6"/>
  </si>
  <si>
    <t>（地域生活移行個別支援特別加算に関する体制）</t>
    <rPh sb="1" eb="3">
      <t>チイキ</t>
    </rPh>
    <rPh sb="3" eb="5">
      <t>セイカツ</t>
    </rPh>
    <rPh sb="5" eb="7">
      <t>イコウ</t>
    </rPh>
    <rPh sb="7" eb="9">
      <t>コベツ</t>
    </rPh>
    <rPh sb="9" eb="11">
      <t>シエン</t>
    </rPh>
    <rPh sb="11" eb="13">
      <t>トクベツ</t>
    </rPh>
    <rPh sb="13" eb="15">
      <t>カサン</t>
    </rPh>
    <rPh sb="16" eb="17">
      <t>カン</t>
    </rPh>
    <rPh sb="19" eb="21">
      <t>タイセイ</t>
    </rPh>
    <phoneticPr fontId="6"/>
  </si>
  <si>
    <t>矯正施設等を退所した障がい者の受入時における
有資格者を中心とした連携による支援の状況</t>
    <rPh sb="0" eb="2">
      <t>キョウセイ</t>
    </rPh>
    <rPh sb="2" eb="4">
      <t>シセツ</t>
    </rPh>
    <rPh sb="4" eb="5">
      <t>トウ</t>
    </rPh>
    <rPh sb="6" eb="8">
      <t>タイショ</t>
    </rPh>
    <rPh sb="10" eb="11">
      <t>ショウ</t>
    </rPh>
    <rPh sb="13" eb="14">
      <t>モノ</t>
    </rPh>
    <phoneticPr fontId="6"/>
  </si>
  <si>
    <t>前年度（　　　年度）</t>
    <rPh sb="0" eb="3">
      <t>ゼンネンド</t>
    </rPh>
    <rPh sb="7" eb="9">
      <t>ネンド</t>
    </rPh>
    <phoneticPr fontId="84"/>
  </si>
  <si>
    <t>雇用契約を締結していた全ての利用者における延べ労働時間</t>
    <rPh sb="0" eb="2">
      <t>コヨウ</t>
    </rPh>
    <rPh sb="2" eb="4">
      <t>ケイヤク</t>
    </rPh>
    <rPh sb="5" eb="7">
      <t>テイケツ</t>
    </rPh>
    <rPh sb="11" eb="12">
      <t>スベ</t>
    </rPh>
    <rPh sb="14" eb="17">
      <t>リヨウシャ</t>
    </rPh>
    <rPh sb="21" eb="22">
      <t>ノ</t>
    </rPh>
    <rPh sb="23" eb="25">
      <t>ロウドウ</t>
    </rPh>
    <rPh sb="25" eb="27">
      <t>ジカン</t>
    </rPh>
    <phoneticPr fontId="84"/>
  </si>
  <si>
    <t>雇用契約を締結していた延べ利用者数</t>
    <rPh sb="0" eb="2">
      <t>コヨウ</t>
    </rPh>
    <rPh sb="2" eb="4">
      <t>ケイヤク</t>
    </rPh>
    <rPh sb="5" eb="7">
      <t>テイケツ</t>
    </rPh>
    <rPh sb="11" eb="12">
      <t>ノ</t>
    </rPh>
    <rPh sb="13" eb="16">
      <t>リヨウシャ</t>
    </rPh>
    <rPh sb="16" eb="17">
      <t>スウ</t>
    </rPh>
    <phoneticPr fontId="84"/>
  </si>
  <si>
    <t>利用者の１日の平均労働時間数</t>
    <rPh sb="0" eb="3">
      <t>リヨウシャ</t>
    </rPh>
    <rPh sb="5" eb="6">
      <t>ニチ</t>
    </rPh>
    <rPh sb="7" eb="9">
      <t>ヘイキン</t>
    </rPh>
    <rPh sb="9" eb="11">
      <t>ロウドウ</t>
    </rPh>
    <rPh sb="11" eb="13">
      <t>ジカン</t>
    </rPh>
    <rPh sb="13" eb="14">
      <t>スウ</t>
    </rPh>
    <phoneticPr fontId="84"/>
  </si>
  <si>
    <t>時間</t>
    <rPh sb="0" eb="2">
      <t>ジカン</t>
    </rPh>
    <phoneticPr fontId="84"/>
  </si>
  <si>
    <t>会計期間（　　月～　　月）</t>
    <rPh sb="0" eb="2">
      <t>カイケイ</t>
    </rPh>
    <rPh sb="2" eb="4">
      <t>キカン</t>
    </rPh>
    <rPh sb="7" eb="8">
      <t>ガツ</t>
    </rPh>
    <rPh sb="11" eb="12">
      <t>ガツ</t>
    </rPh>
    <phoneticPr fontId="84"/>
  </si>
  <si>
    <t>前々年度（　　　年度）</t>
    <rPh sb="0" eb="2">
      <t>ゼンゼン</t>
    </rPh>
    <rPh sb="2" eb="4">
      <t>ネンド</t>
    </rPh>
    <rPh sb="8" eb="10">
      <t>ネンド</t>
    </rPh>
    <phoneticPr fontId="84"/>
  </si>
  <si>
    <t>生産活動収入から経費を除いた額</t>
    <rPh sb="0" eb="2">
      <t>セイサン</t>
    </rPh>
    <rPh sb="2" eb="4">
      <t>カツドウ</t>
    </rPh>
    <rPh sb="4" eb="6">
      <t>シュウニュウ</t>
    </rPh>
    <rPh sb="8" eb="10">
      <t>ケイヒ</t>
    </rPh>
    <rPh sb="11" eb="12">
      <t>ノゾ</t>
    </rPh>
    <rPh sb="14" eb="15">
      <t>ガク</t>
    </rPh>
    <phoneticPr fontId="84"/>
  </si>
  <si>
    <t>利用者に支払った賃金総額</t>
    <rPh sb="0" eb="3">
      <t>リヨウシャ</t>
    </rPh>
    <rPh sb="4" eb="6">
      <t>シハラ</t>
    </rPh>
    <rPh sb="8" eb="10">
      <t>チンギン</t>
    </rPh>
    <rPh sb="10" eb="12">
      <t>ソウガク</t>
    </rPh>
    <phoneticPr fontId="84"/>
  </si>
  <si>
    <t>収支</t>
    <rPh sb="0" eb="2">
      <t>シュウシ</t>
    </rPh>
    <phoneticPr fontId="84"/>
  </si>
  <si>
    <t>円</t>
    <rPh sb="0" eb="1">
      <t>エン</t>
    </rPh>
    <phoneticPr fontId="84"/>
  </si>
  <si>
    <t>前年度　（　　　年度）</t>
    <rPh sb="0" eb="3">
      <t>ゼンネンドネンド</t>
    </rPh>
    <rPh sb="8" eb="10">
      <t>ネンド</t>
    </rPh>
    <phoneticPr fontId="84"/>
  </si>
  <si>
    <t>（Ⅲ）多様な働き方</t>
    <rPh sb="3" eb="5">
      <t>タヨウ</t>
    </rPh>
    <rPh sb="6" eb="7">
      <t>ハタラ</t>
    </rPh>
    <rPh sb="8" eb="9">
      <t>カタ</t>
    </rPh>
    <phoneticPr fontId="84"/>
  </si>
  <si>
    <t>①免許・資格取得、検定の受検勧奨に関する制度</t>
    <rPh sb="1" eb="3">
      <t>メンキョ</t>
    </rPh>
    <rPh sb="4" eb="6">
      <t>シカク</t>
    </rPh>
    <rPh sb="6" eb="8">
      <t>シュトク</t>
    </rPh>
    <rPh sb="9" eb="11">
      <t>ケンテイ</t>
    </rPh>
    <rPh sb="12" eb="14">
      <t>ジュケン</t>
    </rPh>
    <rPh sb="14" eb="16">
      <t>カンショウ</t>
    </rPh>
    <rPh sb="17" eb="18">
      <t>カン</t>
    </rPh>
    <rPh sb="20" eb="22">
      <t>セイド</t>
    </rPh>
    <phoneticPr fontId="84"/>
  </si>
  <si>
    <t>◎免許・資格取得、検定の受検勧奨</t>
    <rPh sb="1" eb="3">
      <t>メンキョ</t>
    </rPh>
    <rPh sb="4" eb="6">
      <t>シカク</t>
    </rPh>
    <rPh sb="6" eb="8">
      <t>シュトク</t>
    </rPh>
    <rPh sb="9" eb="11">
      <t>ケンテイ</t>
    </rPh>
    <rPh sb="12" eb="14">
      <t>ジュケン</t>
    </rPh>
    <rPh sb="14" eb="16">
      <t>カンショウ</t>
    </rPh>
    <phoneticPr fontId="84"/>
  </si>
  <si>
    <t>名</t>
    <rPh sb="0" eb="1">
      <t>メイ</t>
    </rPh>
    <phoneticPr fontId="84"/>
  </si>
  <si>
    <t>④フレックスタイム制に係る労働条件</t>
    <rPh sb="9" eb="10">
      <t>セイ</t>
    </rPh>
    <rPh sb="11" eb="12">
      <t>カカ</t>
    </rPh>
    <phoneticPr fontId="84"/>
  </si>
  <si>
    <t>⑤短時間勤務に係る労働条件</t>
    <rPh sb="1" eb="4">
      <t>タンジカン</t>
    </rPh>
    <rPh sb="4" eb="6">
      <t>キンム</t>
    </rPh>
    <rPh sb="7" eb="8">
      <t>カカ</t>
    </rPh>
    <rPh sb="9" eb="11">
      <t>ロウドウ</t>
    </rPh>
    <rPh sb="11" eb="13">
      <t>ジョウケン</t>
    </rPh>
    <phoneticPr fontId="84"/>
  </si>
  <si>
    <t>⑥時差出勤制度に係る労働条件</t>
    <rPh sb="1" eb="3">
      <t>ジサ</t>
    </rPh>
    <rPh sb="3" eb="5">
      <t>シュッキン</t>
    </rPh>
    <rPh sb="5" eb="7">
      <t>セイド</t>
    </rPh>
    <rPh sb="8" eb="9">
      <t>カカワ</t>
    </rPh>
    <rPh sb="10" eb="12">
      <t>ロウドウ</t>
    </rPh>
    <rPh sb="12" eb="14">
      <t>ジョウケン</t>
    </rPh>
    <phoneticPr fontId="84"/>
  </si>
  <si>
    <t>⑦有給休暇の時間単位取得又は計画的付与制度</t>
    <rPh sb="1" eb="3">
      <t>ユウキュウ</t>
    </rPh>
    <rPh sb="3" eb="5">
      <t>キュウカ</t>
    </rPh>
    <rPh sb="6" eb="8">
      <t>ジカン</t>
    </rPh>
    <rPh sb="8" eb="10">
      <t>タンイ</t>
    </rPh>
    <rPh sb="10" eb="12">
      <t>シュトク</t>
    </rPh>
    <rPh sb="12" eb="13">
      <t>マタ</t>
    </rPh>
    <rPh sb="14" eb="17">
      <t>ケイカクテキ</t>
    </rPh>
    <rPh sb="17" eb="19">
      <t>フヨ</t>
    </rPh>
    <rPh sb="19" eb="21">
      <t>セイド</t>
    </rPh>
    <phoneticPr fontId="84"/>
  </si>
  <si>
    <t>⑧傷病休暇等の取得に関する事項</t>
    <rPh sb="1" eb="3">
      <t>ショウビョウ</t>
    </rPh>
    <rPh sb="3" eb="5">
      <t>キュウカ</t>
    </rPh>
    <rPh sb="5" eb="6">
      <t>トウ</t>
    </rPh>
    <rPh sb="7" eb="9">
      <t>シュトク</t>
    </rPh>
    <rPh sb="10" eb="11">
      <t>カン</t>
    </rPh>
    <rPh sb="13" eb="15">
      <t>ジコウ</t>
    </rPh>
    <phoneticPr fontId="84"/>
  </si>
  <si>
    <t>①研修計画に基づいた外部研修会又は内部研修会</t>
    <phoneticPr fontId="84"/>
  </si>
  <si>
    <t>③視察・実習の実施又は受け入れ</t>
    <phoneticPr fontId="84"/>
  </si>
  <si>
    <t>◎研修計画を策定している</t>
    <rPh sb="1" eb="3">
      <t>ケンシュウ</t>
    </rPh>
    <rPh sb="3" eb="5">
      <t>ケイカク</t>
    </rPh>
    <rPh sb="6" eb="8">
      <t>サクテイ</t>
    </rPh>
    <phoneticPr fontId="84"/>
  </si>
  <si>
    <t>◎研修、学会等又は学会誌等において</t>
    <rPh sb="1" eb="3">
      <t>ケンシュウ</t>
    </rPh>
    <rPh sb="4" eb="6">
      <t>ガッカイ</t>
    </rPh>
    <rPh sb="6" eb="7">
      <t>トウ</t>
    </rPh>
    <rPh sb="7" eb="8">
      <t>マタ</t>
    </rPh>
    <rPh sb="9" eb="12">
      <t>ガッカイシ</t>
    </rPh>
    <rPh sb="12" eb="13">
      <t>トウ</t>
    </rPh>
    <phoneticPr fontId="84"/>
  </si>
  <si>
    <t>◎先進的事業者の視察・実習の実施している</t>
    <rPh sb="1" eb="4">
      <t>センシンテキ</t>
    </rPh>
    <rPh sb="4" eb="7">
      <t>ジギョウシャ</t>
    </rPh>
    <rPh sb="8" eb="10">
      <t>シサツ</t>
    </rPh>
    <rPh sb="11" eb="13">
      <t>ジッシュウ</t>
    </rPh>
    <rPh sb="14" eb="16">
      <t>ジッシ</t>
    </rPh>
    <phoneticPr fontId="84"/>
  </si>
  <si>
    <r>
      <t>※</t>
    </r>
    <r>
      <rPr>
        <sz val="10"/>
        <color theme="1"/>
        <rFont val="ＭＳ ゴシック"/>
        <family val="3"/>
        <charset val="128"/>
      </rPr>
      <t>研修、学会等名</t>
    </r>
    <rPh sb="1" eb="3">
      <t>ケンシュウ</t>
    </rPh>
    <rPh sb="4" eb="6">
      <t>ガッカイ</t>
    </rPh>
    <rPh sb="6" eb="7">
      <t>トウ</t>
    </rPh>
    <rPh sb="7" eb="8">
      <t>メイ</t>
    </rPh>
    <phoneticPr fontId="84"/>
  </si>
  <si>
    <r>
      <t>※</t>
    </r>
    <r>
      <rPr>
        <sz val="10"/>
        <color theme="1"/>
        <rFont val="ＭＳ ゴシック"/>
        <family val="3"/>
        <charset val="128"/>
      </rPr>
      <t>先進的事業者名</t>
    </r>
    <rPh sb="1" eb="4">
      <t>センシンテキ</t>
    </rPh>
    <rPh sb="4" eb="7">
      <t>ジギョウシャ</t>
    </rPh>
    <rPh sb="7" eb="8">
      <t>メイ</t>
    </rPh>
    <phoneticPr fontId="84"/>
  </si>
  <si>
    <t xml:space="preserve"> 実施日</t>
    <rPh sb="1" eb="3">
      <t>ジッシ</t>
    </rPh>
    <rPh sb="3" eb="4">
      <t>ビ</t>
    </rPh>
    <phoneticPr fontId="84"/>
  </si>
  <si>
    <t>月</t>
    <rPh sb="0" eb="1">
      <t>ガツ</t>
    </rPh>
    <phoneticPr fontId="84"/>
  </si>
  <si>
    <t>日</t>
    <rPh sb="0" eb="1">
      <t>ニチ</t>
    </rPh>
    <phoneticPr fontId="84"/>
  </si>
  <si>
    <t xml:space="preserve"> 実施日/ 参加者数</t>
    <rPh sb="1" eb="3">
      <t>ジッシ</t>
    </rPh>
    <rPh sb="3" eb="4">
      <t>ビ</t>
    </rPh>
    <rPh sb="6" eb="10">
      <t>サンカシャスウ</t>
    </rPh>
    <phoneticPr fontId="84"/>
  </si>
  <si>
    <r>
      <rPr>
        <sz val="6"/>
        <color theme="1"/>
        <rFont val="ＭＳ ゴシック"/>
        <family val="3"/>
        <charset val="128"/>
      </rPr>
      <t>※</t>
    </r>
    <r>
      <rPr>
        <sz val="10"/>
        <color theme="1"/>
        <rFont val="ＭＳ ゴシック"/>
        <family val="3"/>
        <charset val="128"/>
      </rPr>
      <t>学会誌等名</t>
    </r>
    <rPh sb="5" eb="6">
      <t>メイ</t>
    </rPh>
    <phoneticPr fontId="84"/>
  </si>
  <si>
    <r>
      <t>※</t>
    </r>
    <r>
      <rPr>
        <sz val="10"/>
        <color theme="1"/>
        <rFont val="ＭＳ ゴシック"/>
        <family val="3"/>
        <charset val="128"/>
      </rPr>
      <t>他の事業所名</t>
    </r>
    <rPh sb="1" eb="2">
      <t>タ</t>
    </rPh>
    <rPh sb="3" eb="6">
      <t>ジギョウショ</t>
    </rPh>
    <rPh sb="6" eb="7">
      <t>メイ</t>
    </rPh>
    <phoneticPr fontId="84"/>
  </si>
  <si>
    <t xml:space="preserve"> 掲載日</t>
    <rPh sb="1" eb="3">
      <t>ケイサイ</t>
    </rPh>
    <phoneticPr fontId="84"/>
  </si>
  <si>
    <t xml:space="preserve"> 発表テーマ</t>
    <rPh sb="1" eb="3">
      <t>ハッピョウ</t>
    </rPh>
    <phoneticPr fontId="84"/>
  </si>
  <si>
    <t>④販路拡大の商談会等への参加</t>
    <rPh sb="1" eb="3">
      <t>ハンロ</t>
    </rPh>
    <rPh sb="3" eb="5">
      <t>カクダイ</t>
    </rPh>
    <rPh sb="6" eb="9">
      <t>ショウダンカイ</t>
    </rPh>
    <rPh sb="9" eb="10">
      <t>トウ</t>
    </rPh>
    <rPh sb="12" eb="14">
      <t>サンカ</t>
    </rPh>
    <phoneticPr fontId="84"/>
  </si>
  <si>
    <t>⑤職員の人事評価制度</t>
    <rPh sb="1" eb="3">
      <t>ショクイン</t>
    </rPh>
    <rPh sb="4" eb="6">
      <t>ジンジ</t>
    </rPh>
    <rPh sb="6" eb="8">
      <t>ヒョウカ</t>
    </rPh>
    <rPh sb="8" eb="10">
      <t>セイド</t>
    </rPh>
    <phoneticPr fontId="84"/>
  </si>
  <si>
    <t>⑥ピアサポーターの配置</t>
    <rPh sb="9" eb="11">
      <t>ハイチ</t>
    </rPh>
    <phoneticPr fontId="84"/>
  </si>
  <si>
    <t>◎職員の人事評価制度を整備している</t>
    <rPh sb="1" eb="3">
      <t>ショクイン</t>
    </rPh>
    <rPh sb="4" eb="6">
      <t>ジンジ</t>
    </rPh>
    <rPh sb="6" eb="8">
      <t>ヒョウカ</t>
    </rPh>
    <rPh sb="8" eb="10">
      <t>セイド</t>
    </rPh>
    <rPh sb="11" eb="13">
      <t>セイビ</t>
    </rPh>
    <phoneticPr fontId="84"/>
  </si>
  <si>
    <t>◎ピアサポーターを配置している</t>
    <rPh sb="9" eb="11">
      <t>ハイチ</t>
    </rPh>
    <phoneticPr fontId="84"/>
  </si>
  <si>
    <t>◎当該人事評価制度を周知している</t>
    <rPh sb="1" eb="3">
      <t>トウガイ</t>
    </rPh>
    <rPh sb="3" eb="5">
      <t>ジンジ</t>
    </rPh>
    <rPh sb="5" eb="7">
      <t>ヒョウカ</t>
    </rPh>
    <rPh sb="7" eb="9">
      <t>セイド</t>
    </rPh>
    <rPh sb="10" eb="12">
      <t>シュウチ</t>
    </rPh>
    <phoneticPr fontId="84"/>
  </si>
  <si>
    <t>◎当該ピアサポーターは「障害者ﾋﾟｱｻﾎﾟｰﾄ研修」</t>
    <rPh sb="1" eb="3">
      <t>トウガイ</t>
    </rPh>
    <rPh sb="12" eb="15">
      <t>ショウガイシャ</t>
    </rPh>
    <rPh sb="23" eb="25">
      <t>ケンシュウ</t>
    </rPh>
    <phoneticPr fontId="84"/>
  </si>
  <si>
    <r>
      <t>※</t>
    </r>
    <r>
      <rPr>
        <sz val="10"/>
        <color theme="1"/>
        <rFont val="ＭＳ ゴシック"/>
        <family val="3"/>
        <charset val="128"/>
      </rPr>
      <t>商談会等名</t>
    </r>
    <rPh sb="1" eb="4">
      <t>ショウダンカイ</t>
    </rPh>
    <rPh sb="4" eb="5">
      <t>トウ</t>
    </rPh>
    <rPh sb="5" eb="6">
      <t>ガクメイ</t>
    </rPh>
    <phoneticPr fontId="84"/>
  </si>
  <si>
    <t>人事評価制度の制定日</t>
    <rPh sb="0" eb="2">
      <t>ジンジ</t>
    </rPh>
    <rPh sb="2" eb="4">
      <t>ヒョウカ</t>
    </rPh>
    <rPh sb="4" eb="6">
      <t>セイド</t>
    </rPh>
    <rPh sb="7" eb="9">
      <t>セイテイ</t>
    </rPh>
    <rPh sb="9" eb="10">
      <t>ビ</t>
    </rPh>
    <phoneticPr fontId="84"/>
  </si>
  <si>
    <t>年</t>
    <rPh sb="0" eb="1">
      <t>ネン</t>
    </rPh>
    <phoneticPr fontId="84"/>
  </si>
  <si>
    <t>　を受講している</t>
    <rPh sb="2" eb="4">
      <t>ジュコウ</t>
    </rPh>
    <phoneticPr fontId="84"/>
  </si>
  <si>
    <t xml:space="preserve"> 主催者名</t>
    <rPh sb="1" eb="4">
      <t>シュサイシャ</t>
    </rPh>
    <rPh sb="4" eb="5">
      <t>メイ</t>
    </rPh>
    <phoneticPr fontId="84"/>
  </si>
  <si>
    <t>人事評価制度の対象職員数</t>
    <rPh sb="0" eb="2">
      <t>ジンジ</t>
    </rPh>
    <rPh sb="2" eb="4">
      <t>ヒョウカ</t>
    </rPh>
    <rPh sb="4" eb="6">
      <t>セイド</t>
    </rPh>
    <rPh sb="7" eb="9">
      <t>タイショウ</t>
    </rPh>
    <rPh sb="9" eb="12">
      <t>ショクインスウ</t>
    </rPh>
    <phoneticPr fontId="84"/>
  </si>
  <si>
    <r>
      <t>※</t>
    </r>
    <r>
      <rPr>
        <sz val="10"/>
        <color theme="1"/>
        <rFont val="ＭＳ ゴシック"/>
        <family val="3"/>
        <charset val="128"/>
      </rPr>
      <t>配置期間　　月　日～　月　日</t>
    </r>
    <rPh sb="1" eb="3">
      <t>ハイチ</t>
    </rPh>
    <rPh sb="3" eb="5">
      <t>キカン</t>
    </rPh>
    <rPh sb="7" eb="8">
      <t>ガツ</t>
    </rPh>
    <rPh sb="9" eb="10">
      <t>ニチ</t>
    </rPh>
    <rPh sb="12" eb="13">
      <t>ガツ</t>
    </rPh>
    <rPh sb="14" eb="15">
      <t>ニチ</t>
    </rPh>
    <phoneticPr fontId="84"/>
  </si>
  <si>
    <t xml:space="preserve"> 日時</t>
    <rPh sb="1" eb="3">
      <t>ニチジ</t>
    </rPh>
    <phoneticPr fontId="84"/>
  </si>
  <si>
    <t>うち昇給・昇格を行った者</t>
    <rPh sb="2" eb="4">
      <t>ショウキュウ</t>
    </rPh>
    <rPh sb="5" eb="7">
      <t>ショウカク</t>
    </rPh>
    <rPh sb="8" eb="9">
      <t>オコナ</t>
    </rPh>
    <rPh sb="11" eb="12">
      <t>モノ</t>
    </rPh>
    <phoneticPr fontId="84"/>
  </si>
  <si>
    <t xml:space="preserve"> 就業時間</t>
    <rPh sb="1" eb="3">
      <t>シュウギョウ</t>
    </rPh>
    <rPh sb="3" eb="5">
      <t>ジカン</t>
    </rPh>
    <phoneticPr fontId="84"/>
  </si>
  <si>
    <t xml:space="preserve"> 内容</t>
    <rPh sb="1" eb="3">
      <t>ナイヨウ</t>
    </rPh>
    <phoneticPr fontId="84"/>
  </si>
  <si>
    <t>当該人事評価制度の周知方法</t>
    <rPh sb="0" eb="2">
      <t>トウガイ</t>
    </rPh>
    <rPh sb="2" eb="4">
      <t>ジンジ</t>
    </rPh>
    <rPh sb="4" eb="6">
      <t>ヒョウカ</t>
    </rPh>
    <rPh sb="6" eb="8">
      <t>セイド</t>
    </rPh>
    <rPh sb="9" eb="11">
      <t>シュウチ</t>
    </rPh>
    <rPh sb="11" eb="13">
      <t>ホウホウ</t>
    </rPh>
    <phoneticPr fontId="84"/>
  </si>
  <si>
    <t xml:space="preserve"> 職務内容</t>
    <rPh sb="1" eb="3">
      <t>ショクム</t>
    </rPh>
    <rPh sb="3" eb="5">
      <t>ナイヨウ</t>
    </rPh>
    <phoneticPr fontId="84"/>
  </si>
  <si>
    <t>⑦第三者評価</t>
    <rPh sb="1" eb="4">
      <t>ダイサンシャ</t>
    </rPh>
    <rPh sb="4" eb="6">
      <t>ヒョウカ</t>
    </rPh>
    <phoneticPr fontId="84"/>
  </si>
  <si>
    <t>◎前年度末日から過去３年以内に</t>
    <rPh sb="1" eb="4">
      <t>ゼンネンド</t>
    </rPh>
    <rPh sb="4" eb="6">
      <t>マツジツ</t>
    </rPh>
    <rPh sb="8" eb="10">
      <t>カコ</t>
    </rPh>
    <rPh sb="11" eb="12">
      <t>ネン</t>
    </rPh>
    <rPh sb="12" eb="14">
      <t>イナイ</t>
    </rPh>
    <phoneticPr fontId="84"/>
  </si>
  <si>
    <t>◎ＩＳＯが制定したマネジメント</t>
    <rPh sb="5" eb="7">
      <t>セイテイ</t>
    </rPh>
    <phoneticPr fontId="84"/>
  </si>
  <si>
    <t>　福祉サービス第三者評価を受けている</t>
    <rPh sb="1" eb="3">
      <t>フクシ</t>
    </rPh>
    <rPh sb="7" eb="10">
      <t>ダイサンシャ</t>
    </rPh>
    <rPh sb="10" eb="12">
      <t>ヒョウカ</t>
    </rPh>
    <rPh sb="13" eb="14">
      <t>ウ</t>
    </rPh>
    <phoneticPr fontId="84"/>
  </si>
  <si>
    <t>　規格等の認証等を受けている</t>
    <rPh sb="1" eb="3">
      <t>キカク</t>
    </rPh>
    <rPh sb="3" eb="4">
      <t>トウ</t>
    </rPh>
    <rPh sb="5" eb="7">
      <t>ニンショウ</t>
    </rPh>
    <rPh sb="7" eb="8">
      <t>トウ</t>
    </rPh>
    <rPh sb="9" eb="10">
      <t>ウ</t>
    </rPh>
    <phoneticPr fontId="84"/>
  </si>
  <si>
    <r>
      <rPr>
        <sz val="6"/>
        <color theme="1"/>
        <rFont val="ＭＳ ゴシック"/>
        <family val="3"/>
        <charset val="128"/>
      </rPr>
      <t>※</t>
    </r>
    <r>
      <rPr>
        <sz val="10"/>
        <color theme="1"/>
        <rFont val="ＭＳ ゴシック"/>
        <family val="3"/>
        <charset val="128"/>
      </rPr>
      <t>評価を受けた日</t>
    </r>
    <rPh sb="1" eb="3">
      <t>ヒョウカ</t>
    </rPh>
    <rPh sb="4" eb="5">
      <t>ウ</t>
    </rPh>
    <rPh sb="7" eb="8">
      <t>ヒ</t>
    </rPh>
    <phoneticPr fontId="84"/>
  </si>
  <si>
    <r>
      <rPr>
        <sz val="6"/>
        <color theme="1"/>
        <rFont val="ＭＳ ゴシック"/>
        <family val="3"/>
        <charset val="128"/>
      </rPr>
      <t>※</t>
    </r>
    <r>
      <rPr>
        <sz val="10"/>
        <color theme="1"/>
        <rFont val="ＭＳ ゴシック"/>
        <family val="3"/>
        <charset val="128"/>
      </rPr>
      <t>認証を受けた日</t>
    </r>
    <rPh sb="1" eb="3">
      <t>ニンショウ</t>
    </rPh>
    <rPh sb="4" eb="5">
      <t>ウ</t>
    </rPh>
    <rPh sb="7" eb="8">
      <t>ヒ</t>
    </rPh>
    <phoneticPr fontId="84"/>
  </si>
  <si>
    <t xml:space="preserve"> 第三者評価機関</t>
    <rPh sb="1" eb="4">
      <t>ダイサンシャ</t>
    </rPh>
    <rPh sb="4" eb="6">
      <t>ヒョウカ</t>
    </rPh>
    <rPh sb="6" eb="8">
      <t>キカン</t>
    </rPh>
    <phoneticPr fontId="84"/>
  </si>
  <si>
    <t xml:space="preserve"> 規格等の内容</t>
    <rPh sb="1" eb="3">
      <t>キカク</t>
    </rPh>
    <rPh sb="3" eb="4">
      <t>トウ</t>
    </rPh>
    <rPh sb="5" eb="7">
      <t>ナイヨウ</t>
    </rPh>
    <phoneticPr fontId="84"/>
  </si>
  <si>
    <t>各項目について適宜、実績がわかる情報を追加すること。</t>
    <rPh sb="0" eb="1">
      <t>カク</t>
    </rPh>
    <rPh sb="1" eb="3">
      <t>コウモク</t>
    </rPh>
    <rPh sb="7" eb="9">
      <t>テキギ</t>
    </rPh>
    <rPh sb="10" eb="12">
      <t>ジッセキ</t>
    </rPh>
    <rPh sb="16" eb="18">
      <t>ジョウホウ</t>
    </rPh>
    <rPh sb="19" eb="21">
      <t>ツイカ</t>
    </rPh>
    <phoneticPr fontId="84"/>
  </si>
  <si>
    <t>（審査要領）</t>
    <rPh sb="1" eb="3">
      <t>シンサ</t>
    </rPh>
    <rPh sb="3" eb="5">
      <t>ヨウリョウ</t>
    </rPh>
    <phoneticPr fontId="6"/>
  </si>
  <si>
    <t>⑥　基幹相談支援センター等が実施する事例検討会等に参加している。</t>
    <rPh sb="2" eb="4">
      <t>キカン</t>
    </rPh>
    <rPh sb="4" eb="6">
      <t>ソウダン</t>
    </rPh>
    <phoneticPr fontId="6"/>
  </si>
  <si>
    <t>②　利用者に関する情報又はサービス提供に当たっての留意事項に係る伝達等を</t>
    <rPh sb="2" eb="5">
      <t>リヨウシャ</t>
    </rPh>
    <rPh sb="6" eb="7">
      <t>カン</t>
    </rPh>
    <rPh sb="9" eb="11">
      <t>ジョウホウ</t>
    </rPh>
    <rPh sb="11" eb="12">
      <t>マタ</t>
    </rPh>
    <rPh sb="17" eb="19">
      <t>テイキョウ</t>
    </rPh>
    <rPh sb="20" eb="21">
      <t>ア</t>
    </rPh>
    <rPh sb="25" eb="27">
      <t>リュウイ</t>
    </rPh>
    <rPh sb="27" eb="29">
      <t>ジコウ</t>
    </rPh>
    <rPh sb="30" eb="31">
      <t>カカ</t>
    </rPh>
    <rPh sb="32" eb="34">
      <t>デンタツ</t>
    </rPh>
    <rPh sb="34" eb="35">
      <t>トウ</t>
    </rPh>
    <phoneticPr fontId="6"/>
  </si>
  <si>
    <t>①　常勤かつ専任の相談支援専門員を配置している。</t>
    <rPh sb="2" eb="4">
      <t>ジョウキン</t>
    </rPh>
    <rPh sb="6" eb="8">
      <t>センニン</t>
    </rPh>
    <rPh sb="9" eb="11">
      <t>ソウダン</t>
    </rPh>
    <rPh sb="11" eb="13">
      <t>シエン</t>
    </rPh>
    <rPh sb="13" eb="16">
      <t>センモンイン</t>
    </rPh>
    <rPh sb="17" eb="19">
      <t>ハイチ</t>
    </rPh>
    <phoneticPr fontId="6"/>
  </si>
  <si>
    <t>機能強化型（継続）サービス利用支援費・機能強化型（継続）障害児支援利用援助費に係る届出書</t>
    <rPh sb="0" eb="2">
      <t>キノウ</t>
    </rPh>
    <rPh sb="2" eb="5">
      <t>キョウカガタ</t>
    </rPh>
    <rPh sb="6" eb="8">
      <t>ケイゾク</t>
    </rPh>
    <rPh sb="13" eb="15">
      <t>リヨウ</t>
    </rPh>
    <rPh sb="15" eb="17">
      <t>シエン</t>
    </rPh>
    <rPh sb="17" eb="18">
      <t>ピ</t>
    </rPh>
    <rPh sb="19" eb="21">
      <t>キノウ</t>
    </rPh>
    <rPh sb="21" eb="23">
      <t>キョウカ</t>
    </rPh>
    <rPh sb="23" eb="24">
      <t>ガタ</t>
    </rPh>
    <rPh sb="25" eb="27">
      <t>ケイゾク</t>
    </rPh>
    <rPh sb="28" eb="31">
      <t>ショウガイジ</t>
    </rPh>
    <rPh sb="31" eb="33">
      <t>シエン</t>
    </rPh>
    <rPh sb="33" eb="35">
      <t>リヨウ</t>
    </rPh>
    <rPh sb="35" eb="38">
      <t>エンジョヒ</t>
    </rPh>
    <rPh sb="39" eb="40">
      <t>カカ</t>
    </rPh>
    <rPh sb="41" eb="44">
      <t>トドケデショ</t>
    </rPh>
    <phoneticPr fontId="6"/>
  </si>
  <si>
    <t>（他の事業所）</t>
    <rPh sb="1" eb="2">
      <t>タ</t>
    </rPh>
    <rPh sb="3" eb="6">
      <t>ジギョウショ</t>
    </rPh>
    <phoneticPr fontId="6"/>
  </si>
  <si>
    <t>⑵　事業所名　</t>
    <rPh sb="2" eb="5">
      <t>ジギョウショ</t>
    </rPh>
    <rPh sb="5" eb="6">
      <t>メイ</t>
    </rPh>
    <phoneticPr fontId="6"/>
  </si>
  <si>
    <t>（当該事業所）</t>
    <rPh sb="1" eb="3">
      <t>トウガイ</t>
    </rPh>
    <rPh sb="3" eb="6">
      <t>ジギョウショ</t>
    </rPh>
    <phoneticPr fontId="6"/>
  </si>
  <si>
    <t>（複数の指定特定（障害児）相談支援事業所により一体的に管理運営を行う場合）</t>
    <rPh sb="1" eb="3">
      <t>フクスウ</t>
    </rPh>
    <rPh sb="4" eb="6">
      <t>シテイ</t>
    </rPh>
    <rPh sb="6" eb="8">
      <t>トクテイ</t>
    </rPh>
    <rPh sb="9" eb="12">
      <t>ショウガイジ</t>
    </rPh>
    <rPh sb="13" eb="15">
      <t>ソウダン</t>
    </rPh>
    <rPh sb="15" eb="17">
      <t>シエン</t>
    </rPh>
    <rPh sb="17" eb="20">
      <t>ジギョウショ</t>
    </rPh>
    <rPh sb="23" eb="26">
      <t>イッタイテキ</t>
    </rPh>
    <rPh sb="27" eb="29">
      <t>カンリ</t>
    </rPh>
    <rPh sb="29" eb="31">
      <t>ウンエイ</t>
    </rPh>
    <rPh sb="32" eb="33">
      <t>オコナ</t>
    </rPh>
    <rPh sb="34" eb="36">
      <t>バアイ</t>
    </rPh>
    <phoneticPr fontId="6"/>
  </si>
  <si>
    <t>１　事業所名</t>
    <rPh sb="2" eb="5">
      <t>ジギョウショ</t>
    </rPh>
    <rPh sb="5" eb="6">
      <t>メイ</t>
    </rPh>
    <phoneticPr fontId="6"/>
  </si>
  <si>
    <t>１　新規　　　　　２　変更　　　　　３　終了</t>
    <rPh sb="2" eb="4">
      <t>シンキ</t>
    </rPh>
    <rPh sb="11" eb="13">
      <t>ヘンコウ</t>
    </rPh>
    <rPh sb="20" eb="22">
      <t>シュウリョウ</t>
    </rPh>
    <phoneticPr fontId="6"/>
  </si>
  <si>
    <t>＜雇用されている障害者又は障害者であった者＞</t>
    <rPh sb="1" eb="3">
      <t>コヨウ</t>
    </rPh>
    <rPh sb="8" eb="11">
      <t>ショウガイシャ</t>
    </rPh>
    <rPh sb="11" eb="12">
      <t>マタ</t>
    </rPh>
    <rPh sb="13" eb="16">
      <t>ショウガイシャ</t>
    </rPh>
    <rPh sb="20" eb="21">
      <t>シャ</t>
    </rPh>
    <phoneticPr fontId="6"/>
  </si>
  <si>
    <t>受講
年度</t>
    <rPh sb="0" eb="2">
      <t>ジュコウ</t>
    </rPh>
    <rPh sb="3" eb="5">
      <t>ネンド</t>
    </rPh>
    <phoneticPr fontId="84"/>
  </si>
  <si>
    <t>５　研修の実施</t>
    <rPh sb="2" eb="4">
      <t>ケンシュウ</t>
    </rPh>
    <rPh sb="5" eb="7">
      <t>ジッシ</t>
    </rPh>
    <phoneticPr fontId="84"/>
  </si>
  <si>
    <t>確認欄</t>
    <rPh sb="0" eb="2">
      <t>カクニン</t>
    </rPh>
    <rPh sb="2" eb="3">
      <t>ラン</t>
    </rPh>
    <phoneticPr fontId="84"/>
  </si>
  <si>
    <t>地域移行支援体制加算に関する届出書</t>
    <rPh sb="0" eb="2">
      <t>チイキ</t>
    </rPh>
    <rPh sb="2" eb="4">
      <t>イコウ</t>
    </rPh>
    <rPh sb="4" eb="6">
      <t>シエン</t>
    </rPh>
    <rPh sb="6" eb="8">
      <t>タイセイ</t>
    </rPh>
    <rPh sb="8" eb="10">
      <t>カサン</t>
    </rPh>
    <rPh sb="11" eb="12">
      <t>カン</t>
    </rPh>
    <phoneticPr fontId="84"/>
  </si>
  <si>
    <t>１　施設の名称</t>
    <rPh sb="2" eb="4">
      <t>シセツ</t>
    </rPh>
    <rPh sb="5" eb="7">
      <t>メイショウ</t>
    </rPh>
    <phoneticPr fontId="6"/>
  </si>
  <si>
    <t>３　算定要件</t>
    <rPh sb="2" eb="6">
      <t>サンテイヨウケン</t>
    </rPh>
    <phoneticPr fontId="84"/>
  </si>
  <si>
    <t>項目</t>
    <rPh sb="0" eb="2">
      <t>コウモク</t>
    </rPh>
    <phoneticPr fontId="84"/>
  </si>
  <si>
    <t>障害者支援施設を退所し、退所から６月以上、指定共同生活援助事業所等へ入居している者又は賃貸等により地域で生活している者（介護老人福祉施設等の介護保険施設へ入居するために退所した者及び病院への長期入院のために退所した者を除く。）の人数</t>
    <phoneticPr fontId="84"/>
  </si>
  <si>
    <t xml:space="preserve"> 　　　　人</t>
    <rPh sb="5" eb="6">
      <t>ニン</t>
    </rPh>
    <phoneticPr fontId="84"/>
  </si>
  <si>
    <t>定員の見直し</t>
    <rPh sb="0" eb="2">
      <t>テイイン</t>
    </rPh>
    <rPh sb="3" eb="5">
      <t>ミナオ</t>
    </rPh>
    <phoneticPr fontId="84"/>
  </si>
  <si>
    <t>加算別紙18-1</t>
    <rPh sb="0" eb="2">
      <t>カサン</t>
    </rPh>
    <rPh sb="2" eb="4">
      <t>ベッシ</t>
    </rPh>
    <phoneticPr fontId="6"/>
  </si>
  <si>
    <t>２　サービスの種類</t>
    <rPh sb="7" eb="9">
      <t>シュルイ</t>
    </rPh>
    <phoneticPr fontId="6"/>
  </si>
  <si>
    <t>３　異動区分</t>
    <rPh sb="2" eb="4">
      <t>イドウ</t>
    </rPh>
    <rPh sb="4" eb="6">
      <t>クブン</t>
    </rPh>
    <phoneticPr fontId="6"/>
  </si>
  <si>
    <t>４　障害者ピアサ
　ポート研修修了
　職員</t>
    <rPh sb="15" eb="17">
      <t>シュウリョウ</t>
    </rPh>
    <rPh sb="19" eb="21">
      <t>ショクイン</t>
    </rPh>
    <phoneticPr fontId="6"/>
  </si>
  <si>
    <t>研修の
実施主体</t>
    <phoneticPr fontId="84"/>
  </si>
  <si>
    <t>常勤（人）</t>
    <rPh sb="0" eb="2">
      <t>ジョウキン</t>
    </rPh>
    <rPh sb="3" eb="4">
      <t>ニン</t>
    </rPh>
    <phoneticPr fontId="6"/>
  </si>
  <si>
    <t>非常勤（人）</t>
    <rPh sb="0" eb="3">
      <t>ヒジョウキン</t>
    </rPh>
    <rPh sb="4" eb="5">
      <t>ニン</t>
    </rPh>
    <phoneticPr fontId="6"/>
  </si>
  <si>
    <t>合計（人）</t>
    <rPh sb="0" eb="2">
      <t>ゴウケイ</t>
    </rPh>
    <rPh sb="3" eb="4">
      <t>ニン</t>
    </rPh>
    <phoneticPr fontId="6"/>
  </si>
  <si>
    <t>（0.5以上であること）　</t>
    <phoneticPr fontId="84"/>
  </si>
  <si>
    <t>常勤換算数</t>
    <rPh sb="0" eb="2">
      <t>ジョウキン</t>
    </rPh>
    <rPh sb="2" eb="4">
      <t>カンサン</t>
    </rPh>
    <rPh sb="4" eb="5">
      <t>スウ</t>
    </rPh>
    <phoneticPr fontId="6"/>
  </si>
  <si>
    <t>研修の
実施主体</t>
    <phoneticPr fontId="84"/>
  </si>
  <si>
    <t>　直上により配置した者のいずれかにより、当該事業所等の従業者に対し、障害者に対する配慮等に関する研修を年１回以上行っている。</t>
    <phoneticPr fontId="84"/>
  </si>
  <si>
    <t>注１　研修を修了した職員は、＜障害者又は障害者であった者＞及び＜その他の職員＞それぞれ常勤換算方法で
　　0.5以上を配置（併設する事業所（指定自立生活援助事業所、指定地域移行支援事業所、指定地域定着支援
　　事業所、指定計画相談支援事業所又は指定障害児相談支援事業所に限る。）の職員を兼務する場合は当該兼
　　務先を含む業務時間の合計が常勤換算方法で0.5以上になる場合を含む）してください。</t>
    <rPh sb="0" eb="1">
      <t>チュウ</t>
    </rPh>
    <rPh sb="3" eb="5">
      <t>ケンシュウ</t>
    </rPh>
    <rPh sb="6" eb="8">
      <t>シュウリョウ</t>
    </rPh>
    <rPh sb="10" eb="12">
      <t>ショクイン</t>
    </rPh>
    <rPh sb="15" eb="18">
      <t>ショウガイシャ</t>
    </rPh>
    <rPh sb="18" eb="19">
      <t>マタ</t>
    </rPh>
    <rPh sb="20" eb="23">
      <t>ショウガイシャ</t>
    </rPh>
    <rPh sb="27" eb="28">
      <t>モノ</t>
    </rPh>
    <rPh sb="29" eb="30">
      <t>オヨ</t>
    </rPh>
    <rPh sb="34" eb="35">
      <t>タ</t>
    </rPh>
    <rPh sb="36" eb="38">
      <t>ショクイン</t>
    </rPh>
    <rPh sb="43" eb="45">
      <t>ジョウキン</t>
    </rPh>
    <rPh sb="45" eb="47">
      <t>カンサン</t>
    </rPh>
    <rPh sb="47" eb="49">
      <t>ホウホウ</t>
    </rPh>
    <rPh sb="56" eb="58">
      <t>イジョウ</t>
    </rPh>
    <rPh sb="59" eb="61">
      <t>ハイチ</t>
    </rPh>
    <phoneticPr fontId="6"/>
  </si>
  <si>
    <t>注２　修了した研修の名称欄は「地域生活支援事業の障害者ピアサポート研修の基礎研修及び専門研修」等と具
　　体的に記載。</t>
    <rPh sb="0" eb="1">
      <t>チュウ</t>
    </rPh>
    <rPh sb="3" eb="5">
      <t>シュウリョウ</t>
    </rPh>
    <rPh sb="7" eb="9">
      <t>ケンシュウ</t>
    </rPh>
    <rPh sb="10" eb="12">
      <t>メイショウ</t>
    </rPh>
    <rPh sb="12" eb="13">
      <t>ラン</t>
    </rPh>
    <rPh sb="15" eb="17">
      <t>チイキ</t>
    </rPh>
    <rPh sb="17" eb="19">
      <t>セイカツ</t>
    </rPh>
    <rPh sb="19" eb="21">
      <t>シエン</t>
    </rPh>
    <rPh sb="21" eb="23">
      <t>ジギョウ</t>
    </rPh>
    <rPh sb="24" eb="27">
      <t>ショウガイシャ</t>
    </rPh>
    <rPh sb="33" eb="35">
      <t>ケンシュウ</t>
    </rPh>
    <rPh sb="36" eb="38">
      <t>キソ</t>
    </rPh>
    <rPh sb="38" eb="40">
      <t>ケンシュウ</t>
    </rPh>
    <rPh sb="40" eb="41">
      <t>オヨ</t>
    </rPh>
    <rPh sb="42" eb="44">
      <t>センモン</t>
    </rPh>
    <rPh sb="44" eb="46">
      <t>ケンシュウ</t>
    </rPh>
    <rPh sb="47" eb="48">
      <t>トウ</t>
    </rPh>
    <rPh sb="49" eb="50">
      <t>グ</t>
    </rPh>
    <rPh sb="53" eb="54">
      <t>カラダ</t>
    </rPh>
    <rPh sb="54" eb="55">
      <t>テキ</t>
    </rPh>
    <rPh sb="56" eb="58">
      <t>キサイ</t>
    </rPh>
    <phoneticPr fontId="6"/>
  </si>
  <si>
    <t>注３　受講した研修の実施要綱、カリキュラム及び研修を修了したことを証明する書類等を添付してください。</t>
    <rPh sb="0" eb="1">
      <t>チュウ</t>
    </rPh>
    <rPh sb="3" eb="5">
      <t>ジュコウ</t>
    </rPh>
    <rPh sb="7" eb="9">
      <t>ケンシュウ</t>
    </rPh>
    <rPh sb="10" eb="12">
      <t>ジッシ</t>
    </rPh>
    <rPh sb="12" eb="14">
      <t>ヨウコウ</t>
    </rPh>
    <rPh sb="21" eb="22">
      <t>オヨ</t>
    </rPh>
    <rPh sb="23" eb="25">
      <t>ケンシュウ</t>
    </rPh>
    <rPh sb="26" eb="28">
      <t>シュウリョウ</t>
    </rPh>
    <rPh sb="33" eb="35">
      <t>ショウメイ</t>
    </rPh>
    <rPh sb="37" eb="39">
      <t>ショルイ</t>
    </rPh>
    <rPh sb="39" eb="40">
      <t>トウ</t>
    </rPh>
    <rPh sb="41" eb="43">
      <t>テンプ</t>
    </rPh>
    <phoneticPr fontId="6"/>
  </si>
  <si>
    <t>　 　　年 　　月 　　日</t>
    <phoneticPr fontId="6"/>
  </si>
  <si>
    <t>機能強化型（継続）サービス利用支援費・機能強化型（継続）障害児支援利用援助費に関する届出書</t>
    <rPh sb="0" eb="2">
      <t>キノウ</t>
    </rPh>
    <rPh sb="2" eb="5">
      <t>キョウカガタ</t>
    </rPh>
    <rPh sb="6" eb="8">
      <t>ケイゾク</t>
    </rPh>
    <rPh sb="13" eb="15">
      <t>リヨウ</t>
    </rPh>
    <rPh sb="15" eb="17">
      <t>シエン</t>
    </rPh>
    <rPh sb="17" eb="18">
      <t>ピ</t>
    </rPh>
    <rPh sb="19" eb="21">
      <t>キノウ</t>
    </rPh>
    <rPh sb="21" eb="23">
      <t>キョウカ</t>
    </rPh>
    <rPh sb="23" eb="24">
      <t>ガタ</t>
    </rPh>
    <rPh sb="25" eb="27">
      <t>ケイゾク</t>
    </rPh>
    <rPh sb="28" eb="31">
      <t>ショウガイジ</t>
    </rPh>
    <rPh sb="31" eb="33">
      <t>シエン</t>
    </rPh>
    <rPh sb="33" eb="35">
      <t>リヨウ</t>
    </rPh>
    <rPh sb="35" eb="38">
      <t>エンジョヒ</t>
    </rPh>
    <rPh sb="39" eb="40">
      <t>カン</t>
    </rPh>
    <rPh sb="42" eb="45">
      <t>トドケデショ</t>
    </rPh>
    <phoneticPr fontId="6"/>
  </si>
  <si>
    <t>１　事業所名</t>
    <phoneticPr fontId="6"/>
  </si>
  <si>
    <t>１　事業所名</t>
    <phoneticPr fontId="6"/>
  </si>
  <si>
    <t>２　異動区分</t>
    <phoneticPr fontId="6"/>
  </si>
  <si>
    <t>２　異動区分</t>
    <phoneticPr fontId="6"/>
  </si>
  <si>
    <t>　１　新規　　　　　　２　変更　　　　　　３　終了</t>
    <phoneticPr fontId="6"/>
  </si>
  <si>
    <t>３　届出項目</t>
    <rPh sb="2" eb="3">
      <t>トドケ</t>
    </rPh>
    <rPh sb="3" eb="4">
      <t>デ</t>
    </rPh>
    <rPh sb="4" eb="5">
      <t>コウ</t>
    </rPh>
    <rPh sb="5" eb="6">
      <t>メ</t>
    </rPh>
    <phoneticPr fontId="6"/>
  </si>
  <si>
    <t>　１　機能強化型（継続）サービス利用支援費(Ⅰ)　　２　　(Ⅱ)　　３　　(Ⅲ)　 ４　　(Ⅳ)　※１</t>
    <rPh sb="3" eb="5">
      <t>キノウ</t>
    </rPh>
    <rPh sb="5" eb="8">
      <t>キョウカガタ</t>
    </rPh>
    <rPh sb="9" eb="11">
      <t>ケイゾク</t>
    </rPh>
    <rPh sb="16" eb="18">
      <t>リヨウ</t>
    </rPh>
    <rPh sb="18" eb="20">
      <t>シエン</t>
    </rPh>
    <rPh sb="20" eb="21">
      <t>ピ</t>
    </rPh>
    <phoneticPr fontId="6"/>
  </si>
  <si>
    <t>　※１　機能強化型（継続）障害児支援利用援助費についても同様。</t>
    <rPh sb="4" eb="6">
      <t>キノウ</t>
    </rPh>
    <rPh sb="6" eb="9">
      <t>キョウカガタ</t>
    </rPh>
    <rPh sb="10" eb="12">
      <t>ケイゾク</t>
    </rPh>
    <rPh sb="13" eb="16">
      <t>ショウガイジ</t>
    </rPh>
    <rPh sb="16" eb="18">
      <t>シエン</t>
    </rPh>
    <rPh sb="18" eb="20">
      <t>リヨウ</t>
    </rPh>
    <rPh sb="20" eb="23">
      <t>エンジョヒ</t>
    </rPh>
    <rPh sb="28" eb="30">
      <t>ドウヨウ</t>
    </rPh>
    <phoneticPr fontId="6"/>
  </si>
  <si>
    <r>
      <t xml:space="preserve">有 </t>
    </r>
    <r>
      <rPr>
        <sz val="14"/>
        <rFont val="HGPｺﾞｼｯｸM"/>
        <family val="3"/>
        <charset val="128"/>
      </rPr>
      <t>・</t>
    </r>
    <r>
      <rPr>
        <sz val="11"/>
        <rFont val="HGPｺﾞｼｯｸM"/>
        <family val="3"/>
        <charset val="128"/>
      </rPr>
      <t xml:space="preserve"> 無</t>
    </r>
    <phoneticPr fontId="6"/>
  </si>
  <si>
    <r>
      <t xml:space="preserve">有 </t>
    </r>
    <r>
      <rPr>
        <sz val="14"/>
        <rFont val="HGPｺﾞｼｯｸM"/>
        <family val="3"/>
        <charset val="128"/>
      </rPr>
      <t>・</t>
    </r>
    <r>
      <rPr>
        <sz val="11"/>
        <rFont val="HGPｺﾞｼｯｸM"/>
        <family val="3"/>
        <charset val="128"/>
      </rPr>
      <t xml:space="preserve"> 無</t>
    </r>
    <phoneticPr fontId="6"/>
  </si>
  <si>
    <t>　　相談支援専門員の配置状況</t>
    <rPh sb="2" eb="4">
      <t>ソウダン</t>
    </rPh>
    <rPh sb="4" eb="6">
      <t>シエン</t>
    </rPh>
    <rPh sb="6" eb="9">
      <t>センモンイン</t>
    </rPh>
    <rPh sb="10" eb="12">
      <t>ハイチ</t>
    </rPh>
    <rPh sb="12" eb="14">
      <t>ジョウキョウ</t>
    </rPh>
    <phoneticPr fontId="6"/>
  </si>
  <si>
    <t>相談支援専門員</t>
    <rPh sb="0" eb="2">
      <t>ソウダン</t>
    </rPh>
    <rPh sb="2" eb="4">
      <t>シエン</t>
    </rPh>
    <rPh sb="4" eb="7">
      <t>センモンイン</t>
    </rPh>
    <phoneticPr fontId="6"/>
  </si>
  <si>
    <t>　常勤専従</t>
    <rPh sb="1" eb="3">
      <t>ジョウキン</t>
    </rPh>
    <rPh sb="3" eb="5">
      <t>センジュウ</t>
    </rPh>
    <phoneticPr fontId="6"/>
  </si>
  <si>
    <t>　常勤兼務</t>
    <rPh sb="1" eb="3">
      <t>ジョウキン</t>
    </rPh>
    <rPh sb="3" eb="5">
      <t>ケンム</t>
    </rPh>
    <phoneticPr fontId="6"/>
  </si>
  <si>
    <t>上記のうち現任研修修了者</t>
    <rPh sb="0" eb="2">
      <t>ジョウキ</t>
    </rPh>
    <rPh sb="5" eb="7">
      <t>ゲンニン</t>
    </rPh>
    <rPh sb="7" eb="9">
      <t>ケンシュウ</t>
    </rPh>
    <rPh sb="9" eb="11">
      <t>シュウリョウ</t>
    </rPh>
    <rPh sb="11" eb="12">
      <t>シャ</t>
    </rPh>
    <phoneticPr fontId="6"/>
  </si>
  <si>
    <t>※２　常勤専従者の兼務については、業務に支障のない範囲とする。</t>
    <rPh sb="3" eb="5">
      <t>ジョウキン</t>
    </rPh>
    <rPh sb="5" eb="7">
      <t>センジュウ</t>
    </rPh>
    <rPh sb="7" eb="8">
      <t>シャ</t>
    </rPh>
    <rPh sb="9" eb="11">
      <t>ケンム</t>
    </rPh>
    <rPh sb="17" eb="19">
      <t>ギョウム</t>
    </rPh>
    <rPh sb="20" eb="22">
      <t>シショウ</t>
    </rPh>
    <rPh sb="25" eb="27">
      <t>ハンイ</t>
    </rPh>
    <phoneticPr fontId="6"/>
  </si>
  <si>
    <t>①-a 特別地域であり、かつ、従業者の確保が著しく困難と市町村長が認める地域に所在し、</t>
    <rPh sb="4" eb="6">
      <t>トクベツ</t>
    </rPh>
    <rPh sb="6" eb="8">
      <t>チイキ</t>
    </rPh>
    <rPh sb="28" eb="32">
      <t>シチョウソンチョウ</t>
    </rPh>
    <rPh sb="33" eb="34">
      <t>ミト</t>
    </rPh>
    <rPh sb="36" eb="38">
      <t>チイキ</t>
    </rPh>
    <rPh sb="39" eb="41">
      <t>ショザイ</t>
    </rPh>
    <phoneticPr fontId="6"/>
  </si>
  <si>
    <r>
      <t xml:space="preserve">有 </t>
    </r>
    <r>
      <rPr>
        <sz val="14"/>
        <rFont val="HGPｺﾞｼｯｸM"/>
        <family val="3"/>
        <charset val="128"/>
      </rPr>
      <t>・</t>
    </r>
    <r>
      <rPr>
        <sz val="11"/>
        <rFont val="HGPｺﾞｼｯｸM"/>
        <family val="3"/>
        <charset val="128"/>
      </rPr>
      <t xml:space="preserve"> 無</t>
    </r>
    <phoneticPr fontId="6"/>
  </si>
  <si>
    <t>　他事業所における現任研修を修了した相談支援専門員による助言指導の体制が確保され</t>
    <rPh sb="1" eb="2">
      <t>タ</t>
    </rPh>
    <rPh sb="2" eb="5">
      <t>ジギョウショ</t>
    </rPh>
    <rPh sb="9" eb="11">
      <t>ゲンニン</t>
    </rPh>
    <rPh sb="11" eb="13">
      <t>ケンシュウ</t>
    </rPh>
    <rPh sb="14" eb="16">
      <t>シュウリョウ</t>
    </rPh>
    <rPh sb="18" eb="20">
      <t>ソウダン</t>
    </rPh>
    <rPh sb="20" eb="22">
      <t>シエン</t>
    </rPh>
    <rPh sb="22" eb="25">
      <t>センモンイン</t>
    </rPh>
    <rPh sb="28" eb="30">
      <t>ジョゲン</t>
    </rPh>
    <rPh sb="30" eb="32">
      <t>シドウ</t>
    </rPh>
    <rPh sb="33" eb="35">
      <t>タイセイ</t>
    </rPh>
    <rPh sb="36" eb="38">
      <t>カクホ</t>
    </rPh>
    <phoneticPr fontId="6"/>
  </si>
  <si>
    <t>　ている。</t>
    <phoneticPr fontId="6"/>
  </si>
  <si>
    <t>※３　「有」の場合、①について現任研修修了者が配置されていなくても差し支えない。</t>
    <rPh sb="4" eb="5">
      <t>ア</t>
    </rPh>
    <rPh sb="7" eb="9">
      <t>バアイ</t>
    </rPh>
    <rPh sb="15" eb="17">
      <t>ゲンニン</t>
    </rPh>
    <rPh sb="17" eb="19">
      <t>ケンシュウ</t>
    </rPh>
    <rPh sb="19" eb="22">
      <t>シュウリョウシャ</t>
    </rPh>
    <rPh sb="23" eb="25">
      <t>ハイチ</t>
    </rPh>
    <rPh sb="33" eb="34">
      <t>サ</t>
    </rPh>
    <rPh sb="35" eb="36">
      <t>ツカ</t>
    </rPh>
    <phoneticPr fontId="6"/>
  </si>
  <si>
    <t>③　24時間常時連絡できる体制を整備している。</t>
    <phoneticPr fontId="6"/>
  </si>
  <si>
    <t>④　当該指定特定（障害児）相談支援事業所の新規に採用した全ての相談支援専門員に</t>
    <rPh sb="2" eb="4">
      <t>トウガイ</t>
    </rPh>
    <rPh sb="4" eb="6">
      <t>シテイ</t>
    </rPh>
    <rPh sb="6" eb="8">
      <t>トクテイ</t>
    </rPh>
    <rPh sb="9" eb="12">
      <t>ショウガイジ</t>
    </rPh>
    <rPh sb="13" eb="15">
      <t>ソウダン</t>
    </rPh>
    <rPh sb="15" eb="17">
      <t>シエン</t>
    </rPh>
    <rPh sb="17" eb="20">
      <t>ジギョウショ</t>
    </rPh>
    <rPh sb="21" eb="23">
      <t>シンキ</t>
    </rPh>
    <rPh sb="24" eb="26">
      <t>サイヨウ</t>
    </rPh>
    <rPh sb="28" eb="29">
      <t>スベ</t>
    </rPh>
    <rPh sb="31" eb="33">
      <t>ソウダン</t>
    </rPh>
    <rPh sb="33" eb="35">
      <t>シエン</t>
    </rPh>
    <rPh sb="35" eb="38">
      <t>センモンイン</t>
    </rPh>
    <phoneticPr fontId="6"/>
  </si>
  <si>
    <t>　対し、現任研修を修了した相談支援専門員の同行による研修を実施している。</t>
    <rPh sb="4" eb="6">
      <t>ゲンニン</t>
    </rPh>
    <rPh sb="6" eb="8">
      <t>ケンシュウ</t>
    </rPh>
    <rPh sb="9" eb="11">
      <t>シュウリョウ</t>
    </rPh>
    <rPh sb="13" eb="15">
      <t>ソウダン</t>
    </rPh>
    <rPh sb="15" eb="17">
      <t>シエン</t>
    </rPh>
    <rPh sb="17" eb="20">
      <t>センモンイン</t>
    </rPh>
    <rPh sb="21" eb="23">
      <t>ドウコウ</t>
    </rPh>
    <rPh sb="26" eb="28">
      <t>ケンシュウ</t>
    </rPh>
    <rPh sb="29" eb="31">
      <t>ジッシ</t>
    </rPh>
    <phoneticPr fontId="6"/>
  </si>
  <si>
    <t>⑤　基幹相談支援センター等からの支援困難ケースが紹介された場合に、</t>
    <rPh sb="2" eb="4">
      <t>キカン</t>
    </rPh>
    <rPh sb="4" eb="6">
      <t>ソウダン</t>
    </rPh>
    <rPh sb="6" eb="8">
      <t>シエン</t>
    </rPh>
    <rPh sb="12" eb="13">
      <t>トウ</t>
    </rPh>
    <rPh sb="16" eb="18">
      <t>シエン</t>
    </rPh>
    <rPh sb="18" eb="20">
      <t>コンナン</t>
    </rPh>
    <rPh sb="24" eb="26">
      <t>ショウカイ</t>
    </rPh>
    <rPh sb="29" eb="31">
      <t>バアイ</t>
    </rPh>
    <phoneticPr fontId="6"/>
  </si>
  <si>
    <t>　当該ケースを受託する体制を整備している。</t>
    <rPh sb="7" eb="9">
      <t>ジュタク</t>
    </rPh>
    <rPh sb="11" eb="13">
      <t>タイセイ</t>
    </rPh>
    <rPh sb="14" eb="16">
      <t>セイビ</t>
    </rPh>
    <phoneticPr fontId="6"/>
  </si>
  <si>
    <t>⑦　協議会に参画し、協議会の構成機関等の連携の緊密化を図るために必要な取組を</t>
    <rPh sb="2" eb="5">
      <t>キョウギカイ</t>
    </rPh>
    <rPh sb="6" eb="8">
      <t>サンカク</t>
    </rPh>
    <rPh sb="10" eb="13">
      <t>キョウギカイ</t>
    </rPh>
    <rPh sb="14" eb="16">
      <t>コウセイ</t>
    </rPh>
    <rPh sb="16" eb="19">
      <t>キカントウ</t>
    </rPh>
    <rPh sb="20" eb="22">
      <t>レンケイ</t>
    </rPh>
    <rPh sb="23" eb="26">
      <t>キンミツカ</t>
    </rPh>
    <rPh sb="27" eb="28">
      <t>ハカ</t>
    </rPh>
    <rPh sb="32" eb="34">
      <t>ヒツヨウ</t>
    </rPh>
    <rPh sb="35" eb="37">
      <t>トリクミ</t>
    </rPh>
    <phoneticPr fontId="6"/>
  </si>
  <si>
    <t>　実施している。</t>
    <phoneticPr fontId="6"/>
  </si>
  <si>
    <t>⑧　基幹相談支援センターが行う地域の相談支援体制の強化の取組に参画している。</t>
    <phoneticPr fontId="6"/>
  </si>
  <si>
    <t>　（令和９年３月31日までの間において、市町村が基幹相談支援センターを設置していない</t>
    <rPh sb="2" eb="4">
      <t>レイワ</t>
    </rPh>
    <rPh sb="5" eb="6">
      <t>ネン</t>
    </rPh>
    <rPh sb="7" eb="8">
      <t>ガツ</t>
    </rPh>
    <rPh sb="10" eb="11">
      <t>ニチ</t>
    </rPh>
    <rPh sb="14" eb="15">
      <t>アイダ</t>
    </rPh>
    <rPh sb="20" eb="23">
      <t>シチョウソン</t>
    </rPh>
    <rPh sb="24" eb="30">
      <t>キカンソウダンシエン</t>
    </rPh>
    <rPh sb="35" eb="37">
      <t>セッチ</t>
    </rPh>
    <phoneticPr fontId="6"/>
  </si>
  <si>
    <t>　　場合は、地域の相談支援の中核機関が行う地域の相談支援体制の強化の取組に参画</t>
    <phoneticPr fontId="6"/>
  </si>
  <si>
    <t>　　している。）</t>
    <phoneticPr fontId="6"/>
  </si>
  <si>
    <t>⑨　１人の相談支援専門員の取扱件数（前６月平均）が40件未満である。</t>
    <rPh sb="3" eb="4">
      <t>ニン</t>
    </rPh>
    <rPh sb="5" eb="7">
      <t>ソウダン</t>
    </rPh>
    <rPh sb="7" eb="9">
      <t>シエン</t>
    </rPh>
    <rPh sb="9" eb="12">
      <t>センモンイン</t>
    </rPh>
    <rPh sb="13" eb="15">
      <t>トリアツカイ</t>
    </rPh>
    <rPh sb="15" eb="17">
      <t>ケンスウ</t>
    </rPh>
    <rPh sb="18" eb="19">
      <t>ゼン</t>
    </rPh>
    <rPh sb="20" eb="21">
      <t>ガツ</t>
    </rPh>
    <rPh sb="21" eb="23">
      <t>ヘイキン</t>
    </rPh>
    <rPh sb="27" eb="28">
      <t>ケン</t>
    </rPh>
    <rPh sb="28" eb="30">
      <t>ミマン</t>
    </rPh>
    <phoneticPr fontId="6"/>
  </si>
  <si>
    <t>※４　各要件を満たす場合については、それぞれ根拠となる（要件を満たすことがわかる）書類も提出してく
　　ださい。（例：勤務形態一覧表、会議録、各種取組に関する記録等）</t>
    <rPh sb="3" eb="4">
      <t>カク</t>
    </rPh>
    <rPh sb="4" eb="6">
      <t>ヨウケン</t>
    </rPh>
    <rPh sb="7" eb="8">
      <t>ミ</t>
    </rPh>
    <rPh sb="10" eb="12">
      <t>バアイ</t>
    </rPh>
    <rPh sb="22" eb="24">
      <t>コンキョ</t>
    </rPh>
    <rPh sb="28" eb="30">
      <t>ヨウケン</t>
    </rPh>
    <rPh sb="31" eb="32">
      <t>ミ</t>
    </rPh>
    <rPh sb="41" eb="43">
      <t>ショルイ</t>
    </rPh>
    <phoneticPr fontId="6"/>
  </si>
  <si>
    <t>※５　令和７年３月31日までに限り、⑦、⑧については、令和６年３月31日時点において機能強化型（継続）
　　サービス利用支援費(Ⅰ)～（Ⅳ）を算定している事業所は「無」の場合も算定可能であること。</t>
    <rPh sb="3" eb="5">
      <t>レイワ</t>
    </rPh>
    <rPh sb="6" eb="7">
      <t>ネン</t>
    </rPh>
    <rPh sb="8" eb="9">
      <t>ガツ</t>
    </rPh>
    <rPh sb="11" eb="12">
      <t>ニチ</t>
    </rPh>
    <rPh sb="15" eb="16">
      <t>カギ</t>
    </rPh>
    <rPh sb="27" eb="29">
      <t>レイワ</t>
    </rPh>
    <rPh sb="30" eb="31">
      <t>ネン</t>
    </rPh>
    <rPh sb="32" eb="33">
      <t>ガツ</t>
    </rPh>
    <rPh sb="35" eb="36">
      <t>ニチ</t>
    </rPh>
    <rPh sb="36" eb="38">
      <t>ジテン</t>
    </rPh>
    <phoneticPr fontId="6"/>
  </si>
  <si>
    <t>・機能強化型（継続）サービス利用支援費（Ⅰ）・（Ⅱ）については、①、②～⑨（⑦、⑧については※５参照）</t>
    <rPh sb="1" eb="3">
      <t>キノウ</t>
    </rPh>
    <rPh sb="3" eb="6">
      <t>キョウカガタ</t>
    </rPh>
    <rPh sb="7" eb="9">
      <t>ケイゾク</t>
    </rPh>
    <rPh sb="14" eb="16">
      <t>リヨウ</t>
    </rPh>
    <rPh sb="16" eb="18">
      <t>シエン</t>
    </rPh>
    <rPh sb="18" eb="19">
      <t>ヒ</t>
    </rPh>
    <rPh sb="48" eb="50">
      <t>サンショウ</t>
    </rPh>
    <phoneticPr fontId="6"/>
  </si>
  <si>
    <t>　がすべて有の場合算定可。</t>
    <phoneticPr fontId="6"/>
  </si>
  <si>
    <t>・機能強化型（継続）サービス利用支援費（Ⅲ）については、①、②、④～⑨（⑦、⑧については※５参照）</t>
    <rPh sb="1" eb="3">
      <t>キノウ</t>
    </rPh>
    <rPh sb="3" eb="6">
      <t>キョウカガタ</t>
    </rPh>
    <rPh sb="7" eb="9">
      <t>ケイゾク</t>
    </rPh>
    <rPh sb="14" eb="16">
      <t>リヨウ</t>
    </rPh>
    <rPh sb="16" eb="18">
      <t>シエン</t>
    </rPh>
    <rPh sb="18" eb="19">
      <t>ヒ</t>
    </rPh>
    <rPh sb="46" eb="48">
      <t>サンショウ</t>
    </rPh>
    <phoneticPr fontId="6"/>
  </si>
  <si>
    <t>　がすべて有の場合算定可。</t>
    <phoneticPr fontId="6"/>
  </si>
  <si>
    <t>・機能強化型（継続）サービス利用支援費（Ⅳ）については、①、②、④～⑥、⑨がすべて有の場合算定可。</t>
    <rPh sb="1" eb="3">
      <t>キノウ</t>
    </rPh>
    <rPh sb="3" eb="6">
      <t>キョウカガタ</t>
    </rPh>
    <rPh sb="7" eb="9">
      <t>ケイゾク</t>
    </rPh>
    <rPh sb="14" eb="16">
      <t>リヨウ</t>
    </rPh>
    <rPh sb="16" eb="18">
      <t>シエン</t>
    </rPh>
    <rPh sb="18" eb="19">
      <t>ヒ</t>
    </rPh>
    <phoneticPr fontId="6"/>
  </si>
  <si>
    <t>　 　　年 　　月 　　日</t>
    <phoneticPr fontId="6"/>
  </si>
  <si>
    <t>　１　新規　　　２　変更　　　３　終了</t>
    <phoneticPr fontId="6"/>
  </si>
  <si>
    <t>　１　機能強化型（継続）サービス利用支援費(Ⅰ)　　２　　(Ⅱ)　　３　　(Ⅲ)　 　※１</t>
    <rPh sb="3" eb="5">
      <t>キノウ</t>
    </rPh>
    <rPh sb="5" eb="8">
      <t>キョウカガタ</t>
    </rPh>
    <rPh sb="9" eb="11">
      <t>ケイゾク</t>
    </rPh>
    <rPh sb="16" eb="18">
      <t>リヨウ</t>
    </rPh>
    <rPh sb="18" eb="20">
      <t>シエン</t>
    </rPh>
    <rPh sb="20" eb="21">
      <t>ピ</t>
    </rPh>
    <phoneticPr fontId="6"/>
  </si>
  <si>
    <r>
      <t xml:space="preserve">有 </t>
    </r>
    <r>
      <rPr>
        <sz val="14"/>
        <rFont val="HGPｺﾞｼｯｸM"/>
        <family val="3"/>
        <charset val="128"/>
      </rPr>
      <t>・</t>
    </r>
    <r>
      <rPr>
        <sz val="11"/>
        <rFont val="HGPｺﾞｼｯｸM"/>
        <family val="3"/>
        <charset val="128"/>
      </rPr>
      <t xml:space="preserve"> 無</t>
    </r>
    <phoneticPr fontId="6"/>
  </si>
  <si>
    <t>　　相談支援専門員の配置状況（合計）</t>
    <rPh sb="2" eb="4">
      <t>ソウダン</t>
    </rPh>
    <rPh sb="4" eb="6">
      <t>シエン</t>
    </rPh>
    <rPh sb="6" eb="9">
      <t>センモンイン</t>
    </rPh>
    <rPh sb="10" eb="12">
      <t>ハイチ</t>
    </rPh>
    <rPh sb="12" eb="14">
      <t>ジョウキョウ</t>
    </rPh>
    <rPh sb="15" eb="17">
      <t>ゴウケイ</t>
    </rPh>
    <phoneticPr fontId="6"/>
  </si>
  <si>
    <t>　　それぞれの事業所における相談支援専門員の配置状況</t>
    <rPh sb="7" eb="10">
      <t>ジギョウショ</t>
    </rPh>
    <rPh sb="14" eb="16">
      <t>ソウダン</t>
    </rPh>
    <rPh sb="16" eb="18">
      <t>シエン</t>
    </rPh>
    <rPh sb="18" eb="21">
      <t>センモンイン</t>
    </rPh>
    <rPh sb="22" eb="24">
      <t>ハイチ</t>
    </rPh>
    <rPh sb="24" eb="26">
      <t>ジョウキョウ</t>
    </rPh>
    <phoneticPr fontId="6"/>
  </si>
  <si>
    <r>
      <rPr>
        <sz val="11"/>
        <rFont val="ＭＳ 明朝"/>
        <family val="1"/>
        <charset val="128"/>
      </rPr>
      <t>⑴</t>
    </r>
    <r>
      <rPr>
        <sz val="11"/>
        <rFont val="HGPｺﾞｼｯｸM"/>
        <family val="3"/>
        <charset val="128"/>
      </rPr>
      <t>　事業所名　</t>
    </r>
    <rPh sb="2" eb="5">
      <t>ジギョウショ</t>
    </rPh>
    <rPh sb="5" eb="6">
      <t>メイ</t>
    </rPh>
    <phoneticPr fontId="6"/>
  </si>
  <si>
    <t>※３　記載欄が不足する場合は適宜欄を追加すること（別紙可）</t>
    <rPh sb="3" eb="5">
      <t>キサイ</t>
    </rPh>
    <rPh sb="5" eb="6">
      <t>ラン</t>
    </rPh>
    <rPh sb="7" eb="9">
      <t>フソク</t>
    </rPh>
    <rPh sb="11" eb="13">
      <t>バアイ</t>
    </rPh>
    <rPh sb="14" eb="16">
      <t>テキギ</t>
    </rPh>
    <rPh sb="16" eb="17">
      <t>ラン</t>
    </rPh>
    <rPh sb="18" eb="20">
      <t>ツイカ</t>
    </rPh>
    <rPh sb="25" eb="27">
      <t>ベッシ</t>
    </rPh>
    <rPh sb="27" eb="28">
      <t>カ</t>
    </rPh>
    <phoneticPr fontId="6"/>
  </si>
  <si>
    <t>　他事業所における現任研修を修了した相談支援専門員による助言指導の体制が確保されている。</t>
    <rPh sb="1" eb="2">
      <t>タ</t>
    </rPh>
    <rPh sb="2" eb="5">
      <t>ジギョウショ</t>
    </rPh>
    <rPh sb="9" eb="11">
      <t>ゲンニン</t>
    </rPh>
    <rPh sb="11" eb="13">
      <t>ケンシュウ</t>
    </rPh>
    <rPh sb="14" eb="16">
      <t>シュウリョウ</t>
    </rPh>
    <rPh sb="18" eb="20">
      <t>ソウダン</t>
    </rPh>
    <rPh sb="20" eb="22">
      <t>シエン</t>
    </rPh>
    <rPh sb="22" eb="25">
      <t>センモンイン</t>
    </rPh>
    <rPh sb="28" eb="30">
      <t>ジョゲン</t>
    </rPh>
    <rPh sb="30" eb="32">
      <t>シドウ</t>
    </rPh>
    <rPh sb="33" eb="35">
      <t>タイセイ</t>
    </rPh>
    <rPh sb="36" eb="38">
      <t>カクホ</t>
    </rPh>
    <phoneticPr fontId="6"/>
  </si>
  <si>
    <t>※４　「有」の場合、①について現任研修修了者が配置されていなくても差し支えない。</t>
    <rPh sb="4" eb="5">
      <t>ア</t>
    </rPh>
    <rPh sb="7" eb="9">
      <t>バアイ</t>
    </rPh>
    <rPh sb="15" eb="17">
      <t>ゲンニン</t>
    </rPh>
    <rPh sb="17" eb="19">
      <t>ケンシュウ</t>
    </rPh>
    <rPh sb="19" eb="22">
      <t>シュウリョウシャ</t>
    </rPh>
    <rPh sb="23" eb="25">
      <t>ハイチ</t>
    </rPh>
    <rPh sb="33" eb="34">
      <t>サ</t>
    </rPh>
    <rPh sb="35" eb="36">
      <t>ツカ</t>
    </rPh>
    <phoneticPr fontId="6"/>
  </si>
  <si>
    <t>②-a 協働体制を確保する事業所間において、協定を締結している。</t>
    <rPh sb="4" eb="6">
      <t>キョウドウ</t>
    </rPh>
    <rPh sb="6" eb="8">
      <t>タイセイ</t>
    </rPh>
    <rPh sb="9" eb="11">
      <t>カクホ</t>
    </rPh>
    <rPh sb="13" eb="16">
      <t>ジギョウショ</t>
    </rPh>
    <rPh sb="16" eb="17">
      <t>アイダ</t>
    </rPh>
    <rPh sb="22" eb="24">
      <t>キョウテイ</t>
    </rPh>
    <rPh sb="25" eb="27">
      <t>テイケツ</t>
    </rPh>
    <phoneticPr fontId="6"/>
  </si>
  <si>
    <t>有 ・ 無</t>
    <phoneticPr fontId="6"/>
  </si>
  <si>
    <t>②-b 協働体制の要件を満たしているかについて、事業所間において定期的（月１回）に確認が実施されている。</t>
    <rPh sb="4" eb="6">
      <t>キョウドウ</t>
    </rPh>
    <rPh sb="6" eb="8">
      <t>タイセイ</t>
    </rPh>
    <rPh sb="9" eb="11">
      <t>ヨウケン</t>
    </rPh>
    <rPh sb="12" eb="13">
      <t>ミ</t>
    </rPh>
    <rPh sb="24" eb="27">
      <t>ジギョウショ</t>
    </rPh>
    <rPh sb="27" eb="28">
      <t>アイダ</t>
    </rPh>
    <phoneticPr fontId="6"/>
  </si>
  <si>
    <t>有 ・ 無</t>
    <phoneticPr fontId="6"/>
  </si>
  <si>
    <t>②-c 原則、全職員が参加するケース共有会議、事例検討会を月２回以上共同開催している。</t>
    <rPh sb="4" eb="6">
      <t>ゲンソク</t>
    </rPh>
    <rPh sb="7" eb="10">
      <t>ゼンショクイン</t>
    </rPh>
    <rPh sb="11" eb="13">
      <t>サンカ</t>
    </rPh>
    <rPh sb="18" eb="20">
      <t>キョウユウ</t>
    </rPh>
    <rPh sb="20" eb="22">
      <t>カイギ</t>
    </rPh>
    <rPh sb="23" eb="25">
      <t>ジレイ</t>
    </rPh>
    <rPh sb="25" eb="28">
      <t>ケントウカイ</t>
    </rPh>
    <rPh sb="29" eb="30">
      <t>ツキ</t>
    </rPh>
    <rPh sb="31" eb="32">
      <t>カイ</t>
    </rPh>
    <rPh sb="32" eb="34">
      <t>イジョウ</t>
    </rPh>
    <rPh sb="34" eb="36">
      <t>キョウドウ</t>
    </rPh>
    <rPh sb="36" eb="38">
      <t>カイサイ</t>
    </rPh>
    <phoneticPr fontId="6"/>
  </si>
  <si>
    <t>③　利用者に関する情報又はサービス提供に当たっての留意事項に係る伝達等を目的とした会議を定期的に開催している。</t>
    <rPh sb="2" eb="5">
      <t>リヨウシャ</t>
    </rPh>
    <rPh sb="6" eb="7">
      <t>カン</t>
    </rPh>
    <rPh sb="9" eb="11">
      <t>ジョウホウ</t>
    </rPh>
    <rPh sb="11" eb="12">
      <t>マタ</t>
    </rPh>
    <rPh sb="17" eb="19">
      <t>テイキョウ</t>
    </rPh>
    <rPh sb="20" eb="21">
      <t>ア</t>
    </rPh>
    <rPh sb="25" eb="27">
      <t>リュウイ</t>
    </rPh>
    <rPh sb="27" eb="29">
      <t>ジコウ</t>
    </rPh>
    <rPh sb="30" eb="31">
      <t>カカ</t>
    </rPh>
    <rPh sb="32" eb="34">
      <t>デンタツ</t>
    </rPh>
    <rPh sb="34" eb="35">
      <t>トウ</t>
    </rPh>
    <phoneticPr fontId="6"/>
  </si>
  <si>
    <t>④　協働体制を確保する事業所間において24時間常時連絡できる体制を整備している。</t>
    <rPh sb="2" eb="4">
      <t>キョウドウ</t>
    </rPh>
    <rPh sb="4" eb="6">
      <t>タイセイ</t>
    </rPh>
    <rPh sb="7" eb="9">
      <t>カクホ</t>
    </rPh>
    <rPh sb="11" eb="14">
      <t>ジギョウショ</t>
    </rPh>
    <rPh sb="14" eb="15">
      <t>アイダ</t>
    </rPh>
    <phoneticPr fontId="6"/>
  </si>
  <si>
    <t>⑤　当該指定特定（障害児）相談支援事業所の新規に採用した全ての相談支援専門員に対し、</t>
    <rPh sb="2" eb="4">
      <t>トウガイ</t>
    </rPh>
    <rPh sb="4" eb="6">
      <t>シテイ</t>
    </rPh>
    <rPh sb="6" eb="8">
      <t>トクテイ</t>
    </rPh>
    <rPh sb="9" eb="12">
      <t>ショウガイジ</t>
    </rPh>
    <rPh sb="13" eb="15">
      <t>ソウダン</t>
    </rPh>
    <rPh sb="15" eb="17">
      <t>シエン</t>
    </rPh>
    <rPh sb="17" eb="20">
      <t>ジギョウショ</t>
    </rPh>
    <rPh sb="21" eb="23">
      <t>シンキ</t>
    </rPh>
    <rPh sb="24" eb="26">
      <t>サイヨウ</t>
    </rPh>
    <rPh sb="28" eb="29">
      <t>スベ</t>
    </rPh>
    <rPh sb="31" eb="33">
      <t>ソウダン</t>
    </rPh>
    <rPh sb="33" eb="35">
      <t>シエン</t>
    </rPh>
    <rPh sb="35" eb="38">
      <t>センモンイン</t>
    </rPh>
    <rPh sb="39" eb="40">
      <t>タイ</t>
    </rPh>
    <phoneticPr fontId="6"/>
  </si>
  <si>
    <t>⑥　基幹相談支援センター等からの支援困難ケースが紹介された場合に、当該ケースを受託する体制を整備している。</t>
    <rPh sb="2" eb="4">
      <t>キカン</t>
    </rPh>
    <rPh sb="4" eb="6">
      <t>ソウダン</t>
    </rPh>
    <rPh sb="6" eb="8">
      <t>シエン</t>
    </rPh>
    <rPh sb="12" eb="13">
      <t>トウ</t>
    </rPh>
    <rPh sb="16" eb="18">
      <t>シエン</t>
    </rPh>
    <rPh sb="18" eb="20">
      <t>コンナン</t>
    </rPh>
    <rPh sb="24" eb="26">
      <t>ショウカイ</t>
    </rPh>
    <rPh sb="29" eb="31">
      <t>バアイ</t>
    </rPh>
    <rPh sb="33" eb="35">
      <t>トウガイ</t>
    </rPh>
    <phoneticPr fontId="6"/>
  </si>
  <si>
    <t>⑦　基幹相談支援センター等が実施する事例検討会等に参加している。</t>
    <rPh sb="2" eb="4">
      <t>キカン</t>
    </rPh>
    <rPh sb="4" eb="6">
      <t>ソウダン</t>
    </rPh>
    <phoneticPr fontId="6"/>
  </si>
  <si>
    <r>
      <t xml:space="preserve">有 </t>
    </r>
    <r>
      <rPr>
        <sz val="14"/>
        <rFont val="HGPｺﾞｼｯｸM"/>
        <family val="3"/>
        <charset val="128"/>
      </rPr>
      <t>・</t>
    </r>
    <r>
      <rPr>
        <sz val="11"/>
        <rFont val="HGPｺﾞｼｯｸM"/>
        <family val="3"/>
        <charset val="128"/>
      </rPr>
      <t xml:space="preserve"> 無</t>
    </r>
    <phoneticPr fontId="6"/>
  </si>
  <si>
    <t>⑧　協議会に参画し、協議会の構成機関等の連携の緊密化を図るために必要な取組を実施している。</t>
    <rPh sb="2" eb="5">
      <t>キョウギカイ</t>
    </rPh>
    <rPh sb="6" eb="8">
      <t>サンカク</t>
    </rPh>
    <rPh sb="10" eb="13">
      <t>キョウギカイ</t>
    </rPh>
    <rPh sb="14" eb="16">
      <t>コウセイ</t>
    </rPh>
    <rPh sb="16" eb="19">
      <t>キカントウ</t>
    </rPh>
    <rPh sb="20" eb="22">
      <t>レンケイ</t>
    </rPh>
    <rPh sb="23" eb="26">
      <t>キンミツカ</t>
    </rPh>
    <rPh sb="27" eb="28">
      <t>ハカ</t>
    </rPh>
    <rPh sb="32" eb="34">
      <t>ヒツヨウ</t>
    </rPh>
    <rPh sb="35" eb="37">
      <t>トリクミ</t>
    </rPh>
    <phoneticPr fontId="6"/>
  </si>
  <si>
    <t>⑨　基幹相談支援センターが行う地域の相談支援体制の強化の取組に参画している。</t>
    <phoneticPr fontId="6"/>
  </si>
  <si>
    <t>　（令和９年３月31日までの間において、市町村が基幹相談支援センターを設置していない場合は、</t>
    <rPh sb="2" eb="4">
      <t>レイワ</t>
    </rPh>
    <rPh sb="5" eb="6">
      <t>ネン</t>
    </rPh>
    <rPh sb="7" eb="8">
      <t>ガツ</t>
    </rPh>
    <rPh sb="10" eb="11">
      <t>ニチ</t>
    </rPh>
    <rPh sb="14" eb="15">
      <t>アイダ</t>
    </rPh>
    <rPh sb="20" eb="23">
      <t>シチョウソン</t>
    </rPh>
    <rPh sb="24" eb="30">
      <t>キカンソウダンシエン</t>
    </rPh>
    <rPh sb="35" eb="37">
      <t>セッチ</t>
    </rPh>
    <phoneticPr fontId="6"/>
  </si>
  <si>
    <t>　　地域の相談支援の中核機関が行う地域の相談支援体制の強化の取組に参画している。）</t>
    <phoneticPr fontId="6"/>
  </si>
  <si>
    <t>⑩　運営規程において、地域生活支援拠点等であることを市町村により位置付けられていることを定めている。</t>
    <rPh sb="2" eb="4">
      <t>ウンエイ</t>
    </rPh>
    <rPh sb="4" eb="6">
      <t>キテイ</t>
    </rPh>
    <rPh sb="11" eb="13">
      <t>チイキ</t>
    </rPh>
    <rPh sb="13" eb="15">
      <t>セイカツ</t>
    </rPh>
    <rPh sb="15" eb="17">
      <t>シエン</t>
    </rPh>
    <rPh sb="17" eb="19">
      <t>キョテン</t>
    </rPh>
    <rPh sb="19" eb="20">
      <t>トウ</t>
    </rPh>
    <rPh sb="26" eb="29">
      <t>シチョウソン</t>
    </rPh>
    <phoneticPr fontId="6"/>
  </si>
  <si>
    <t>⑪　地域生活支援拠点等を構成する関係機関（拠点関係機関）との連携体制を確保するとともに、</t>
    <rPh sb="2" eb="4">
      <t>チイキ</t>
    </rPh>
    <rPh sb="4" eb="6">
      <t>セイカツ</t>
    </rPh>
    <rPh sb="6" eb="8">
      <t>シエン</t>
    </rPh>
    <rPh sb="8" eb="10">
      <t>キョテン</t>
    </rPh>
    <rPh sb="10" eb="11">
      <t>トウ</t>
    </rPh>
    <rPh sb="12" eb="14">
      <t>コウセイ</t>
    </rPh>
    <rPh sb="16" eb="18">
      <t>カンケイ</t>
    </rPh>
    <rPh sb="18" eb="20">
      <t>キカン</t>
    </rPh>
    <rPh sb="21" eb="23">
      <t>キョテン</t>
    </rPh>
    <rPh sb="23" eb="25">
      <t>カンケイ</t>
    </rPh>
    <rPh sb="25" eb="27">
      <t>キカン</t>
    </rPh>
    <rPh sb="30" eb="32">
      <t>レンケイ</t>
    </rPh>
    <rPh sb="32" eb="34">
      <t>タイセイ</t>
    </rPh>
    <rPh sb="35" eb="37">
      <t>カクホ</t>
    </rPh>
    <phoneticPr fontId="6"/>
  </si>
  <si>
    <r>
      <t xml:space="preserve">有 </t>
    </r>
    <r>
      <rPr>
        <sz val="14"/>
        <rFont val="HGPｺﾞｼｯｸM"/>
        <family val="3"/>
        <charset val="128"/>
      </rPr>
      <t>・</t>
    </r>
    <r>
      <rPr>
        <sz val="11"/>
        <rFont val="HGPｺﾞｼｯｸM"/>
        <family val="3"/>
        <charset val="128"/>
      </rPr>
      <t xml:space="preserve"> 無</t>
    </r>
    <phoneticPr fontId="6"/>
  </si>
  <si>
    <t>　協議会に定期的に参画している。</t>
    <phoneticPr fontId="6"/>
  </si>
  <si>
    <t>　（令和９年３月31日までの間において、市町村が地域生活支援拠点等を整備していない場合は、</t>
    <rPh sb="20" eb="23">
      <t>シチョウソン</t>
    </rPh>
    <rPh sb="24" eb="33">
      <t>チイキセイカツシエンキョテントウ</t>
    </rPh>
    <rPh sb="34" eb="36">
      <t>セイビ</t>
    </rPh>
    <phoneticPr fontId="6"/>
  </si>
  <si>
    <t>　　拠点関係機関との連携体制を確保することに代えて、緊急の事態等への対処</t>
    <rPh sb="22" eb="23">
      <t>カ</t>
    </rPh>
    <rPh sb="26" eb="28">
      <t>キンキュウ</t>
    </rPh>
    <rPh sb="29" eb="31">
      <t>ジタイ</t>
    </rPh>
    <rPh sb="31" eb="32">
      <t>トウ</t>
    </rPh>
    <rPh sb="34" eb="36">
      <t>タイショ</t>
    </rPh>
    <phoneticPr fontId="6"/>
  </si>
  <si>
    <t>　　及び地域における生活に移行するための活動に関する取組に協力することで足りる。）</t>
    <phoneticPr fontId="6"/>
  </si>
  <si>
    <t>※５　⑩、⑪についてはいずれかが「有」であれば要件を満たすものである。</t>
    <rPh sb="17" eb="18">
      <t>ユウ</t>
    </rPh>
    <rPh sb="23" eb="25">
      <t>ヨウケン</t>
    </rPh>
    <rPh sb="26" eb="27">
      <t>ミ</t>
    </rPh>
    <phoneticPr fontId="6"/>
  </si>
  <si>
    <t>⑫　１人の相談支援専門員の取扱件数（前６月平均）がそれぞれ40件未満である。</t>
    <rPh sb="3" eb="4">
      <t>ニン</t>
    </rPh>
    <rPh sb="5" eb="7">
      <t>ソウダン</t>
    </rPh>
    <rPh sb="7" eb="9">
      <t>シエン</t>
    </rPh>
    <rPh sb="9" eb="12">
      <t>センモンイン</t>
    </rPh>
    <rPh sb="13" eb="15">
      <t>トリアツカイ</t>
    </rPh>
    <rPh sb="15" eb="17">
      <t>ケンスウ</t>
    </rPh>
    <rPh sb="18" eb="19">
      <t>ゼン</t>
    </rPh>
    <rPh sb="20" eb="21">
      <t>ガツ</t>
    </rPh>
    <rPh sb="21" eb="23">
      <t>ヘイキン</t>
    </rPh>
    <rPh sb="31" eb="32">
      <t>ケン</t>
    </rPh>
    <rPh sb="32" eb="34">
      <t>ミマン</t>
    </rPh>
    <phoneticPr fontId="6"/>
  </si>
  <si>
    <t>※６　各要件を満たす場合については、それぞれ根拠となる（要件を満たすことがわかる）書類も提出してください。
　　（例：勤務形態一覧表、会議録、各種取組に関する記録等）</t>
    <rPh sb="3" eb="4">
      <t>カク</t>
    </rPh>
    <rPh sb="4" eb="6">
      <t>ヨウケン</t>
    </rPh>
    <rPh sb="7" eb="8">
      <t>ミ</t>
    </rPh>
    <rPh sb="10" eb="12">
      <t>バアイ</t>
    </rPh>
    <rPh sb="22" eb="24">
      <t>コンキョ</t>
    </rPh>
    <rPh sb="28" eb="30">
      <t>ヨウケン</t>
    </rPh>
    <rPh sb="31" eb="32">
      <t>ミ</t>
    </rPh>
    <rPh sb="41" eb="43">
      <t>ショルイ</t>
    </rPh>
    <phoneticPr fontId="6"/>
  </si>
  <si>
    <t>※７　令和７年３月31日までに限り、⑧、⑨については、令和６年３月31日時点において機能強化型（継続）サービス利用支援費(Ⅰ)～（Ⅳ）を
　　算定している事業所は「無」の場合も算定可能であること。</t>
    <rPh sb="3" eb="5">
      <t>レイワ</t>
    </rPh>
    <rPh sb="6" eb="7">
      <t>ネン</t>
    </rPh>
    <rPh sb="8" eb="9">
      <t>ガツ</t>
    </rPh>
    <rPh sb="11" eb="12">
      <t>ニチ</t>
    </rPh>
    <rPh sb="15" eb="16">
      <t>カギ</t>
    </rPh>
    <rPh sb="27" eb="29">
      <t>レイワ</t>
    </rPh>
    <rPh sb="30" eb="31">
      <t>ネン</t>
    </rPh>
    <rPh sb="32" eb="33">
      <t>ガツ</t>
    </rPh>
    <rPh sb="35" eb="36">
      <t>ニチ</t>
    </rPh>
    <rPh sb="36" eb="38">
      <t>ジテン</t>
    </rPh>
    <phoneticPr fontId="6"/>
  </si>
  <si>
    <t>・機能強化型（継続）サービス利用支援費（Ⅰ）・（Ⅱ）については、①、②～⑨、⑫（⑧、⑨については※７参照）がすべて有の場合であって、</t>
    <rPh sb="1" eb="3">
      <t>キノウ</t>
    </rPh>
    <rPh sb="3" eb="6">
      <t>キョウカガタ</t>
    </rPh>
    <rPh sb="7" eb="9">
      <t>ケイゾク</t>
    </rPh>
    <rPh sb="14" eb="16">
      <t>リヨウ</t>
    </rPh>
    <rPh sb="16" eb="18">
      <t>シエン</t>
    </rPh>
    <rPh sb="18" eb="19">
      <t>ヒ</t>
    </rPh>
    <phoneticPr fontId="6"/>
  </si>
  <si>
    <t>　⑩、⑪のいずれかが有の場合に算定可。</t>
    <rPh sb="10" eb="11">
      <t>ア</t>
    </rPh>
    <rPh sb="12" eb="14">
      <t>バアイ</t>
    </rPh>
    <rPh sb="15" eb="17">
      <t>サンテイ</t>
    </rPh>
    <phoneticPr fontId="6"/>
  </si>
  <si>
    <t>・機能強化型（継続）サービス利用支援費（Ⅲ）については、①、②（a～c）、③、⑤～⑨、⑫</t>
    <rPh sb="1" eb="3">
      <t>キノウ</t>
    </rPh>
    <rPh sb="3" eb="6">
      <t>キョウカガタ</t>
    </rPh>
    <rPh sb="7" eb="9">
      <t>ケイゾク</t>
    </rPh>
    <rPh sb="14" eb="16">
      <t>リヨウ</t>
    </rPh>
    <rPh sb="16" eb="18">
      <t>シエン</t>
    </rPh>
    <rPh sb="18" eb="19">
      <t>ヒ</t>
    </rPh>
    <phoneticPr fontId="6"/>
  </si>
  <si>
    <t>　（⑧、⑨については※７参照）がすべて有の場合であって、⑩、⑪のいずれかが有の場合に算定可。</t>
    <phoneticPr fontId="6"/>
  </si>
  <si>
    <t>加算別紙５３-1（単独）</t>
    <rPh sb="9" eb="11">
      <t>タンドク</t>
    </rPh>
    <phoneticPr fontId="6"/>
  </si>
  <si>
    <t>加算別紙５３-1（協働）</t>
    <rPh sb="9" eb="11">
      <t>キョウドウ</t>
    </rPh>
    <phoneticPr fontId="6"/>
  </si>
  <si>
    <t xml:space="preserve"> 　　年 　　月 　　日</t>
    <phoneticPr fontId="6"/>
  </si>
  <si>
    <r>
      <t xml:space="preserve">体制加算に関する届出書（相談支援事業所）
</t>
    </r>
    <r>
      <rPr>
        <b/>
        <sz val="9"/>
        <rFont val="HGSｺﾞｼｯｸM"/>
        <family val="3"/>
        <charset val="128"/>
      </rPr>
      <t>(行動障害支援体制加算・要医療児者支援体制加算・精神障害者支援体制加算・高次脳機能障害支援体制加算)</t>
    </r>
    <rPh sb="0" eb="2">
      <t>タイセイ</t>
    </rPh>
    <rPh sb="2" eb="4">
      <t>カサン</t>
    </rPh>
    <rPh sb="5" eb="6">
      <t>カン</t>
    </rPh>
    <phoneticPr fontId="6"/>
  </si>
  <si>
    <t>事業所名</t>
    <phoneticPr fontId="6"/>
  </si>
  <si>
    <t>異動区分</t>
    <phoneticPr fontId="6"/>
  </si>
  <si>
    <t>　１　新規　　　２　変更　　　３　終了</t>
    <phoneticPr fontId="6"/>
  </si>
  <si>
    <t>届　出　項　目</t>
    <rPh sb="0" eb="1">
      <t>トドケ</t>
    </rPh>
    <rPh sb="2" eb="3">
      <t>デ</t>
    </rPh>
    <rPh sb="4" eb="5">
      <t>メ</t>
    </rPh>
    <phoneticPr fontId="6"/>
  </si>
  <si>
    <t>　１　行動障害支援体制加算(Ⅰ)　</t>
    <rPh sb="3" eb="5">
      <t>コウドウ</t>
    </rPh>
    <rPh sb="5" eb="7">
      <t>ショウガイ</t>
    </rPh>
    <rPh sb="7" eb="9">
      <t>シエン</t>
    </rPh>
    <rPh sb="9" eb="11">
      <t>タイセイ</t>
    </rPh>
    <rPh sb="11" eb="13">
      <t>カサン</t>
    </rPh>
    <phoneticPr fontId="6"/>
  </si>
  <si>
    <t>２　　(Ⅱ)</t>
    <phoneticPr fontId="6"/>
  </si>
  <si>
    <t>　１　要医療児者支援体制加算(Ⅰ)　</t>
    <rPh sb="3" eb="4">
      <t>ヨウ</t>
    </rPh>
    <rPh sb="4" eb="6">
      <t>イリョウ</t>
    </rPh>
    <rPh sb="6" eb="7">
      <t>ジ</t>
    </rPh>
    <rPh sb="7" eb="8">
      <t>シャ</t>
    </rPh>
    <rPh sb="8" eb="10">
      <t>シエン</t>
    </rPh>
    <rPh sb="10" eb="12">
      <t>タイセイ</t>
    </rPh>
    <rPh sb="12" eb="14">
      <t>カサン</t>
    </rPh>
    <phoneticPr fontId="6"/>
  </si>
  <si>
    <t>　１　精神障害者支援体制加算(Ⅰ)　</t>
    <rPh sb="3" eb="5">
      <t>セイシン</t>
    </rPh>
    <rPh sb="5" eb="7">
      <t>ショウガイ</t>
    </rPh>
    <rPh sb="7" eb="8">
      <t>シャ</t>
    </rPh>
    <rPh sb="8" eb="10">
      <t>シエン</t>
    </rPh>
    <rPh sb="10" eb="12">
      <t>タイセイ</t>
    </rPh>
    <rPh sb="12" eb="14">
      <t>カサン</t>
    </rPh>
    <phoneticPr fontId="6"/>
  </si>
  <si>
    <t>　１　高次脳機能障害支援体制加算(Ⅰ)</t>
    <rPh sb="3" eb="8">
      <t>コウジノウキノウ</t>
    </rPh>
    <rPh sb="8" eb="10">
      <t>ショウガイ</t>
    </rPh>
    <rPh sb="10" eb="12">
      <t>シエン</t>
    </rPh>
    <rPh sb="12" eb="14">
      <t>タイセイ</t>
    </rPh>
    <rPh sb="14" eb="16">
      <t>カサン</t>
    </rPh>
    <phoneticPr fontId="6"/>
  </si>
  <si>
    <t>【行動障害支援体制加算】</t>
    <phoneticPr fontId="6"/>
  </si>
  <si>
    <t>①　強度行動障害支援者養成研修(実践研修)又は行動援護従業者養成研修を修了した常勤の相談支援専門員を</t>
    <phoneticPr fontId="6"/>
  </si>
  <si>
    <r>
      <t xml:space="preserve">有 </t>
    </r>
    <r>
      <rPr>
        <sz val="14"/>
        <rFont val="HGSｺﾞｼｯｸM"/>
        <family val="3"/>
        <charset val="128"/>
      </rPr>
      <t>・</t>
    </r>
    <r>
      <rPr>
        <sz val="11"/>
        <rFont val="HGSｺﾞｼｯｸM"/>
        <family val="3"/>
        <charset val="128"/>
      </rPr>
      <t xml:space="preserve"> 無</t>
    </r>
    <phoneticPr fontId="6"/>
  </si>
  <si>
    <t>　１名以上配置している。</t>
    <phoneticPr fontId="6"/>
  </si>
  <si>
    <t>②　研修修了者を配置している旨を公表している。</t>
    <rPh sb="2" eb="4">
      <t>ケンシュウ</t>
    </rPh>
    <rPh sb="4" eb="7">
      <t>シュウリョウシャ</t>
    </rPh>
    <rPh sb="8" eb="10">
      <t>ハイチ</t>
    </rPh>
    <rPh sb="14" eb="15">
      <t>ムネ</t>
    </rPh>
    <rPh sb="16" eb="18">
      <t>コウヒョウ</t>
    </rPh>
    <phoneticPr fontId="6"/>
  </si>
  <si>
    <t>③　研修修了者が強度行動障害児者（※）に対して直近６月以内において計画相談支援又は障害児相談支援の</t>
    <rPh sb="2" eb="4">
      <t>ケンシュウ</t>
    </rPh>
    <rPh sb="4" eb="7">
      <t>シュウリョウシャ</t>
    </rPh>
    <rPh sb="8" eb="10">
      <t>キョウド</t>
    </rPh>
    <rPh sb="10" eb="12">
      <t>コウドウ</t>
    </rPh>
    <rPh sb="12" eb="15">
      <t>ショウガイジ</t>
    </rPh>
    <rPh sb="15" eb="16">
      <t>シャ</t>
    </rPh>
    <rPh sb="20" eb="21">
      <t>タイ</t>
    </rPh>
    <rPh sb="23" eb="25">
      <t>チョッキン</t>
    </rPh>
    <rPh sb="26" eb="27">
      <t>ツキ</t>
    </rPh>
    <rPh sb="27" eb="29">
      <t>イナイ</t>
    </rPh>
    <rPh sb="33" eb="35">
      <t>ケイカク</t>
    </rPh>
    <rPh sb="35" eb="37">
      <t>ソウダン</t>
    </rPh>
    <rPh sb="37" eb="39">
      <t>シエン</t>
    </rPh>
    <phoneticPr fontId="6"/>
  </si>
  <si>
    <t>　いずれかを実施している。</t>
    <rPh sb="6" eb="8">
      <t>ジッシ</t>
    </rPh>
    <phoneticPr fontId="6"/>
  </si>
  <si>
    <t>　※区分３以上かつ行動障害関連項目が10点以上の者（障害児の場合、児基準が20点以上の者）</t>
    <rPh sb="2" eb="4">
      <t>クブン</t>
    </rPh>
    <rPh sb="5" eb="7">
      <t>イジョウ</t>
    </rPh>
    <rPh sb="9" eb="11">
      <t>コウドウ</t>
    </rPh>
    <rPh sb="11" eb="13">
      <t>ショウガイ</t>
    </rPh>
    <rPh sb="13" eb="15">
      <t>カンレン</t>
    </rPh>
    <rPh sb="15" eb="17">
      <t>コウモク</t>
    </rPh>
    <rPh sb="20" eb="21">
      <t>テン</t>
    </rPh>
    <rPh sb="21" eb="23">
      <t>イジョウ</t>
    </rPh>
    <rPh sb="24" eb="25">
      <t>モノ</t>
    </rPh>
    <rPh sb="26" eb="28">
      <t>ショウガイ</t>
    </rPh>
    <rPh sb="28" eb="29">
      <t>ジ</t>
    </rPh>
    <rPh sb="30" eb="32">
      <t>バアイ</t>
    </rPh>
    <rPh sb="33" eb="34">
      <t>ジ</t>
    </rPh>
    <rPh sb="34" eb="36">
      <t>キジュン</t>
    </rPh>
    <rPh sb="39" eb="40">
      <t>テン</t>
    </rPh>
    <phoneticPr fontId="6"/>
  </si>
  <si>
    <t>【要医療児者支援体制加算】</t>
    <phoneticPr fontId="6"/>
  </si>
  <si>
    <t>①　医療的ケア児等の障害特性及びこれに応じた支援技法等に関する研修を修了した常勤の相談支援専門員を</t>
    <phoneticPr fontId="6"/>
  </si>
  <si>
    <r>
      <t xml:space="preserve">有 </t>
    </r>
    <r>
      <rPr>
        <sz val="14"/>
        <rFont val="HGSｺﾞｼｯｸM"/>
        <family val="3"/>
        <charset val="128"/>
      </rPr>
      <t>・</t>
    </r>
    <r>
      <rPr>
        <sz val="11"/>
        <rFont val="HGSｺﾞｼｯｸM"/>
        <family val="3"/>
        <charset val="128"/>
      </rPr>
      <t xml:space="preserve"> 無</t>
    </r>
    <phoneticPr fontId="6"/>
  </si>
  <si>
    <t>　１名以上配置している。</t>
    <phoneticPr fontId="6"/>
  </si>
  <si>
    <t>③　研修修了者が医療的ケア児者（※）に対して直近６月以内において計画相談支援又は障害児相談支援の</t>
    <rPh sb="2" eb="4">
      <t>ケンシュウ</t>
    </rPh>
    <rPh sb="4" eb="7">
      <t>シュウリョウシャ</t>
    </rPh>
    <rPh sb="8" eb="11">
      <t>イリョウテキ</t>
    </rPh>
    <rPh sb="13" eb="14">
      <t>ジ</t>
    </rPh>
    <rPh sb="14" eb="15">
      <t>シャ</t>
    </rPh>
    <rPh sb="19" eb="20">
      <t>タイ</t>
    </rPh>
    <rPh sb="22" eb="24">
      <t>チョッキン</t>
    </rPh>
    <rPh sb="26" eb="28">
      <t>イナイ</t>
    </rPh>
    <rPh sb="32" eb="34">
      <t>ケイカク</t>
    </rPh>
    <rPh sb="34" eb="36">
      <t>ソウダン</t>
    </rPh>
    <rPh sb="36" eb="38">
      <t>シエン</t>
    </rPh>
    <phoneticPr fontId="6"/>
  </si>
  <si>
    <t>　※スコア表の項目の欄に掲げるいずれかの医療行為を必要とする状態である者</t>
    <rPh sb="5" eb="6">
      <t>オモテ</t>
    </rPh>
    <rPh sb="7" eb="9">
      <t>コウモク</t>
    </rPh>
    <rPh sb="10" eb="11">
      <t>ラン</t>
    </rPh>
    <rPh sb="12" eb="13">
      <t>カカ</t>
    </rPh>
    <rPh sb="20" eb="22">
      <t>イリョウ</t>
    </rPh>
    <rPh sb="22" eb="24">
      <t>コウイ</t>
    </rPh>
    <rPh sb="25" eb="27">
      <t>ヒツヨウ</t>
    </rPh>
    <rPh sb="30" eb="32">
      <t>ジョウタイ</t>
    </rPh>
    <rPh sb="35" eb="36">
      <t>モノ</t>
    </rPh>
    <phoneticPr fontId="6"/>
  </si>
  <si>
    <t>【精神障害者支援体制加算】</t>
    <phoneticPr fontId="6"/>
  </si>
  <si>
    <t>①　精神障害者の障害特性及びこれに応じた支援技法等に関する研修を修了した常勤の相談支援専門員を</t>
    <rPh sb="2" eb="4">
      <t>セイシン</t>
    </rPh>
    <rPh sb="4" eb="6">
      <t>ショウガイ</t>
    </rPh>
    <rPh sb="6" eb="7">
      <t>シャ</t>
    </rPh>
    <rPh sb="8" eb="10">
      <t>ショウガイ</t>
    </rPh>
    <rPh sb="10" eb="12">
      <t>トクセイ</t>
    </rPh>
    <rPh sb="12" eb="13">
      <t>オヨ</t>
    </rPh>
    <rPh sb="17" eb="18">
      <t>オウ</t>
    </rPh>
    <rPh sb="20" eb="22">
      <t>シエン</t>
    </rPh>
    <rPh sb="22" eb="24">
      <t>ギホウ</t>
    </rPh>
    <rPh sb="24" eb="25">
      <t>トウ</t>
    </rPh>
    <rPh sb="26" eb="27">
      <t>カン</t>
    </rPh>
    <rPh sb="29" eb="31">
      <t>ケンシュウ</t>
    </rPh>
    <rPh sb="36" eb="38">
      <t>ジョウキン</t>
    </rPh>
    <phoneticPr fontId="6"/>
  </si>
  <si>
    <t>③　研修修了者が精神障害者又は精神に障害のある児童に対して直近６月以内において計画相談支援</t>
    <rPh sb="2" eb="4">
      <t>ケンシュウ</t>
    </rPh>
    <rPh sb="4" eb="7">
      <t>シュウリョウシャ</t>
    </rPh>
    <rPh sb="8" eb="10">
      <t>セイシン</t>
    </rPh>
    <rPh sb="10" eb="13">
      <t>ショウガイシャ</t>
    </rPh>
    <rPh sb="13" eb="14">
      <t>マタ</t>
    </rPh>
    <rPh sb="15" eb="17">
      <t>セイシン</t>
    </rPh>
    <rPh sb="18" eb="20">
      <t>ショウガイ</t>
    </rPh>
    <rPh sb="23" eb="25">
      <t>ジドウ</t>
    </rPh>
    <rPh sb="26" eb="27">
      <t>タイ</t>
    </rPh>
    <rPh sb="29" eb="31">
      <t>チョッキン</t>
    </rPh>
    <rPh sb="32" eb="33">
      <t>ツキ</t>
    </rPh>
    <rPh sb="33" eb="35">
      <t>イナイ</t>
    </rPh>
    <phoneticPr fontId="6"/>
  </si>
  <si>
    <t>　又は障害児相談支援のいずれかを実施している。</t>
    <rPh sb="3" eb="5">
      <t>ショウガイ</t>
    </rPh>
    <rPh sb="5" eb="6">
      <t>ジ</t>
    </rPh>
    <rPh sb="6" eb="8">
      <t>ソウダン</t>
    </rPh>
    <rPh sb="8" eb="10">
      <t>シエン</t>
    </rPh>
    <rPh sb="16" eb="18">
      <t>ジッシ</t>
    </rPh>
    <phoneticPr fontId="6"/>
  </si>
  <si>
    <t>④　利用者が通院又は利用する病院等及び訪問看護事業所（療養生活継続支援加算を算定</t>
    <rPh sb="2" eb="5">
      <t>リヨウシャ</t>
    </rPh>
    <rPh sb="6" eb="8">
      <t>ツウイン</t>
    </rPh>
    <rPh sb="8" eb="9">
      <t>マタ</t>
    </rPh>
    <rPh sb="10" eb="12">
      <t>リヨウ</t>
    </rPh>
    <rPh sb="14" eb="16">
      <t>ビョウイン</t>
    </rPh>
    <rPh sb="16" eb="17">
      <t>トウ</t>
    </rPh>
    <rPh sb="17" eb="18">
      <t>オヨ</t>
    </rPh>
    <rPh sb="19" eb="21">
      <t>ホウモン</t>
    </rPh>
    <rPh sb="21" eb="23">
      <t>カンゴ</t>
    </rPh>
    <rPh sb="23" eb="26">
      <t>ジギョウショ</t>
    </rPh>
    <rPh sb="38" eb="40">
      <t>サンテイ</t>
    </rPh>
    <phoneticPr fontId="6"/>
  </si>
  <si>
    <t>　又は精神科重症患者支援管理連携加算の届出をしているもの）における保健師、看護師</t>
    <rPh sb="1" eb="2">
      <t>マタ</t>
    </rPh>
    <rPh sb="33" eb="36">
      <t>ホケンシ</t>
    </rPh>
    <phoneticPr fontId="6"/>
  </si>
  <si>
    <t>　又は精神保健福祉士と連携する体制が構築されている。</t>
    <phoneticPr fontId="6"/>
  </si>
  <si>
    <t>連携先病院等の名称</t>
    <rPh sb="0" eb="2">
      <t>レンケイ</t>
    </rPh>
    <rPh sb="2" eb="3">
      <t>サキ</t>
    </rPh>
    <rPh sb="3" eb="5">
      <t>ビョウイン</t>
    </rPh>
    <rPh sb="5" eb="6">
      <t>トウ</t>
    </rPh>
    <rPh sb="7" eb="9">
      <t>メイショウ</t>
    </rPh>
    <phoneticPr fontId="6"/>
  </si>
  <si>
    <t>【高次脳機能障害支援体制加算】</t>
    <phoneticPr fontId="6"/>
  </si>
  <si>
    <t>①　高次脳機能障害支援者養成に関する研修を修了した常勤の相談支援専門員を１名以上配置している。</t>
    <rPh sb="2" eb="4">
      <t>コウジ</t>
    </rPh>
    <rPh sb="4" eb="7">
      <t>ノウキノウ</t>
    </rPh>
    <rPh sb="7" eb="9">
      <t>ショウガイ</t>
    </rPh>
    <rPh sb="9" eb="12">
      <t>シエンシャ</t>
    </rPh>
    <rPh sb="12" eb="14">
      <t>ヨウセイ</t>
    </rPh>
    <rPh sb="15" eb="16">
      <t>カン</t>
    </rPh>
    <rPh sb="37" eb="38">
      <t>メイ</t>
    </rPh>
    <phoneticPr fontId="6"/>
  </si>
  <si>
    <t>③　研修修了者が高次脳機能障害児者に対して直近６月以内において計画相談支援又は障害児相談支援の</t>
    <rPh sb="2" eb="4">
      <t>ケンシュウ</t>
    </rPh>
    <rPh sb="4" eb="7">
      <t>シュウリョウシャ</t>
    </rPh>
    <rPh sb="8" eb="13">
      <t>コウジノウキノウ</t>
    </rPh>
    <rPh sb="13" eb="15">
      <t>ショウガイ</t>
    </rPh>
    <rPh sb="15" eb="16">
      <t>ジ</t>
    </rPh>
    <rPh sb="16" eb="17">
      <t>シャ</t>
    </rPh>
    <rPh sb="18" eb="19">
      <t>タイ</t>
    </rPh>
    <rPh sb="21" eb="23">
      <t>チョッキン</t>
    </rPh>
    <rPh sb="24" eb="25">
      <t>ツキ</t>
    </rPh>
    <rPh sb="25" eb="27">
      <t>イナイ</t>
    </rPh>
    <rPh sb="31" eb="33">
      <t>ケイカク</t>
    </rPh>
    <rPh sb="33" eb="35">
      <t>ソウダン</t>
    </rPh>
    <rPh sb="35" eb="37">
      <t>シエン</t>
    </rPh>
    <rPh sb="37" eb="38">
      <t>マタ</t>
    </rPh>
    <phoneticPr fontId="6"/>
  </si>
  <si>
    <t>※　根拠となる修了証の写しを別途添付すること。</t>
    <rPh sb="2" eb="4">
      <t>コンキョ</t>
    </rPh>
    <phoneticPr fontId="6"/>
  </si>
  <si>
    <t>加算別紙５３-２</t>
    <phoneticPr fontId="6"/>
  </si>
  <si>
    <t>年　　月　　日</t>
    <rPh sb="0" eb="1">
      <t>ネン</t>
    </rPh>
    <rPh sb="3" eb="4">
      <t>ツキ</t>
    </rPh>
    <rPh sb="6" eb="7">
      <t>ヒ</t>
    </rPh>
    <phoneticPr fontId="115"/>
  </si>
  <si>
    <t>視覚・聴覚言語障害者支援体制加算（Ⅰ）に関する届出書</t>
    <phoneticPr fontId="115"/>
  </si>
  <si>
    <t>事業所の名称</t>
  </si>
  <si>
    <t>サービスの種類</t>
  </si>
  <si>
    <r>
      <t>多機能型の実施</t>
    </r>
    <r>
      <rPr>
        <sz val="8"/>
        <color rgb="FF000000"/>
        <rFont val="HGｺﾞｼｯｸM"/>
        <family val="3"/>
        <charset val="128"/>
      </rPr>
      <t>※1</t>
    </r>
    <phoneticPr fontId="115"/>
  </si>
  <si>
    <t>有　・　無</t>
  </si>
  <si>
    <r>
      <t>異動区分</t>
    </r>
    <r>
      <rPr>
        <sz val="8"/>
        <color rgb="FF000000"/>
        <rFont val="HGｺﾞｼｯｸM"/>
        <family val="3"/>
        <charset val="128"/>
      </rPr>
      <t>※2</t>
    </r>
    <phoneticPr fontId="115"/>
  </si>
  <si>
    <t>１　新規　　　　　２　変更　　　　　３　終了</t>
    <phoneticPr fontId="115"/>
  </si>
  <si>
    <t>１　利用者の状況</t>
  </si>
  <si>
    <t>当該事業所の前年度の平均実利用者数　(A)</t>
    <phoneticPr fontId="115"/>
  </si>
  <si>
    <t>人</t>
  </si>
  <si>
    <t>うち５０％　　　　　(B)＝ (A)×0.5</t>
    <phoneticPr fontId="115"/>
  </si>
  <si>
    <t>加算要件に該当する利用者の数 (C)＝(E)／(D)</t>
    <phoneticPr fontId="115"/>
  </si>
  <si>
    <t>(C)＞＝(B)</t>
    <phoneticPr fontId="115"/>
  </si>
  <si>
    <t>該当利用者の氏名</t>
  </si>
  <si>
    <t>手帳の種類</t>
  </si>
  <si>
    <t>手帳の等級</t>
  </si>
  <si>
    <t>前年度利用日数</t>
  </si>
  <si>
    <t>前年度の開所日数 (D)</t>
    <phoneticPr fontId="115"/>
  </si>
  <si>
    <t>合　計 (E)</t>
    <phoneticPr fontId="115"/>
  </si>
  <si>
    <t>２　加配される従業者の状況</t>
  </si>
  <si>
    <t>利用者数 (A)　÷　40　＝ (F)</t>
    <phoneticPr fontId="115"/>
  </si>
  <si>
    <t>加配される従業者の数　(G)</t>
    <phoneticPr fontId="115"/>
  </si>
  <si>
    <t>(G)＞＝ (F)</t>
    <phoneticPr fontId="115"/>
  </si>
  <si>
    <t>加配される従業者の氏名</t>
  </si>
  <si>
    <t>資格・研修名等</t>
  </si>
  <si>
    <t>添付書類</t>
  </si>
  <si>
    <t>身体障害者手帳の写し、従業者の勤務体制一覧表、組織体制図</t>
    <rPh sb="0" eb="2">
      <t>シンタイ</t>
    </rPh>
    <rPh sb="2" eb="5">
      <t>ショウガイシャ</t>
    </rPh>
    <rPh sb="5" eb="7">
      <t>テチョウ</t>
    </rPh>
    <rPh sb="8" eb="9">
      <t>ウツ</t>
    </rPh>
    <rPh sb="11" eb="14">
      <t>ジュウギョウシャ</t>
    </rPh>
    <phoneticPr fontId="115"/>
  </si>
  <si>
    <t>注１　本表は、次に該当する利用者を記載してください。
　①　身体障害者福祉法（昭和24年法律第283号）の第15条第４項の規定により交付を受けた身体障害者手帳
　　の障害程度が１級又は２級に該当し、日常生活におけるコミュニケーションや移動等に支障がある視覚障
　　害を有する者
　②　身体障害者手帳の障害の程度が２級に該当し、日常生活におけるコミュニケーションに支障がある聴覚
　　障害を有する者
　③　身体障害者手帳の障害の程度が３級に該当し、日常生活におけるコミュニケーションに支障がある言語
　　機能障害を有する者
　④　重度の視覚障害、聴覚障害、言語機能障害又は知的障害のうち２以上の障害を有する利用者については
　　、ダブルカウントするため、当該利用者の利用日数を２倍にして算定すること。この場合の「知的障害」
　　は「重度」の知的障害である必要はない。</t>
    <phoneticPr fontId="115"/>
  </si>
  <si>
    <t>注２　「障害者の日常生活及び社会生活を総合的に支援するための法律に基づく指定障害福祉サービス等及び
　　基準該当障害福祉サービスに要する費用の額の算定に関する基準（平成18年９月29日厚生労働省告示第
　　523号）第５の４に規定する加配される「視覚障害者等との意思疎通に関し専門性を有する者として専ら
　　視覚障害者等の生活支援に従事する者」とは、次のいずれかに該当する者であること。　
　①　視覚障害　点字の指導、点訳、歩行支援等を行うことができる者
　②　聴覚障害又は言語機能障害者　手話通訳等を行うことができる者</t>
    <phoneticPr fontId="115"/>
  </si>
  <si>
    <t>※１：多機能型事業所等については、当該多機能型事業所全体で、加算要件の利用者数や配置割合の計算を行
　　　うこと。</t>
    <phoneticPr fontId="115"/>
  </si>
  <si>
    <t>※２：「異動区分」欄において「４　終了」の場合は、１利用者の状況、２加配される従業者の状況の記載は
　　　不要とする。</t>
    <phoneticPr fontId="115"/>
  </si>
  <si>
    <t>　　　</t>
    <phoneticPr fontId="115"/>
  </si>
  <si>
    <t>視覚・聴覚言語障害者支援体制加算（Ⅱ）に関する届出書</t>
    <phoneticPr fontId="115"/>
  </si>
  <si>
    <r>
      <t>多機能型の実施</t>
    </r>
    <r>
      <rPr>
        <sz val="8"/>
        <color rgb="FF000000"/>
        <rFont val="HGｺﾞｼｯｸM"/>
        <family val="3"/>
        <charset val="128"/>
      </rPr>
      <t>※1</t>
    </r>
    <phoneticPr fontId="115"/>
  </si>
  <si>
    <t>有・無</t>
    <phoneticPr fontId="115"/>
  </si>
  <si>
    <t>１　新規　　　　　２　変更　　　　　３　終了</t>
    <phoneticPr fontId="115"/>
  </si>
  <si>
    <t>当該事業所の前年度の平均実利用者数　(A)</t>
    <phoneticPr fontId="115"/>
  </si>
  <si>
    <t>うち３０％　　　　　(B)＝ (A)×0.3</t>
    <phoneticPr fontId="115"/>
  </si>
  <si>
    <t>加算要件に該当する利用者の数 (C)＝(E)／(D)</t>
    <phoneticPr fontId="115"/>
  </si>
  <si>
    <t>(C)＞＝(B)</t>
    <phoneticPr fontId="115"/>
  </si>
  <si>
    <t>利用者数 (A)　÷　50　＝ (F)</t>
    <phoneticPr fontId="115"/>
  </si>
  <si>
    <t>加配される従業者の数　(G)</t>
    <phoneticPr fontId="115"/>
  </si>
  <si>
    <t>(G)＞＝(F)</t>
    <phoneticPr fontId="115"/>
  </si>
  <si>
    <t>注２　「障害者の日常生活及び社会生活を総合的に支援するための法律に基づく指定障害福祉サービス等及び
　　基準該当障害福祉サービスに要する費用の額の算定に関する基準（平成18年９月29日厚生労働省告示第
　　523号）第５の４に規定する加配される「視覚障害者等との意思疎通に関し専門性を有する者として専ら
　　視覚障害者等の生活支援に従事する者」とは、次のいずれかに該当する者であること。　
　①　視覚障害　点字の指導、点訳、歩行支援等を行うことができる者
　②　聴覚障害又は言語機能障害者　手話通訳等を行うことができる者</t>
    <phoneticPr fontId="115"/>
  </si>
  <si>
    <t>※２：「異動区分」欄において「４　終了」の場合は、１利用者の状況、２加配される従業者の状況の記載は
　　　不要とする。</t>
    <phoneticPr fontId="115"/>
  </si>
  <si>
    <t>加算別紙９</t>
    <phoneticPr fontId="6"/>
  </si>
  <si>
    <t xml:space="preserve"> 　　年 　　月 　　日</t>
    <phoneticPr fontId="6"/>
  </si>
  <si>
    <t>主任相談支援専門員配置加算に関する届出書</t>
    <rPh sb="0" eb="2">
      <t>シュニン</t>
    </rPh>
    <rPh sb="2" eb="4">
      <t>ソウダン</t>
    </rPh>
    <rPh sb="4" eb="6">
      <t>シエン</t>
    </rPh>
    <rPh sb="6" eb="9">
      <t>センモンイン</t>
    </rPh>
    <rPh sb="9" eb="11">
      <t>ハイチ</t>
    </rPh>
    <rPh sb="11" eb="13">
      <t>カサン</t>
    </rPh>
    <rPh sb="14" eb="15">
      <t>カン</t>
    </rPh>
    <phoneticPr fontId="6"/>
  </si>
  <si>
    <t>　１　新規　　　　２　変更　　　　３　終了</t>
    <phoneticPr fontId="6"/>
  </si>
  <si>
    <t>　１　主任相談支援専門員配置加算(Ⅰ)　　　２　　(Ⅱ)</t>
    <rPh sb="3" eb="5">
      <t>シュニン</t>
    </rPh>
    <rPh sb="5" eb="7">
      <t>ソウダン</t>
    </rPh>
    <rPh sb="7" eb="9">
      <t>シエン</t>
    </rPh>
    <rPh sb="9" eb="12">
      <t>センモンイン</t>
    </rPh>
    <rPh sb="12" eb="14">
      <t>ハイチ</t>
    </rPh>
    <rPh sb="14" eb="16">
      <t>カサン</t>
    </rPh>
    <phoneticPr fontId="6"/>
  </si>
  <si>
    <t>４　修了者名</t>
    <rPh sb="4" eb="5">
      <t>シャ</t>
    </rPh>
    <phoneticPr fontId="6"/>
  </si>
  <si>
    <t>５　公表の有無</t>
    <rPh sb="2" eb="3">
      <t>オオヤケ</t>
    </rPh>
    <rPh sb="3" eb="4">
      <t>オモテ</t>
    </rPh>
    <rPh sb="5" eb="7">
      <t>ウム</t>
    </rPh>
    <phoneticPr fontId="6"/>
  </si>
  <si>
    <t>有　 ・　 無</t>
    <phoneticPr fontId="6"/>
  </si>
  <si>
    <t>６　公表の方法</t>
    <rPh sb="2" eb="3">
      <t>オオヤケ</t>
    </rPh>
    <rPh sb="3" eb="4">
      <t>オモテ</t>
    </rPh>
    <rPh sb="5" eb="6">
      <t>カタ</t>
    </rPh>
    <rPh sb="6" eb="7">
      <t>ホウ</t>
    </rPh>
    <phoneticPr fontId="6"/>
  </si>
  <si>
    <t>①　基幹相談支援センターの委託を受けている、児童発達支援センターと一体的に運</t>
    <rPh sb="33" eb="36">
      <t>イッタイテキ</t>
    </rPh>
    <rPh sb="37" eb="38">
      <t>ウン</t>
    </rPh>
    <phoneticPr fontId="6"/>
  </si>
  <si>
    <t>　営している又は地域の相談支援の中核を担う機関として市町村長が認める指定特定</t>
    <rPh sb="1" eb="2">
      <t>エイ</t>
    </rPh>
    <phoneticPr fontId="6"/>
  </si>
  <si>
    <t>　（障害児）相談支援事業所である。</t>
    <phoneticPr fontId="6"/>
  </si>
  <si>
    <t>②　利用者に関する情報又はサービス提供に当たっての留意事項に係る伝達等を目的</t>
    <rPh sb="2" eb="5">
      <t>リヨウシャ</t>
    </rPh>
    <rPh sb="6" eb="7">
      <t>カン</t>
    </rPh>
    <rPh sb="9" eb="11">
      <t>ジョウホウ</t>
    </rPh>
    <rPh sb="11" eb="12">
      <t>マタ</t>
    </rPh>
    <rPh sb="17" eb="19">
      <t>テイキョウ</t>
    </rPh>
    <rPh sb="20" eb="21">
      <t>ア</t>
    </rPh>
    <rPh sb="25" eb="27">
      <t>リュウイ</t>
    </rPh>
    <rPh sb="27" eb="29">
      <t>ジコウ</t>
    </rPh>
    <rPh sb="30" eb="31">
      <t>カカ</t>
    </rPh>
    <rPh sb="32" eb="34">
      <t>デンタツ</t>
    </rPh>
    <rPh sb="34" eb="35">
      <t>トウ</t>
    </rPh>
    <rPh sb="36" eb="38">
      <t>モクテキ</t>
    </rPh>
    <phoneticPr fontId="6"/>
  </si>
  <si>
    <t>　とした会議を定期的に開催している。</t>
    <rPh sb="4" eb="6">
      <t>カイギ</t>
    </rPh>
    <rPh sb="7" eb="10">
      <t>テイキテキ</t>
    </rPh>
    <rPh sb="11" eb="13">
      <t>カイサイ</t>
    </rPh>
    <phoneticPr fontId="6"/>
  </si>
  <si>
    <t>③　当該指定特定（障害児）相談支援事業所の新規に採用した全ての相談支援専門員</t>
    <rPh sb="2" eb="4">
      <t>トウガイ</t>
    </rPh>
    <rPh sb="4" eb="6">
      <t>シテイ</t>
    </rPh>
    <rPh sb="6" eb="8">
      <t>トクテイ</t>
    </rPh>
    <rPh sb="9" eb="12">
      <t>ショウガイジ</t>
    </rPh>
    <rPh sb="13" eb="15">
      <t>ソウダン</t>
    </rPh>
    <rPh sb="15" eb="17">
      <t>シエン</t>
    </rPh>
    <rPh sb="17" eb="20">
      <t>ジギョウショ</t>
    </rPh>
    <rPh sb="21" eb="23">
      <t>シンキ</t>
    </rPh>
    <rPh sb="24" eb="26">
      <t>サイヨウ</t>
    </rPh>
    <rPh sb="28" eb="29">
      <t>スベ</t>
    </rPh>
    <rPh sb="31" eb="33">
      <t>ソウダン</t>
    </rPh>
    <rPh sb="33" eb="35">
      <t>シエン</t>
    </rPh>
    <rPh sb="35" eb="38">
      <t>センモンイン</t>
    </rPh>
    <phoneticPr fontId="6"/>
  </si>
  <si>
    <r>
      <t xml:space="preserve">有 </t>
    </r>
    <r>
      <rPr>
        <sz val="14"/>
        <rFont val="HGSｺﾞｼｯｸM"/>
        <family val="3"/>
        <charset val="128"/>
      </rPr>
      <t>・</t>
    </r>
    <r>
      <rPr>
        <sz val="11"/>
        <rFont val="HGSｺﾞｼｯｸM"/>
        <family val="3"/>
        <charset val="128"/>
      </rPr>
      <t xml:space="preserve"> 無</t>
    </r>
    <phoneticPr fontId="6"/>
  </si>
  <si>
    <t>　に対し、主任相談支援専門員の同行による研修を実施している。</t>
    <rPh sb="5" eb="7">
      <t>シュニン</t>
    </rPh>
    <rPh sb="7" eb="11">
      <t>ソウダンシエン</t>
    </rPh>
    <rPh sb="11" eb="14">
      <t>センモンイン</t>
    </rPh>
    <rPh sb="15" eb="17">
      <t>ドウコウ</t>
    </rPh>
    <rPh sb="20" eb="22">
      <t>ケンシュウ</t>
    </rPh>
    <rPh sb="23" eb="25">
      <t>ジッシ</t>
    </rPh>
    <phoneticPr fontId="6"/>
  </si>
  <si>
    <t>④　当該指定特定（障害児）相談支援事業所の全ての相談支援専門員に対し、地域づ</t>
    <rPh sb="2" eb="4">
      <t>トウガイ</t>
    </rPh>
    <rPh sb="4" eb="6">
      <t>シテイ</t>
    </rPh>
    <rPh sb="6" eb="8">
      <t>トクテイ</t>
    </rPh>
    <rPh sb="9" eb="12">
      <t>ショウガイジ</t>
    </rPh>
    <rPh sb="13" eb="15">
      <t>ソウダン</t>
    </rPh>
    <rPh sb="15" eb="17">
      <t>シエン</t>
    </rPh>
    <rPh sb="17" eb="20">
      <t>ジギョウショ</t>
    </rPh>
    <rPh sb="21" eb="22">
      <t>スベ</t>
    </rPh>
    <rPh sb="24" eb="26">
      <t>ソウダン</t>
    </rPh>
    <rPh sb="26" eb="28">
      <t>シエン</t>
    </rPh>
    <rPh sb="28" eb="31">
      <t>センモンイン</t>
    </rPh>
    <rPh sb="32" eb="33">
      <t>タイ</t>
    </rPh>
    <rPh sb="35" eb="37">
      <t>チイキ</t>
    </rPh>
    <phoneticPr fontId="6"/>
  </si>
  <si>
    <t>　くり、人材育成、困難事例への対応などサービスの総合的かつ適切な利用支援等の</t>
    <rPh sb="34" eb="36">
      <t>シエン</t>
    </rPh>
    <rPh sb="36" eb="37">
      <t>ナド</t>
    </rPh>
    <phoneticPr fontId="6"/>
  </si>
  <si>
    <t>　援助技術の向上等を目的として指導、助言を行っている。</t>
    <rPh sb="21" eb="22">
      <t>オコナ</t>
    </rPh>
    <phoneticPr fontId="6"/>
  </si>
  <si>
    <t>⑤　基幹相談支援センターが実施する地域の相談支援事業者の人材育成や支援の質の</t>
    <rPh sb="2" eb="4">
      <t>キカン</t>
    </rPh>
    <rPh sb="4" eb="6">
      <t>ソウダン</t>
    </rPh>
    <phoneticPr fontId="6"/>
  </si>
  <si>
    <t>　向上のための取組の支援等を基幹相談支援センターの職員と共同で実施している。</t>
    <phoneticPr fontId="6"/>
  </si>
  <si>
    <t>⑥　基幹相談支援センターが実施する地域の相談支援事業者の人材育成や支援の質の</t>
    <rPh sb="2" eb="4">
      <t>キカン</t>
    </rPh>
    <rPh sb="4" eb="6">
      <t>ソウダン</t>
    </rPh>
    <phoneticPr fontId="6"/>
  </si>
  <si>
    <t>　向上のための取組の支援等について協力している。</t>
    <rPh sb="17" eb="19">
      <t>キョウリョク</t>
    </rPh>
    <phoneticPr fontId="6"/>
  </si>
  <si>
    <t>　（市町村が基幹相談支援センターを設置していない場合は、地域の相談支援の中核</t>
    <rPh sb="36" eb="38">
      <t>チュウカク</t>
    </rPh>
    <phoneticPr fontId="6"/>
  </si>
  <si>
    <t>　　機関が実施する取組について協力している。）</t>
    <phoneticPr fontId="6"/>
  </si>
  <si>
    <t>⑦　他の指定特定相談支援事業所、指定障害児相談支援事業所及び指定一般相談支援</t>
    <rPh sb="30" eb="32">
      <t>シテイ</t>
    </rPh>
    <phoneticPr fontId="6"/>
  </si>
  <si>
    <t>　　事業所の従業者に対して上記②～④に該当する業務を実施している。</t>
    <rPh sb="13" eb="15">
      <t>ジョウキ</t>
    </rPh>
    <rPh sb="19" eb="21">
      <t>ガイトウ</t>
    </rPh>
    <rPh sb="23" eb="25">
      <t>ギョウム</t>
    </rPh>
    <phoneticPr fontId="6"/>
  </si>
  <si>
    <t>　 （主任相談支援専門員配置加算（Ⅱ）においては任意。ただし、その場合であっても、自事業所に他の</t>
    <rPh sb="3" eb="16">
      <t>シュニンソウダンシエンセンモンインハイチカサン</t>
    </rPh>
    <rPh sb="24" eb="26">
      <t>ニンイ</t>
    </rPh>
    <rPh sb="33" eb="35">
      <t>バアイ</t>
    </rPh>
    <rPh sb="41" eb="42">
      <t>ジ</t>
    </rPh>
    <rPh sb="42" eb="45">
      <t>ジギョウショ</t>
    </rPh>
    <rPh sb="46" eb="47">
      <t>タ</t>
    </rPh>
    <phoneticPr fontId="6"/>
  </si>
  <si>
    <t>　 　職員が配置されていない等、②～④を自事業所内で実施することが困難な場合は必須。）</t>
    <phoneticPr fontId="6"/>
  </si>
  <si>
    <t>注　根拠となる修了証の写し、会議録、各種取組に関する記録等を別途添付すること。</t>
    <rPh sb="0" eb="1">
      <t>チュウ</t>
    </rPh>
    <rPh sb="2" eb="4">
      <t>コンキョ</t>
    </rPh>
    <phoneticPr fontId="6"/>
  </si>
  <si>
    <t>・主任相談支援専門員配置加算（Ⅰ）については、①～⑤、⑦がすべて「有」の場合算定可。</t>
    <rPh sb="1" eb="14">
      <t>シュニンソウダンシエンセンモンインハイチカサン</t>
    </rPh>
    <rPh sb="33" eb="34">
      <t>ア</t>
    </rPh>
    <rPh sb="36" eb="38">
      <t>バアイ</t>
    </rPh>
    <rPh sb="38" eb="40">
      <t>サンテイ</t>
    </rPh>
    <rPh sb="40" eb="41">
      <t>カ</t>
    </rPh>
    <phoneticPr fontId="6"/>
  </si>
  <si>
    <t>・主任相談支援専門員配置加算（Ⅱ）については、②～④、⑥がすべて「有」の場合算定可。</t>
    <rPh sb="1" eb="14">
      <t>シュニンソウダンシエンセンモンインハイチカサン</t>
    </rPh>
    <rPh sb="33" eb="34">
      <t>ア</t>
    </rPh>
    <rPh sb="36" eb="38">
      <t>バアイ</t>
    </rPh>
    <rPh sb="38" eb="40">
      <t>サンテイ</t>
    </rPh>
    <rPh sb="40" eb="41">
      <t>カ</t>
    </rPh>
    <phoneticPr fontId="6"/>
  </si>
  <si>
    <t>　ただし、自事業所での実施が困難と判断される場合は、⑦が「有」の場合に限り、②～④は</t>
    <rPh sb="22" eb="24">
      <t>バアイ</t>
    </rPh>
    <rPh sb="29" eb="30">
      <t>ア</t>
    </rPh>
    <rPh sb="32" eb="34">
      <t>バアイ</t>
    </rPh>
    <rPh sb="35" eb="36">
      <t>カギ</t>
    </rPh>
    <phoneticPr fontId="6"/>
  </si>
  <si>
    <t>　「無」であってもよい。</t>
    <phoneticPr fontId="84"/>
  </si>
  <si>
    <t>加算別紙５３-３</t>
    <phoneticPr fontId="6"/>
  </si>
  <si>
    <t>年　　月　　日</t>
    <rPh sb="0" eb="1">
      <t>ネン</t>
    </rPh>
    <rPh sb="3" eb="4">
      <t>ガツ</t>
    </rPh>
    <rPh sb="6" eb="7">
      <t>ニチ</t>
    </rPh>
    <phoneticPr fontId="6"/>
  </si>
  <si>
    <t>重度障害者支援加算に関する届出書（生活介護・施設入所支援）</t>
    <rPh sb="0" eb="2">
      <t>ジュウド</t>
    </rPh>
    <rPh sb="2" eb="5">
      <t>ショウガイシャ</t>
    </rPh>
    <rPh sb="5" eb="7">
      <t>シエン</t>
    </rPh>
    <rPh sb="7" eb="9">
      <t>カサン</t>
    </rPh>
    <rPh sb="10" eb="11">
      <t>カン</t>
    </rPh>
    <rPh sb="13" eb="15">
      <t>トドケデ</t>
    </rPh>
    <rPh sb="15" eb="16">
      <t>ショ</t>
    </rPh>
    <rPh sb="17" eb="19">
      <t>セイカツ</t>
    </rPh>
    <rPh sb="19" eb="21">
      <t>カイゴ</t>
    </rPh>
    <rPh sb="22" eb="24">
      <t>シセツ</t>
    </rPh>
    <rPh sb="24" eb="26">
      <t>ニュウショ</t>
    </rPh>
    <rPh sb="26" eb="28">
      <t>シエン</t>
    </rPh>
    <phoneticPr fontId="6"/>
  </si>
  <si>
    <t>１　事業所・施設の名称</t>
    <rPh sb="2" eb="5">
      <t>ジギョウショ</t>
    </rPh>
    <rPh sb="6" eb="8">
      <t>シセツ</t>
    </rPh>
    <rPh sb="9" eb="11">
      <t>メイショウ</t>
    </rPh>
    <phoneticPr fontId="6"/>
  </si>
  <si>
    <t>１　新規　　　　　　　２　変更　　　　　　　３　終了</t>
    <rPh sb="2" eb="4">
      <t>シンキ</t>
    </rPh>
    <rPh sb="13" eb="15">
      <t>ヘンコウ</t>
    </rPh>
    <rPh sb="24" eb="26">
      <t>シュウリョウ</t>
    </rPh>
    <phoneticPr fontId="6"/>
  </si>
  <si>
    <t>４　配置状況</t>
    <rPh sb="2" eb="4">
      <t>ハイチ</t>
    </rPh>
    <rPh sb="4" eb="6">
      <t>ジョウキョウ</t>
    </rPh>
    <phoneticPr fontId="6"/>
  </si>
  <si>
    <t>　１　強度行動障害支援者養成研修（実践研修）修了者　配置
　２　強度行動障害支援者養成研修（中核的人材養成研修）修了者　配置</t>
    <rPh sb="3" eb="5">
      <t>キョウド</t>
    </rPh>
    <rPh sb="5" eb="7">
      <t>コウドウ</t>
    </rPh>
    <rPh sb="7" eb="9">
      <t>ショウガイ</t>
    </rPh>
    <rPh sb="9" eb="12">
      <t>シエンシャ</t>
    </rPh>
    <rPh sb="12" eb="14">
      <t>ヨウセイ</t>
    </rPh>
    <rPh sb="14" eb="16">
      <t>ケンシュウ</t>
    </rPh>
    <rPh sb="17" eb="19">
      <t>ジッセン</t>
    </rPh>
    <rPh sb="19" eb="21">
      <t>ケンシュウ</t>
    </rPh>
    <rPh sb="22" eb="25">
      <t>シュウリョウシャ</t>
    </rPh>
    <rPh sb="26" eb="28">
      <t>ハイチ</t>
    </rPh>
    <rPh sb="47" eb="50">
      <t>チュウカクテキ</t>
    </rPh>
    <rPh sb="50" eb="52">
      <t>ジンザイ</t>
    </rPh>
    <rPh sb="52" eb="54">
      <t>ヨウセイ</t>
    </rPh>
    <rPh sb="54" eb="56">
      <t>ケンシュウ</t>
    </rPh>
    <rPh sb="61" eb="62">
      <t>クバ</t>
    </rPh>
    <rPh sb="62" eb="63">
      <t>チ</t>
    </rPh>
    <phoneticPr fontId="6"/>
  </si>
  <si>
    <t>５　強度行動障害支援者
　養成研修（基礎研修）
　修了者配置人数</t>
    <rPh sb="18" eb="20">
      <t>キソ</t>
    </rPh>
    <rPh sb="28" eb="30">
      <t>ハイチ</t>
    </rPh>
    <rPh sb="30" eb="32">
      <t>ニンズウ</t>
    </rPh>
    <phoneticPr fontId="6"/>
  </si>
  <si>
    <t>生活支援員の数（全体）（a)</t>
    <rPh sb="0" eb="2">
      <t>セイカツ</t>
    </rPh>
    <rPh sb="2" eb="4">
      <t>シエン</t>
    </rPh>
    <rPh sb="4" eb="5">
      <t>イン</t>
    </rPh>
    <rPh sb="6" eb="7">
      <t>カズ</t>
    </rPh>
    <rPh sb="8" eb="10">
      <t>ゼンタイ</t>
    </rPh>
    <phoneticPr fontId="100"/>
  </si>
  <si>
    <t>研修修了者の人数(b)</t>
    <rPh sb="0" eb="2">
      <t>ケンシュウ</t>
    </rPh>
    <rPh sb="2" eb="5">
      <t>シュウリョウシャ</t>
    </rPh>
    <rPh sb="6" eb="8">
      <t>ニンズウ</t>
    </rPh>
    <phoneticPr fontId="100"/>
  </si>
  <si>
    <t>(b)/(a)</t>
    <phoneticPr fontId="100"/>
  </si>
  <si>
    <t>％</t>
    <phoneticPr fontId="6"/>
  </si>
  <si>
    <t>　　　※　生活支援員のうち20％以上が、強度行動障害支援者養成研修（基礎研修）修了者であ
　　　　ること。</t>
    <rPh sb="36" eb="38">
      <t>ケンシュウ</t>
    </rPh>
    <phoneticPr fontId="6"/>
  </si>
  <si>
    <t>　</t>
    <phoneticPr fontId="100"/>
  </si>
  <si>
    <t>注２　実践研修・中核的人材養成研修共に、研修修了者については修了証の写しを添付すること。</t>
    <rPh sb="0" eb="1">
      <t>チュウ</t>
    </rPh>
    <rPh sb="3" eb="5">
      <t>ジッセン</t>
    </rPh>
    <rPh sb="5" eb="7">
      <t>ケンシュウ</t>
    </rPh>
    <rPh sb="8" eb="11">
      <t>チュウカクテキ</t>
    </rPh>
    <rPh sb="11" eb="13">
      <t>ジンザイ</t>
    </rPh>
    <rPh sb="13" eb="15">
      <t>ヨウセイ</t>
    </rPh>
    <rPh sb="15" eb="17">
      <t>ケンシュウ</t>
    </rPh>
    <rPh sb="17" eb="18">
      <t>トモ</t>
    </rPh>
    <rPh sb="20" eb="22">
      <t>ケンシュウ</t>
    </rPh>
    <rPh sb="22" eb="25">
      <t>シュウリョウシャ</t>
    </rPh>
    <rPh sb="30" eb="33">
      <t>シュウリョウショウ</t>
    </rPh>
    <rPh sb="34" eb="35">
      <t>ウツ</t>
    </rPh>
    <phoneticPr fontId="6"/>
  </si>
  <si>
    <t>注３　「強度行動障害支援者養成研修（基礎研修）修了者配置人数」については、実人数を記載すること。</t>
    <rPh sb="0" eb="1">
      <t>チュウ</t>
    </rPh>
    <rPh sb="4" eb="6">
      <t>キョウド</t>
    </rPh>
    <rPh sb="6" eb="8">
      <t>コウドウ</t>
    </rPh>
    <rPh sb="8" eb="10">
      <t>ショウガイ</t>
    </rPh>
    <rPh sb="10" eb="12">
      <t>シエン</t>
    </rPh>
    <rPh sb="12" eb="13">
      <t>シャ</t>
    </rPh>
    <rPh sb="13" eb="15">
      <t>ヨウセイ</t>
    </rPh>
    <rPh sb="15" eb="17">
      <t>ケンシュウ</t>
    </rPh>
    <rPh sb="18" eb="20">
      <t>キソ</t>
    </rPh>
    <rPh sb="20" eb="22">
      <t>ケンシュウ</t>
    </rPh>
    <rPh sb="23" eb="26">
      <t>シュウリョウシャ</t>
    </rPh>
    <rPh sb="26" eb="28">
      <t>ハイチ</t>
    </rPh>
    <rPh sb="28" eb="30">
      <t>ニンズウ</t>
    </rPh>
    <rPh sb="37" eb="38">
      <t>ジツ</t>
    </rPh>
    <rPh sb="38" eb="40">
      <t>ニンズウ</t>
    </rPh>
    <rPh sb="41" eb="43">
      <t>キサイ</t>
    </rPh>
    <phoneticPr fontId="6"/>
  </si>
  <si>
    <t>注４　強度行動障害支援者養成研修（基礎研修）については、重度訪問介護従事者養成研修行動障害支援課程、
　　強度行動障害支援者養成研修（実践研修）については、行動援護従事者養成研修でも可。</t>
    <rPh sb="0" eb="1">
      <t>チュウ</t>
    </rPh>
    <rPh sb="3" eb="5">
      <t>キョウド</t>
    </rPh>
    <rPh sb="5" eb="7">
      <t>コウドウ</t>
    </rPh>
    <rPh sb="7" eb="9">
      <t>ショウガイ</t>
    </rPh>
    <rPh sb="9" eb="11">
      <t>シエン</t>
    </rPh>
    <rPh sb="11" eb="12">
      <t>シャ</t>
    </rPh>
    <rPh sb="12" eb="14">
      <t>ヨウセイ</t>
    </rPh>
    <rPh sb="14" eb="16">
      <t>ケンシュウ</t>
    </rPh>
    <rPh sb="17" eb="19">
      <t>キソ</t>
    </rPh>
    <rPh sb="19" eb="21">
      <t>ケンシュウ</t>
    </rPh>
    <rPh sb="28" eb="41">
      <t>ジュウドホウモンカイゴジュウジシャヨウセイケンシュウ</t>
    </rPh>
    <rPh sb="41" eb="43">
      <t>コウドウ</t>
    </rPh>
    <rPh sb="43" eb="45">
      <t>ショウガイ</t>
    </rPh>
    <rPh sb="45" eb="47">
      <t>シエン</t>
    </rPh>
    <phoneticPr fontId="6"/>
  </si>
  <si>
    <t>１　新規　　　　　　　２　変更　　　　　　　　３　終了</t>
    <rPh sb="2" eb="4">
      <t>シンキ</t>
    </rPh>
    <rPh sb="13" eb="15">
      <t>ヘンコウ</t>
    </rPh>
    <rPh sb="25" eb="27">
      <t>シュウリョウ</t>
    </rPh>
    <phoneticPr fontId="6"/>
  </si>
  <si>
    <t>３　配置状況
（基礎研修修了者名）</t>
    <rPh sb="2" eb="4">
      <t>ハイチ</t>
    </rPh>
    <rPh sb="4" eb="6">
      <t>ジョウキョウ</t>
    </rPh>
    <rPh sb="8" eb="10">
      <t>キソ</t>
    </rPh>
    <rPh sb="10" eb="12">
      <t>ケンシュウ</t>
    </rPh>
    <rPh sb="12" eb="15">
      <t>シュウリョウシャ</t>
    </rPh>
    <rPh sb="15" eb="16">
      <t>メイ</t>
    </rPh>
    <phoneticPr fontId="6"/>
  </si>
  <si>
    <t>４　配置状況
（実践研修修了者名）</t>
    <rPh sb="2" eb="4">
      <t>ハイチ</t>
    </rPh>
    <rPh sb="4" eb="6">
      <t>ジョウキョウ</t>
    </rPh>
    <rPh sb="8" eb="10">
      <t>ジッセン</t>
    </rPh>
    <rPh sb="10" eb="12">
      <t>ケンシュウ</t>
    </rPh>
    <rPh sb="12" eb="15">
      <t>シュウリョウシャ</t>
    </rPh>
    <rPh sb="15" eb="16">
      <t>メイ</t>
    </rPh>
    <phoneticPr fontId="6"/>
  </si>
  <si>
    <t>５　配置状況
（中核的人材研修修了者名）</t>
    <rPh sb="2" eb="4">
      <t>ハイチ</t>
    </rPh>
    <rPh sb="4" eb="6">
      <t>ジョウキョウ</t>
    </rPh>
    <rPh sb="8" eb="11">
      <t>チュウカクテキ</t>
    </rPh>
    <rPh sb="11" eb="13">
      <t>ジンザイ</t>
    </rPh>
    <rPh sb="13" eb="15">
      <t>ケンシュウ</t>
    </rPh>
    <rPh sb="15" eb="18">
      <t>シュウリョウシャ</t>
    </rPh>
    <rPh sb="18" eb="19">
      <t>メイ</t>
    </rPh>
    <phoneticPr fontId="6"/>
  </si>
  <si>
    <t>　　２　基礎研修修了者・実践研修修了者・中核的人材研修修了者については、修了証の写しを別途添付すること。</t>
    <rPh sb="4" eb="6">
      <t>キソ</t>
    </rPh>
    <rPh sb="6" eb="8">
      <t>ケンシュウ</t>
    </rPh>
    <rPh sb="8" eb="11">
      <t>シュウリョウシャ</t>
    </rPh>
    <rPh sb="12" eb="14">
      <t>ジッセン</t>
    </rPh>
    <rPh sb="14" eb="16">
      <t>ケンシュウ</t>
    </rPh>
    <rPh sb="16" eb="19">
      <t>シュウリョウシャ</t>
    </rPh>
    <rPh sb="20" eb="25">
      <t>チュウカクテキジンザイ</t>
    </rPh>
    <rPh sb="25" eb="30">
      <t>ケンシュウシュウリョウシャ</t>
    </rPh>
    <rPh sb="36" eb="39">
      <t>シュウリョウショウ</t>
    </rPh>
    <rPh sb="40" eb="41">
      <t>ウツ</t>
    </rPh>
    <rPh sb="43" eb="45">
      <t>ベット</t>
    </rPh>
    <rPh sb="45" eb="47">
      <t>テンプ</t>
    </rPh>
    <phoneticPr fontId="6"/>
  </si>
  <si>
    <t>　　３　強度行動障害支援者養成研修（基礎研修）については、重度訪問介護従事者養成研修行動障害支援課程、</t>
    <rPh sb="4" eb="6">
      <t>キョウド</t>
    </rPh>
    <rPh sb="6" eb="8">
      <t>コウドウ</t>
    </rPh>
    <rPh sb="8" eb="10">
      <t>ショウガイ</t>
    </rPh>
    <rPh sb="10" eb="12">
      <t>シエン</t>
    </rPh>
    <rPh sb="12" eb="13">
      <t>シャ</t>
    </rPh>
    <rPh sb="13" eb="15">
      <t>ヨウセイ</t>
    </rPh>
    <rPh sb="15" eb="17">
      <t>ケンシュウ</t>
    </rPh>
    <rPh sb="18" eb="20">
      <t>キソ</t>
    </rPh>
    <rPh sb="20" eb="22">
      <t>ケンシュウ</t>
    </rPh>
    <rPh sb="29" eb="42">
      <t>ジュウドホウモンカイゴジュウジシャヨウセイケンシュウ</t>
    </rPh>
    <rPh sb="42" eb="44">
      <t>コウドウ</t>
    </rPh>
    <rPh sb="44" eb="46">
      <t>ショウガイ</t>
    </rPh>
    <rPh sb="46" eb="48">
      <t>シエン</t>
    </rPh>
    <phoneticPr fontId="6"/>
  </si>
  <si>
    <t>　　　強度行動障害支援者養成研修（実践研修）については、行動援護従事者養成研修でも可。</t>
    <rPh sb="3" eb="16">
      <t>キョウドコウドウショウガイシエンシャヨウセイケンシュウ</t>
    </rPh>
    <rPh sb="17" eb="19">
      <t>ジッセン</t>
    </rPh>
    <rPh sb="19" eb="21">
      <t>ケンシュウ</t>
    </rPh>
    <rPh sb="28" eb="39">
      <t>コウドウエンゴジュウジシャヨウセイケンシュウ</t>
    </rPh>
    <rPh sb="41" eb="42">
      <t>カ</t>
    </rPh>
    <phoneticPr fontId="6"/>
  </si>
  <si>
    <t>年　　月　　日</t>
    <rPh sb="0" eb="1">
      <t>ネン</t>
    </rPh>
    <rPh sb="3" eb="4">
      <t>ツキ</t>
    </rPh>
    <rPh sb="6" eb="7">
      <t>ヒ</t>
    </rPh>
    <phoneticPr fontId="84"/>
  </si>
  <si>
    <t>重度障害者支援加算に関する届出書（共同生活援助）</t>
    <rPh sb="0" eb="2">
      <t>ジュウド</t>
    </rPh>
    <rPh sb="2" eb="5">
      <t>ショウガイシャ</t>
    </rPh>
    <rPh sb="5" eb="7">
      <t>シエン</t>
    </rPh>
    <rPh sb="7" eb="9">
      <t>カサン</t>
    </rPh>
    <rPh sb="10" eb="11">
      <t>カン</t>
    </rPh>
    <rPh sb="13" eb="16">
      <t>トドケデショ</t>
    </rPh>
    <rPh sb="17" eb="19">
      <t>キョウドウ</t>
    </rPh>
    <rPh sb="19" eb="21">
      <t>セイカツ</t>
    </rPh>
    <rPh sb="21" eb="23">
      <t>エンジョ</t>
    </rPh>
    <phoneticPr fontId="6"/>
  </si>
  <si>
    <t>（兼・○○年度強度行動障害支援者養成研修等受講計画）</t>
    <rPh sb="1" eb="2">
      <t>ケン</t>
    </rPh>
    <rPh sb="5" eb="7">
      <t>ネンド</t>
    </rPh>
    <rPh sb="7" eb="9">
      <t>キョウド</t>
    </rPh>
    <rPh sb="9" eb="11">
      <t>コウドウ</t>
    </rPh>
    <rPh sb="11" eb="13">
      <t>ショウガイ</t>
    </rPh>
    <rPh sb="13" eb="16">
      <t>シエンシャ</t>
    </rPh>
    <rPh sb="16" eb="18">
      <t>ヨウセイ</t>
    </rPh>
    <rPh sb="18" eb="21">
      <t>ケンシュウトウ</t>
    </rPh>
    <rPh sb="21" eb="23">
      <t>ジュコウ</t>
    </rPh>
    <rPh sb="23" eb="25">
      <t>ケイカク</t>
    </rPh>
    <phoneticPr fontId="6"/>
  </si>
  <si>
    <t>１　新規　　　　２　変更　　　　３　終了</t>
    <phoneticPr fontId="84"/>
  </si>
  <si>
    <t>強度行動障害支援者養成研修（基礎研修）</t>
    <rPh sb="0" eb="2">
      <t>キョウド</t>
    </rPh>
    <rPh sb="2" eb="4">
      <t>コウドウ</t>
    </rPh>
    <rPh sb="4" eb="5">
      <t>ショウ</t>
    </rPh>
    <rPh sb="5" eb="6">
      <t>ガイ</t>
    </rPh>
    <rPh sb="6" eb="9">
      <t>シエンシャ</t>
    </rPh>
    <rPh sb="9" eb="11">
      <t>ヨウセイ</t>
    </rPh>
    <rPh sb="11" eb="13">
      <t>ケンシュウ</t>
    </rPh>
    <rPh sb="14" eb="16">
      <t>キソ</t>
    </rPh>
    <rPh sb="16" eb="18">
      <t>ケンシュウウム</t>
    </rPh>
    <phoneticPr fontId="6"/>
  </si>
  <si>
    <t>強度行動障害支援者養成研修（実践研修）</t>
    <rPh sb="14" eb="16">
      <t>ジッセン</t>
    </rPh>
    <phoneticPr fontId="6"/>
  </si>
  <si>
    <t>喀痰吸引等研修（第１号又は第２号）</t>
    <rPh sb="0" eb="2">
      <t>カクタン</t>
    </rPh>
    <rPh sb="2" eb="4">
      <t>キュウイン</t>
    </rPh>
    <rPh sb="4" eb="5">
      <t>トウ</t>
    </rPh>
    <rPh sb="5" eb="7">
      <t>ケンシュウ</t>
    </rPh>
    <rPh sb="8" eb="9">
      <t>ダイ</t>
    </rPh>
    <rPh sb="10" eb="11">
      <t>ゴウ</t>
    </rPh>
    <rPh sb="11" eb="12">
      <t>マタ</t>
    </rPh>
    <rPh sb="13" eb="14">
      <t>ダイ</t>
    </rPh>
    <rPh sb="15" eb="16">
      <t>ゴウ</t>
    </rPh>
    <phoneticPr fontId="6"/>
  </si>
  <si>
    <t>喀痰吸引等研修（第３号）</t>
    <rPh sb="0" eb="2">
      <t>カクタン</t>
    </rPh>
    <rPh sb="2" eb="4">
      <t>キュウイン</t>
    </rPh>
    <rPh sb="4" eb="5">
      <t>トウ</t>
    </rPh>
    <rPh sb="5" eb="7">
      <t>ケンシュウ</t>
    </rPh>
    <rPh sb="8" eb="9">
      <t>ダイ</t>
    </rPh>
    <rPh sb="10" eb="11">
      <t>ゴウ</t>
    </rPh>
    <phoneticPr fontId="6"/>
  </si>
  <si>
    <t>中核的人材養成研修修了者　配置</t>
    <phoneticPr fontId="84"/>
  </si>
  <si>
    <t>（　　あり　　・　　なし　　）</t>
    <phoneticPr fontId="84"/>
  </si>
  <si>
    <r>
      <t>今年度の研修要件①</t>
    </r>
    <r>
      <rPr>
        <sz val="10"/>
        <color indexed="8"/>
        <rFont val="HGｺﾞｼｯｸM"/>
        <family val="3"/>
        <charset val="128"/>
      </rPr>
      <t>（※１）</t>
    </r>
    <r>
      <rPr>
        <sz val="12"/>
        <color indexed="8"/>
        <rFont val="HGｺﾞｼｯｸM"/>
        <family val="3"/>
        <charset val="128"/>
      </rPr>
      <t>を満たしている者の数</t>
    </r>
    <rPh sb="0" eb="3">
      <t>コンネンド</t>
    </rPh>
    <rPh sb="4" eb="6">
      <t>ケンシュウ</t>
    </rPh>
    <rPh sb="6" eb="8">
      <t>ヨウケン</t>
    </rPh>
    <rPh sb="14" eb="15">
      <t>ミ</t>
    </rPh>
    <rPh sb="20" eb="21">
      <t>シャ</t>
    </rPh>
    <rPh sb="22" eb="23">
      <t>カズ</t>
    </rPh>
    <phoneticPr fontId="6"/>
  </si>
  <si>
    <r>
      <t>うち今年度の研修要件②</t>
    </r>
    <r>
      <rPr>
        <sz val="10"/>
        <color indexed="8"/>
        <rFont val="HGｺﾞｼｯｸM"/>
        <family val="3"/>
        <charset val="128"/>
      </rPr>
      <t>（※２）</t>
    </r>
    <r>
      <rPr>
        <sz val="11"/>
        <color indexed="8"/>
        <rFont val="HGｺﾞｼｯｸM"/>
        <family val="3"/>
        <charset val="128"/>
      </rPr>
      <t xml:space="preserve">
を満たしている者の数及び割合</t>
    </r>
    <rPh sb="2" eb="3">
      <t>コン</t>
    </rPh>
    <rPh sb="26" eb="27">
      <t>オヨ</t>
    </rPh>
    <rPh sb="28" eb="30">
      <t>ワリアイ</t>
    </rPh>
    <phoneticPr fontId="6"/>
  </si>
  <si>
    <t>（※１）　サービス管理責任者又は生活支援員のうち１名以上が、強度行動障害支援者養成研修（実
　　　　践）又は喀痰吸引等研修（第２号）修了者であること。</t>
    <rPh sb="9" eb="11">
      <t>カンリ</t>
    </rPh>
    <rPh sb="11" eb="14">
      <t>セキニンシャ</t>
    </rPh>
    <rPh sb="14" eb="15">
      <t>マタ</t>
    </rPh>
    <rPh sb="16" eb="18">
      <t>セイカツ</t>
    </rPh>
    <rPh sb="18" eb="21">
      <t>シエンイン</t>
    </rPh>
    <rPh sb="25" eb="26">
      <t>メイ</t>
    </rPh>
    <rPh sb="26" eb="28">
      <t>イジョウ</t>
    </rPh>
    <rPh sb="30" eb="32">
      <t>キョウド</t>
    </rPh>
    <rPh sb="32" eb="34">
      <t>コウドウ</t>
    </rPh>
    <rPh sb="34" eb="36">
      <t>ショウガイ</t>
    </rPh>
    <rPh sb="36" eb="39">
      <t>シエンシャ</t>
    </rPh>
    <rPh sb="39" eb="41">
      <t>ヨウセイ</t>
    </rPh>
    <rPh sb="41" eb="43">
      <t>ケンシュウ</t>
    </rPh>
    <rPh sb="44" eb="45">
      <t>ミノル</t>
    </rPh>
    <rPh sb="50" eb="51">
      <t>セン</t>
    </rPh>
    <rPh sb="52" eb="53">
      <t>マタ</t>
    </rPh>
    <rPh sb="54" eb="56">
      <t>カクタン</t>
    </rPh>
    <rPh sb="56" eb="58">
      <t>キュウイン</t>
    </rPh>
    <rPh sb="58" eb="59">
      <t>トウ</t>
    </rPh>
    <rPh sb="59" eb="61">
      <t>ケンシュウ</t>
    </rPh>
    <rPh sb="62" eb="63">
      <t>ダイ</t>
    </rPh>
    <rPh sb="64" eb="65">
      <t>ゴウ</t>
    </rPh>
    <rPh sb="66" eb="69">
      <t>シュウリョウシャ</t>
    </rPh>
    <phoneticPr fontId="6"/>
  </si>
  <si>
    <t>（※２）　生活支援員のうち２０％以上が、強度行動障害支援者養成研修（基礎）又は喀痰吸引等研
　　　　修（第３号）修了者であること。</t>
    <rPh sb="5" eb="7">
      <t>セイカツ</t>
    </rPh>
    <rPh sb="7" eb="10">
      <t>シエンイン</t>
    </rPh>
    <rPh sb="16" eb="18">
      <t>イジョウ</t>
    </rPh>
    <rPh sb="20" eb="22">
      <t>キョウド</t>
    </rPh>
    <rPh sb="22" eb="24">
      <t>コウドウ</t>
    </rPh>
    <rPh sb="24" eb="26">
      <t>ショウガイ</t>
    </rPh>
    <rPh sb="26" eb="29">
      <t>シエンシャ</t>
    </rPh>
    <rPh sb="29" eb="31">
      <t>ヨウセイ</t>
    </rPh>
    <rPh sb="31" eb="33">
      <t>ケンシュウ</t>
    </rPh>
    <rPh sb="34" eb="36">
      <t>キソ</t>
    </rPh>
    <rPh sb="37" eb="38">
      <t>マタ</t>
    </rPh>
    <rPh sb="39" eb="41">
      <t>カクタン</t>
    </rPh>
    <rPh sb="41" eb="43">
      <t>キュウイン</t>
    </rPh>
    <rPh sb="43" eb="44">
      <t>トウ</t>
    </rPh>
    <rPh sb="44" eb="45">
      <t>ケン</t>
    </rPh>
    <rPh sb="50" eb="51">
      <t>オサム</t>
    </rPh>
    <rPh sb="52" eb="53">
      <t>ダイ</t>
    </rPh>
    <rPh sb="54" eb="55">
      <t>ゴウ</t>
    </rPh>
    <rPh sb="56" eb="58">
      <t>シュウリョウ</t>
    </rPh>
    <rPh sb="58" eb="59">
      <t>シャ</t>
    </rPh>
    <phoneticPr fontId="6"/>
  </si>
  <si>
    <t>注１　「職員配置」欄は、サービス管理責任者又は生活支援員として従事する当該事業所の全ての職
　　員について記載してください。
注２　「職種」欄は、サービス管理責任者又は生活支援員の別を記載してください。（世話人等は含
　　まれません。）
注３　サービス管理責任者と生活支援員を兼務する者については、同じ者であっても、サービス管理
　　責任者と生活支援員それぞれ別に記載してください。
注４　「研修の受講状況」欄には、①受講が修了又は受講中の場合は「有」を、②受講しておらず年
　　度内に受講予定もない場合は「無」又は空欄を、③今後受講予定の場合（当該年度内に限る）は
　　受講予定月（受講月が未定の場合は目標とする月）を記載してください。
注５　職員が看護師又は准看護師の場合は「喀痰吸引等研修」欄に「看護師」若しくは「准看護師」
　　と記載してください。
注６　職員が既に重度訪問介護従業者養成研修行動障害支援課程を修了している場合又は今後受講予
　　定（当該年度内に限る）の場合は、強度行動障害支援者養成研修（基礎）を修了又は受講予定と
　　みなし、また、職員が既に行動援護従業者養成研修の課程を修了している場合又は今後受講予定
　　（当該年度内に限る）の場合は、強度行動障害支援者養成研修（基礎及び実践）を修了又は受講
　　予定とみなし、「強度行動障害者支援者養成研修」欄に「有」又は受講予定月を記載してくださ
　　い。</t>
    <rPh sb="290" eb="291">
      <t>ツキ</t>
    </rPh>
    <rPh sb="292" eb="294">
      <t>ジュコウ</t>
    </rPh>
    <rPh sb="294" eb="295">
      <t>ツキ</t>
    </rPh>
    <rPh sb="595" eb="596">
      <t>ツキ</t>
    </rPh>
    <phoneticPr fontId="6"/>
  </si>
  <si>
    <t>加算別紙２９</t>
    <phoneticPr fontId="6"/>
  </si>
  <si>
    <r>
      <t>　　</t>
    </r>
    <r>
      <rPr>
        <sz val="12"/>
        <color rgb="FFFF0000"/>
        <rFont val="HGｺﾞｼｯｸM"/>
        <family val="3"/>
        <charset val="128"/>
      </rPr>
      <t>　</t>
    </r>
    <r>
      <rPr>
        <sz val="12"/>
        <rFont val="HGｺﾞｼｯｸM"/>
        <family val="3"/>
        <charset val="128"/>
      </rPr>
      <t>年　　　月　　　日</t>
    </r>
    <phoneticPr fontId="6"/>
  </si>
  <si>
    <t>常勤看護職員等配置加算・看護職員配置加算に関する届出書</t>
    <rPh sb="0" eb="2">
      <t>ジョウキン</t>
    </rPh>
    <rPh sb="2" eb="4">
      <t>カンゴ</t>
    </rPh>
    <rPh sb="4" eb="6">
      <t>ショクイン</t>
    </rPh>
    <rPh sb="6" eb="7">
      <t>トウ</t>
    </rPh>
    <rPh sb="7" eb="9">
      <t>ハイチ</t>
    </rPh>
    <rPh sb="9" eb="11">
      <t>カサン</t>
    </rPh>
    <rPh sb="12" eb="14">
      <t>カンゴ</t>
    </rPh>
    <rPh sb="14" eb="16">
      <t>ショクイン</t>
    </rPh>
    <rPh sb="16" eb="18">
      <t>ハイチ</t>
    </rPh>
    <rPh sb="18" eb="20">
      <t>カサン</t>
    </rPh>
    <rPh sb="21" eb="22">
      <t>カン</t>
    </rPh>
    <rPh sb="24" eb="27">
      <t>トドケデショ</t>
    </rPh>
    <phoneticPr fontId="6"/>
  </si>
  <si>
    <t>異動区分</t>
    <rPh sb="0" eb="1">
      <t>イ</t>
    </rPh>
    <rPh sb="1" eb="2">
      <t>ドウ</t>
    </rPh>
    <rPh sb="2" eb="3">
      <t>ク</t>
    </rPh>
    <rPh sb="3" eb="4">
      <t>ブン</t>
    </rPh>
    <phoneticPr fontId="6"/>
  </si>
  <si>
    <t>１　新規　　　２　継続　　　３　変更　　　４　終了</t>
    <rPh sb="2" eb="4">
      <t>シンキ</t>
    </rPh>
    <rPh sb="9" eb="11">
      <t>ケイゾク</t>
    </rPh>
    <rPh sb="16" eb="18">
      <t>ヘンコウ</t>
    </rPh>
    <rPh sb="23" eb="25">
      <t>シュウリョウ</t>
    </rPh>
    <phoneticPr fontId="6"/>
  </si>
  <si>
    <t>サービスの種類
算定する加算の区分</t>
    <rPh sb="5" eb="7">
      <t>シュルイ</t>
    </rPh>
    <rPh sb="8" eb="10">
      <t>サンテイ</t>
    </rPh>
    <rPh sb="12" eb="14">
      <t>カサン</t>
    </rPh>
    <rPh sb="15" eb="17">
      <t>クブン</t>
    </rPh>
    <phoneticPr fontId="6"/>
  </si>
  <si>
    <t>１　生活介護</t>
    <rPh sb="4" eb="6">
      <t>カイゴ</t>
    </rPh>
    <phoneticPr fontId="6"/>
  </si>
  <si>
    <t>常勤看護職員等配置加算</t>
    <phoneticPr fontId="6"/>
  </si>
  <si>
    <t>２　短期入所</t>
    <rPh sb="2" eb="4">
      <t>タンキ</t>
    </rPh>
    <rPh sb="4" eb="6">
      <t>ニュウショ</t>
    </rPh>
    <phoneticPr fontId="6"/>
  </si>
  <si>
    <t>常勤看護職員等配置加算</t>
    <rPh sb="0" eb="2">
      <t>ジョウキン</t>
    </rPh>
    <rPh sb="2" eb="4">
      <t>カンゴ</t>
    </rPh>
    <rPh sb="4" eb="6">
      <t>ショクイン</t>
    </rPh>
    <rPh sb="6" eb="7">
      <t>トウ</t>
    </rPh>
    <rPh sb="7" eb="9">
      <t>ハイチ</t>
    </rPh>
    <rPh sb="9" eb="11">
      <t>カサン</t>
    </rPh>
    <phoneticPr fontId="6"/>
  </si>
  <si>
    <t>３　生活訓練</t>
    <rPh sb="2" eb="4">
      <t>セイカツ</t>
    </rPh>
    <rPh sb="4" eb="6">
      <t>クンレン</t>
    </rPh>
    <phoneticPr fontId="6"/>
  </si>
  <si>
    <t>看護職員配置加算（Ⅰ）</t>
    <rPh sb="0" eb="2">
      <t>カンゴ</t>
    </rPh>
    <rPh sb="2" eb="4">
      <t>ショクイン</t>
    </rPh>
    <rPh sb="4" eb="6">
      <t>ハイチ</t>
    </rPh>
    <rPh sb="6" eb="8">
      <t>カサン</t>
    </rPh>
    <phoneticPr fontId="6"/>
  </si>
  <si>
    <t>４　宿泊型自立訓練</t>
    <phoneticPr fontId="6"/>
  </si>
  <si>
    <t>看護職員配置加算（Ⅱ）</t>
    <rPh sb="0" eb="2">
      <t>カンゴ</t>
    </rPh>
    <rPh sb="2" eb="4">
      <t>ショクイン</t>
    </rPh>
    <rPh sb="4" eb="6">
      <t>ハイチ</t>
    </rPh>
    <rPh sb="6" eb="8">
      <t>カサン</t>
    </rPh>
    <phoneticPr fontId="6"/>
  </si>
  <si>
    <t>５　共同生活援助</t>
    <rPh sb="2" eb="8">
      <t>キョウドウセイカツエンジョ</t>
    </rPh>
    <phoneticPr fontId="6"/>
  </si>
  <si>
    <t>看護職員配置加算</t>
    <rPh sb="0" eb="2">
      <t>カンゴ</t>
    </rPh>
    <rPh sb="2" eb="4">
      <t>ショクイン</t>
    </rPh>
    <rPh sb="4" eb="6">
      <t>ハイチ</t>
    </rPh>
    <rPh sb="6" eb="8">
      <t>カサン</t>
    </rPh>
    <phoneticPr fontId="6"/>
  </si>
  <si>
    <t>看護職員の配置状況
（常勤換算）</t>
    <rPh sb="0" eb="2">
      <t>カンゴ</t>
    </rPh>
    <rPh sb="2" eb="4">
      <t>ショクイン</t>
    </rPh>
    <rPh sb="5" eb="7">
      <t>ハイチ</t>
    </rPh>
    <rPh sb="7" eb="9">
      <t>ジョウキョウ</t>
    </rPh>
    <rPh sb="11" eb="13">
      <t>ジョウキン</t>
    </rPh>
    <rPh sb="13" eb="15">
      <t>カンザン</t>
    </rPh>
    <phoneticPr fontId="6"/>
  </si>
  <si>
    <r>
      <rPr>
        <sz val="9"/>
        <rFont val="HGｺﾞｼｯｸM"/>
        <family val="3"/>
        <charset val="128"/>
      </rPr>
      <t>加算区分</t>
    </r>
    <r>
      <rPr>
        <sz val="10"/>
        <rFont val="HGｺﾞｼｯｸM"/>
        <family val="3"/>
        <charset val="128"/>
      </rPr>
      <t xml:space="preserve">
　１
  ２
  ３
　４</t>
    </r>
    <rPh sb="0" eb="2">
      <t>カサン</t>
    </rPh>
    <rPh sb="2" eb="4">
      <t>クブン</t>
    </rPh>
    <phoneticPr fontId="6"/>
  </si>
  <si>
    <t>該当
・
非該当</t>
    <rPh sb="0" eb="2">
      <t>ガイトウ</t>
    </rPh>
    <rPh sb="7" eb="10">
      <t>ヒガイトウ</t>
    </rPh>
    <phoneticPr fontId="6"/>
  </si>
  <si>
    <t>看護職員の必要数
（共同生活援助のみ）</t>
    <rPh sb="0" eb="2">
      <t>カンゴ</t>
    </rPh>
    <rPh sb="2" eb="4">
      <t>ショクイン</t>
    </rPh>
    <rPh sb="5" eb="8">
      <t>ヒツヨウスウ</t>
    </rPh>
    <rPh sb="10" eb="16">
      <t>キョウドウセイカツエンジョ</t>
    </rPh>
    <phoneticPr fontId="6"/>
  </si>
  <si>
    <t>前年度の平均利用者数</t>
    <rPh sb="0" eb="3">
      <t>ゼンネンド</t>
    </rPh>
    <rPh sb="4" eb="10">
      <t>ヘイキンリヨウシャスウ</t>
    </rPh>
    <phoneticPr fontId="6"/>
  </si>
  <si>
    <r>
      <rPr>
        <sz val="9"/>
        <rFont val="HGｺﾞｼｯｸM"/>
        <family val="3"/>
        <charset val="128"/>
      </rPr>
      <t>加算区分</t>
    </r>
    <r>
      <rPr>
        <sz val="10"/>
        <rFont val="HGｺﾞｼｯｸM"/>
        <family val="3"/>
        <charset val="128"/>
      </rPr>
      <t xml:space="preserve">
５ ⇒ 合計1人以上
　　　かつ
　　　左の必要数以上</t>
    </r>
    <rPh sb="26" eb="27">
      <t>ヒダリ</t>
    </rPh>
    <rPh sb="28" eb="31">
      <t>ヒツヨウスウ</t>
    </rPh>
    <rPh sb="31" eb="33">
      <t>イジョウ</t>
    </rPh>
    <phoneticPr fontId="6"/>
  </si>
  <si>
    <t>該当
・
非該当</t>
    <phoneticPr fontId="6"/>
  </si>
  <si>
    <t>利用者数を
20で除した数
（必要数）</t>
    <rPh sb="0" eb="2">
      <t>リヨウ</t>
    </rPh>
    <rPh sb="2" eb="3">
      <t>シャ</t>
    </rPh>
    <rPh sb="3" eb="4">
      <t>スウ</t>
    </rPh>
    <rPh sb="9" eb="10">
      <t>ジョ</t>
    </rPh>
    <rPh sb="12" eb="13">
      <t>スウ</t>
    </rPh>
    <rPh sb="15" eb="18">
      <t>ヒツヨウスウ</t>
    </rPh>
    <phoneticPr fontId="6"/>
  </si>
  <si>
    <t>１．従業者の勤務の体制及び勤務形態一覧表
２．看護職員の資格を証する書類の写し</t>
    <rPh sb="23" eb="25">
      <t>カンゴ</t>
    </rPh>
    <rPh sb="25" eb="27">
      <t>ショクイン</t>
    </rPh>
    <rPh sb="28" eb="30">
      <t>シカク</t>
    </rPh>
    <rPh sb="31" eb="32">
      <t>ショウ</t>
    </rPh>
    <rPh sb="34" eb="36">
      <t>ショルイ</t>
    </rPh>
    <rPh sb="37" eb="38">
      <t>ウツ</t>
    </rPh>
    <phoneticPr fontId="6"/>
  </si>
  <si>
    <t>注１　生活介護に係る加算を算定する事業所において、複数のサービス単位を設定している場合、加算
　　を算定するサービス単位ごとに本書を作成すること。なお、加算の算定にあたっては、サービス単
　　位の利用定員に応じて算定するものとする。</t>
    <rPh sb="0" eb="1">
      <t>チュウ</t>
    </rPh>
    <rPh sb="3" eb="5">
      <t>セイカツ</t>
    </rPh>
    <rPh sb="5" eb="7">
      <t>カイゴ</t>
    </rPh>
    <rPh sb="8" eb="9">
      <t>カカ</t>
    </rPh>
    <rPh sb="10" eb="12">
      <t>カサン</t>
    </rPh>
    <rPh sb="13" eb="15">
      <t>サンテイ</t>
    </rPh>
    <rPh sb="17" eb="20">
      <t>ジギョウショ</t>
    </rPh>
    <rPh sb="25" eb="27">
      <t>フクスウ</t>
    </rPh>
    <rPh sb="32" eb="34">
      <t>タンイ</t>
    </rPh>
    <rPh sb="35" eb="37">
      <t>セッテイ</t>
    </rPh>
    <rPh sb="41" eb="43">
      <t>バアイ</t>
    </rPh>
    <rPh sb="44" eb="46">
      <t>カサン</t>
    </rPh>
    <rPh sb="50" eb="52">
      <t>サンテイ</t>
    </rPh>
    <rPh sb="58" eb="60">
      <t>タンイ</t>
    </rPh>
    <rPh sb="63" eb="65">
      <t>ホンショ</t>
    </rPh>
    <rPh sb="66" eb="68">
      <t>サクセイ</t>
    </rPh>
    <rPh sb="76" eb="78">
      <t>カサン</t>
    </rPh>
    <rPh sb="79" eb="81">
      <t>サンテイ</t>
    </rPh>
    <rPh sb="98" eb="100">
      <t>リヨウ</t>
    </rPh>
    <rPh sb="100" eb="102">
      <t>テイイン</t>
    </rPh>
    <rPh sb="103" eb="104">
      <t>オウ</t>
    </rPh>
    <rPh sb="106" eb="108">
      <t>サンテイ</t>
    </rPh>
    <phoneticPr fontId="6"/>
  </si>
  <si>
    <t>注２　共同生活援助における届出に係る看護職員は、指定障害福祉サービス基準に規定されている常勤
　　換算方法により配置が定められた員数の従業者に加えて配置されている者に限る。</t>
    <rPh sb="0" eb="1">
      <t>チュウ</t>
    </rPh>
    <rPh sb="3" eb="5">
      <t>キョウドウ</t>
    </rPh>
    <rPh sb="5" eb="7">
      <t>セイカツ</t>
    </rPh>
    <rPh sb="7" eb="9">
      <t>エンジョ</t>
    </rPh>
    <rPh sb="13" eb="15">
      <t>トドケデ</t>
    </rPh>
    <rPh sb="16" eb="17">
      <t>カカ</t>
    </rPh>
    <rPh sb="18" eb="20">
      <t>カンゴ</t>
    </rPh>
    <rPh sb="20" eb="22">
      <t>ショクイン</t>
    </rPh>
    <rPh sb="24" eb="26">
      <t>シテイ</t>
    </rPh>
    <rPh sb="26" eb="28">
      <t>ショウガイ</t>
    </rPh>
    <rPh sb="28" eb="30">
      <t>フクシ</t>
    </rPh>
    <rPh sb="34" eb="36">
      <t>キジュン</t>
    </rPh>
    <rPh sb="37" eb="39">
      <t>キテイ</t>
    </rPh>
    <rPh sb="44" eb="46">
      <t>ジョウキン</t>
    </rPh>
    <rPh sb="49" eb="51">
      <t>カンザン</t>
    </rPh>
    <rPh sb="51" eb="53">
      <t>ホウホウ</t>
    </rPh>
    <rPh sb="56" eb="58">
      <t>ハイチ</t>
    </rPh>
    <rPh sb="59" eb="60">
      <t>サダ</t>
    </rPh>
    <rPh sb="64" eb="66">
      <t>インズウ</t>
    </rPh>
    <rPh sb="67" eb="70">
      <t>ジュウギョウシャ</t>
    </rPh>
    <rPh sb="71" eb="72">
      <t>クワ</t>
    </rPh>
    <rPh sb="74" eb="76">
      <t>ハイチ</t>
    </rPh>
    <rPh sb="81" eb="82">
      <t>モノ</t>
    </rPh>
    <rPh sb="83" eb="84">
      <t>カギ</t>
    </rPh>
    <phoneticPr fontId="6"/>
  </si>
  <si>
    <t>注３　前年度に当該加算を算定しており、新年度も引き続き算定するものとしてこの届出書を提出する
　　場合（共同生活援助の場合は必須）には、「異動区分」欄において「２　継続」に○を付すこと。</t>
    <rPh sb="0" eb="1">
      <t>チュウ</t>
    </rPh>
    <rPh sb="3" eb="6">
      <t>ゼンネンド</t>
    </rPh>
    <rPh sb="7" eb="9">
      <t>トウガイ</t>
    </rPh>
    <rPh sb="9" eb="11">
      <t>カサン</t>
    </rPh>
    <rPh sb="12" eb="14">
      <t>サンテイ</t>
    </rPh>
    <rPh sb="19" eb="22">
      <t>シンネンド</t>
    </rPh>
    <rPh sb="23" eb="24">
      <t>ヒ</t>
    </rPh>
    <rPh sb="25" eb="26">
      <t>ツヅ</t>
    </rPh>
    <rPh sb="27" eb="29">
      <t>サンテイ</t>
    </rPh>
    <rPh sb="38" eb="41">
      <t>トドケデショ</t>
    </rPh>
    <rPh sb="42" eb="44">
      <t>テイシュツ</t>
    </rPh>
    <rPh sb="49" eb="51">
      <t>バアイ</t>
    </rPh>
    <rPh sb="52" eb="58">
      <t>キョウドウセイカツエンジョ</t>
    </rPh>
    <rPh sb="59" eb="61">
      <t>バアイ</t>
    </rPh>
    <rPh sb="62" eb="64">
      <t>ヒッス</t>
    </rPh>
    <rPh sb="69" eb="71">
      <t>イドウ</t>
    </rPh>
    <rPh sb="71" eb="73">
      <t>クブン</t>
    </rPh>
    <rPh sb="74" eb="75">
      <t>ラン</t>
    </rPh>
    <rPh sb="82" eb="84">
      <t>ケイゾク</t>
    </rPh>
    <rPh sb="88" eb="89">
      <t>フ</t>
    </rPh>
    <phoneticPr fontId="6"/>
  </si>
  <si>
    <t>加算別紙１４</t>
    <phoneticPr fontId="6"/>
  </si>
  <si>
    <t>　　　　　　　　年　　　　月　　　日</t>
    <rPh sb="8" eb="9">
      <t>ネン</t>
    </rPh>
    <rPh sb="13" eb="14">
      <t>ガツ</t>
    </rPh>
    <rPh sb="17" eb="18">
      <t>ニチ</t>
    </rPh>
    <phoneticPr fontId="6"/>
  </si>
  <si>
    <t>食事提供体制加算に関する届出書</t>
    <rPh sb="0" eb="2">
      <t>ショクジ</t>
    </rPh>
    <rPh sb="2" eb="4">
      <t>テイキョウ</t>
    </rPh>
    <rPh sb="4" eb="6">
      <t>タイセイ</t>
    </rPh>
    <rPh sb="6" eb="8">
      <t>カサン</t>
    </rPh>
    <rPh sb="9" eb="10">
      <t>カン</t>
    </rPh>
    <rPh sb="12" eb="15">
      <t>トドケデショ</t>
    </rPh>
    <phoneticPr fontId="6"/>
  </si>
  <si>
    <t>１　事業所の名称</t>
    <rPh sb="2" eb="5">
      <t>ジギョウショ</t>
    </rPh>
    <rPh sb="6" eb="8">
      <t>メイショウ</t>
    </rPh>
    <phoneticPr fontId="6"/>
  </si>
  <si>
    <t>３　異動区分</t>
    <rPh sb="2" eb="6">
      <t>イドウクブン</t>
    </rPh>
    <phoneticPr fontId="6"/>
  </si>
  <si>
    <t>名</t>
    <rPh sb="0" eb="1">
      <t>メイ</t>
    </rPh>
    <phoneticPr fontId="6"/>
  </si>
  <si>
    <t>栄養士</t>
    <rPh sb="0" eb="1">
      <t>サカエ</t>
    </rPh>
    <rPh sb="1" eb="2">
      <t>ヨウ</t>
    </rPh>
    <rPh sb="2" eb="3">
      <t>シ</t>
    </rPh>
    <phoneticPr fontId="6"/>
  </si>
  <si>
    <t>保健所等との連携により、管理栄養士等が関与している場合</t>
    <phoneticPr fontId="6"/>
  </si>
  <si>
    <t>連携先名</t>
    <phoneticPr fontId="6"/>
  </si>
  <si>
    <t>業務委託により食事提供を行う場合</t>
    <rPh sb="0" eb="2">
      <t>ギョウム</t>
    </rPh>
    <rPh sb="2" eb="4">
      <t>イタク</t>
    </rPh>
    <rPh sb="7" eb="9">
      <t>ショクジ</t>
    </rPh>
    <rPh sb="9" eb="11">
      <t>テイキョウ</t>
    </rPh>
    <rPh sb="12" eb="13">
      <t>オコナ</t>
    </rPh>
    <rPh sb="14" eb="16">
      <t>バアイ</t>
    </rPh>
    <phoneticPr fontId="6"/>
  </si>
  <si>
    <t>委託業務内容</t>
    <rPh sb="0" eb="2">
      <t>イタク</t>
    </rPh>
    <rPh sb="2" eb="4">
      <t>ギョウム</t>
    </rPh>
    <rPh sb="4" eb="6">
      <t>ナイヨウ</t>
    </rPh>
    <phoneticPr fontId="6"/>
  </si>
  <si>
    <t xml:space="preserve">
注１  事業所内で調理を行う場合、食事提供にかかわる職員（管理栄養士・栄養士）の状況を記
　　載してください。事業所内での調理業務は生活支援員の業務とは区別してください。
      （※）付表・勤務形態一覧表・組織体制図・運営規程による確認が必要です。
注２　調理業務を第三者に委託している場合、事業所内で調理員の配置は求められておりません
　　が、業務委託契約書（写し）の提出が必要です。
注３　業務委託により食事提供を行う場合の「適切な食事提供の確保方策」欄は、献立に関する
　　事業所・施設の関与、委託先から事業所・施設への食事の運搬方法、適時適温への配慮な
　　ど、自己調理する場合に通常確保される提供体制に相当するものへの対応の概略を記載して
　　ください。その際、委託先の管理栄養士又は栄養士の有無は必ず記載してください。</t>
    <rPh sb="1" eb="2">
      <t>チュウ</t>
    </rPh>
    <rPh sb="5" eb="8">
      <t>ジギョウショ</t>
    </rPh>
    <rPh sb="8" eb="9">
      <t>ナイ</t>
    </rPh>
    <rPh sb="10" eb="12">
      <t>チョウリ</t>
    </rPh>
    <rPh sb="13" eb="14">
      <t>オコナ</t>
    </rPh>
    <rPh sb="15" eb="17">
      <t>バアイ</t>
    </rPh>
    <rPh sb="18" eb="20">
      <t>ショクジ</t>
    </rPh>
    <rPh sb="20" eb="22">
      <t>テイキョウ</t>
    </rPh>
    <rPh sb="30" eb="32">
      <t>カンリ</t>
    </rPh>
    <rPh sb="32" eb="35">
      <t>エイヨウシ</t>
    </rPh>
    <rPh sb="36" eb="39">
      <t>エイヨウシ</t>
    </rPh>
    <rPh sb="57" eb="58">
      <t>ショ</t>
    </rPh>
    <rPh sb="58" eb="59">
      <t>ナイ</t>
    </rPh>
    <rPh sb="61" eb="63">
      <t>チョウリ</t>
    </rPh>
    <rPh sb="63" eb="65">
      <t>ギョウム</t>
    </rPh>
    <rPh sb="66" eb="68">
      <t>セイカツ</t>
    </rPh>
    <rPh sb="68" eb="70">
      <t>シエン</t>
    </rPh>
    <rPh sb="70" eb="71">
      <t>イン</t>
    </rPh>
    <rPh sb="72" eb="74">
      <t>ギョウム</t>
    </rPh>
    <rPh sb="76" eb="78">
      <t>クベツ</t>
    </rPh>
    <rPh sb="337" eb="338">
      <t>サイ</t>
    </rPh>
    <rPh sb="339" eb="342">
      <t>イタクサキ</t>
    </rPh>
    <rPh sb="343" eb="348">
      <t>カンリエイヨウシ</t>
    </rPh>
    <rPh sb="348" eb="349">
      <t>マタ</t>
    </rPh>
    <rPh sb="350" eb="353">
      <t>エイヨウシ</t>
    </rPh>
    <rPh sb="354" eb="356">
      <t>ウム</t>
    </rPh>
    <rPh sb="357" eb="358">
      <t>カナラ</t>
    </rPh>
    <phoneticPr fontId="6"/>
  </si>
  <si>
    <t>人員配置体制加算に関する届出書（生活介護・療養介護）</t>
    <rPh sb="0" eb="2">
      <t>ジンイン</t>
    </rPh>
    <rPh sb="2" eb="4">
      <t>ハイチ</t>
    </rPh>
    <rPh sb="4" eb="6">
      <t>タイセイ</t>
    </rPh>
    <rPh sb="6" eb="8">
      <t>カサン</t>
    </rPh>
    <rPh sb="9" eb="10">
      <t>カン</t>
    </rPh>
    <rPh sb="12" eb="14">
      <t>トドケデ</t>
    </rPh>
    <rPh sb="14" eb="15">
      <t>ショ</t>
    </rPh>
    <rPh sb="16" eb="18">
      <t>セイカツ</t>
    </rPh>
    <rPh sb="18" eb="20">
      <t>カイゴ</t>
    </rPh>
    <rPh sb="21" eb="23">
      <t>リョウヨウ</t>
    </rPh>
    <rPh sb="23" eb="25">
      <t>カイゴ</t>
    </rPh>
    <phoneticPr fontId="6"/>
  </si>
  <si>
    <t>３　サービスの種類</t>
    <rPh sb="7" eb="9">
      <t>シュルイ</t>
    </rPh>
    <phoneticPr fontId="6"/>
  </si>
  <si>
    <t>４　申請する加算区分</t>
    <rPh sb="2" eb="4">
      <t>シンセイ</t>
    </rPh>
    <rPh sb="6" eb="8">
      <t>カサン</t>
    </rPh>
    <rPh sb="8" eb="10">
      <t>クブン</t>
    </rPh>
    <phoneticPr fontId="6"/>
  </si>
  <si>
    <t>人員配置体制加算（　Ⅰ　・　Ⅱ　・　Ⅲ　・　Ⅳ　）</t>
    <rPh sb="0" eb="2">
      <t>ジンイン</t>
    </rPh>
    <rPh sb="2" eb="4">
      <t>ハイチ</t>
    </rPh>
    <rPh sb="4" eb="6">
      <t>タイセイ</t>
    </rPh>
    <rPh sb="6" eb="8">
      <t>カサン</t>
    </rPh>
    <phoneticPr fontId="6"/>
  </si>
  <si>
    <t>５　利用者数</t>
    <rPh sb="2" eb="5">
      <t>リヨウシャ</t>
    </rPh>
    <rPh sb="5" eb="6">
      <t>スウ</t>
    </rPh>
    <phoneticPr fontId="6"/>
  </si>
  <si>
    <t>６　人員配置の状況</t>
    <rPh sb="2" eb="4">
      <t>ジンイン</t>
    </rPh>
    <rPh sb="4" eb="6">
      <t>ハイチ</t>
    </rPh>
    <rPh sb="7" eb="9">
      <t>ジョウキョウ</t>
    </rPh>
    <phoneticPr fontId="6"/>
  </si>
  <si>
    <t>７　人員体制</t>
    <phoneticPr fontId="6"/>
  </si>
  <si>
    <t xml:space="preserve">常勤換算で
（  1．5：１　・　1．7：１ ・ ２：１ ・ 2．5：１  ）以上 </t>
    <rPh sb="0" eb="2">
      <t>ジョウキン</t>
    </rPh>
    <rPh sb="2" eb="4">
      <t>カンザン</t>
    </rPh>
    <rPh sb="39" eb="41">
      <t>イジョウ</t>
    </rPh>
    <phoneticPr fontId="6"/>
  </si>
  <si>
    <t>注２　「申請する加算区分」には、該当する番号（Ⅰ～Ⅳ。療養介護についてはⅠ又はⅡ）に○を付
　　してください。</t>
    <rPh sb="0" eb="1">
      <t>チュウ</t>
    </rPh>
    <rPh sb="4" eb="6">
      <t>シンセイ</t>
    </rPh>
    <rPh sb="8" eb="10">
      <t>カサン</t>
    </rPh>
    <rPh sb="10" eb="12">
      <t>クブン</t>
    </rPh>
    <rPh sb="16" eb="18">
      <t>ガイトウ</t>
    </rPh>
    <rPh sb="20" eb="22">
      <t>バンゴウ</t>
    </rPh>
    <rPh sb="27" eb="29">
      <t>リョウヨウ</t>
    </rPh>
    <rPh sb="29" eb="31">
      <t>カイゴ</t>
    </rPh>
    <rPh sb="37" eb="38">
      <t>マタ</t>
    </rPh>
    <rPh sb="44" eb="45">
      <t>フ</t>
    </rPh>
    <phoneticPr fontId="6"/>
  </si>
  <si>
    <t>注３　「利用者数」には、共生型障害福祉サービス事業所の場合においては、障害児者及び要介護者
　　の合計数を記載してください。</t>
    <rPh sb="0" eb="1">
      <t>チュウ</t>
    </rPh>
    <rPh sb="4" eb="7">
      <t>リヨウシャ</t>
    </rPh>
    <rPh sb="7" eb="8">
      <t>スウ</t>
    </rPh>
    <rPh sb="12" eb="15">
      <t>キョウセイガタ</t>
    </rPh>
    <rPh sb="15" eb="19">
      <t>ショウガイフクシ</t>
    </rPh>
    <rPh sb="23" eb="26">
      <t>ジギョウショ</t>
    </rPh>
    <rPh sb="27" eb="29">
      <t>バアイ</t>
    </rPh>
    <phoneticPr fontId="6"/>
  </si>
  <si>
    <t>注４　「人員配置の状況」の非常勤には常勤換算方法による職員数を記載してください。</t>
    <rPh sb="0" eb="1">
      <t>チュウ</t>
    </rPh>
    <rPh sb="4" eb="6">
      <t>ジンイン</t>
    </rPh>
    <rPh sb="6" eb="8">
      <t>ハイチ</t>
    </rPh>
    <rPh sb="9" eb="11">
      <t>ジョウキョウ</t>
    </rPh>
    <rPh sb="13" eb="16">
      <t>ヒジョウキン</t>
    </rPh>
    <rPh sb="18" eb="20">
      <t>ジョウキン</t>
    </rPh>
    <rPh sb="20" eb="22">
      <t>カンザン</t>
    </rPh>
    <rPh sb="22" eb="24">
      <t>ホウホウ</t>
    </rPh>
    <rPh sb="27" eb="29">
      <t>ショクイン</t>
    </rPh>
    <rPh sb="29" eb="30">
      <t>スウ</t>
    </rPh>
    <rPh sb="31" eb="33">
      <t>キサイ</t>
    </rPh>
    <phoneticPr fontId="6"/>
  </si>
  <si>
    <t>注５　「人員体制」には、該当する人員体制に○を付してください。</t>
    <rPh sb="0" eb="1">
      <t>チュウ</t>
    </rPh>
    <rPh sb="4" eb="6">
      <t>ジンイン</t>
    </rPh>
    <rPh sb="6" eb="8">
      <t>タイセイ</t>
    </rPh>
    <rPh sb="12" eb="14">
      <t>ガイトウ</t>
    </rPh>
    <rPh sb="16" eb="18">
      <t>ジンイン</t>
    </rPh>
    <rPh sb="18" eb="20">
      <t>タイセイ</t>
    </rPh>
    <rPh sb="23" eb="24">
      <t>フ</t>
    </rPh>
    <phoneticPr fontId="6"/>
  </si>
  <si>
    <t>注６　ここでいう常勤とは、「障害者の日常生活及び社会生活を総合的に支援するための法律に基づ
　　く指定障害福祉サービスの事業等の人員、設備及び運営に関する基準について（平成18年12月６
　　日厚生労働省社会・援護局障害保健福祉部長通知」）第二の２の（３）に定義する「常勤」をい
　　う。</t>
    <rPh sb="0" eb="1">
      <t>チュウ</t>
    </rPh>
    <rPh sb="8" eb="10">
      <t>ジョウキン</t>
    </rPh>
    <rPh sb="14" eb="17">
      <t>ショウガイシャ</t>
    </rPh>
    <rPh sb="18" eb="20">
      <t>ニチジョウ</t>
    </rPh>
    <rPh sb="20" eb="22">
      <t>セイカツ</t>
    </rPh>
    <rPh sb="22" eb="23">
      <t>オヨ</t>
    </rPh>
    <rPh sb="24" eb="26">
      <t>シャカイ</t>
    </rPh>
    <rPh sb="26" eb="28">
      <t>セイカツ</t>
    </rPh>
    <rPh sb="29" eb="32">
      <t>ソウゴウテキ</t>
    </rPh>
    <rPh sb="33" eb="35">
      <t>シエン</t>
    </rPh>
    <rPh sb="40" eb="42">
      <t>ホウリツ</t>
    </rPh>
    <rPh sb="43" eb="44">
      <t>モト</t>
    </rPh>
    <phoneticPr fontId="6"/>
  </si>
  <si>
    <t>　　年 　　月 　　日</t>
    <phoneticPr fontId="6"/>
  </si>
  <si>
    <t>異動等区分</t>
    <rPh sb="2" eb="3">
      <t>ナド</t>
    </rPh>
    <phoneticPr fontId="6"/>
  </si>
  <si>
    <t>　１　新規　　　　　２　変更　　　　　３　終了</t>
    <phoneticPr fontId="6"/>
  </si>
  <si>
    <t>届 出 項 目</t>
    <phoneticPr fontId="6"/>
  </si>
  <si>
    <t>　１　特定事業所加算(Ⅰ)　　２　特定事業所加算(Ⅱ)　　３　特定事業所加算(Ⅲ)　　４　特定事業所加算(Ⅳ)</t>
    <rPh sb="3" eb="5">
      <t>トクテイ</t>
    </rPh>
    <rPh sb="5" eb="8">
      <t>ジギョウショ</t>
    </rPh>
    <rPh sb="8" eb="10">
      <t>カサン</t>
    </rPh>
    <rPh sb="17" eb="19">
      <t>トクテイ</t>
    </rPh>
    <rPh sb="19" eb="22">
      <t>ジギョウショ</t>
    </rPh>
    <rPh sb="22" eb="24">
      <t>カサン</t>
    </rPh>
    <rPh sb="31" eb="33">
      <t>トクテイ</t>
    </rPh>
    <rPh sb="33" eb="36">
      <t>ジギョウショ</t>
    </rPh>
    <rPh sb="36" eb="38">
      <t>カサン</t>
    </rPh>
    <rPh sb="45" eb="47">
      <t>トクテイ</t>
    </rPh>
    <rPh sb="47" eb="50">
      <t>ジギョウショ</t>
    </rPh>
    <rPh sb="50" eb="52">
      <t>カサン</t>
    </rPh>
    <phoneticPr fontId="6"/>
  </si>
  <si>
    <r>
      <t xml:space="preserve"> 有 </t>
    </r>
    <r>
      <rPr>
        <b/>
        <sz val="14"/>
        <rFont val="HGSｺﾞｼｯｸM"/>
        <family val="3"/>
        <charset val="128"/>
      </rPr>
      <t>・</t>
    </r>
    <r>
      <rPr>
        <b/>
        <sz val="11"/>
        <rFont val="HGSｺﾞｼｯｸM"/>
        <family val="3"/>
        <charset val="128"/>
      </rPr>
      <t xml:space="preserve"> 無</t>
    </r>
    <phoneticPr fontId="6"/>
  </si>
  <si>
    <t>　個別の居宅介護従業者に係る研修計画を策定し、当該計画に従い、研修を実施している又は実施することが予定されている。</t>
    <rPh sb="4" eb="6">
      <t>キョタク</t>
    </rPh>
    <rPh sb="6" eb="8">
      <t>カイゴ</t>
    </rPh>
    <rPh sb="8" eb="11">
      <t>ジュウギョウシャ</t>
    </rPh>
    <phoneticPr fontId="6"/>
  </si>
  <si>
    <t>□</t>
  </si>
  <si>
    <t>・</t>
    <phoneticPr fontId="6"/>
  </si>
  <si>
    <t>①－イ</t>
    <phoneticPr fontId="6"/>
  </si>
  <si>
    <t>　個別のサービス提供責任者に係る研修計画を策定し、当該計画に従い、研修を実施している又は実施することが予定されている。</t>
    <rPh sb="1" eb="3">
      <t>コベツ</t>
    </rPh>
    <rPh sb="8" eb="10">
      <t>テイキョウ</t>
    </rPh>
    <rPh sb="10" eb="13">
      <t>セキニンシャ</t>
    </rPh>
    <rPh sb="14" eb="15">
      <t>カカ</t>
    </rPh>
    <rPh sb="16" eb="18">
      <t>ケンシュウ</t>
    </rPh>
    <rPh sb="18" eb="20">
      <t>ケイカク</t>
    </rPh>
    <rPh sb="21" eb="23">
      <t>サクテイ</t>
    </rPh>
    <rPh sb="25" eb="27">
      <t>トウガイ</t>
    </rPh>
    <rPh sb="27" eb="29">
      <t>ケイカク</t>
    </rPh>
    <rPh sb="30" eb="31">
      <t>シタガ</t>
    </rPh>
    <rPh sb="33" eb="35">
      <t>ケンシュウ</t>
    </rPh>
    <rPh sb="36" eb="38">
      <t>ジッシ</t>
    </rPh>
    <rPh sb="42" eb="43">
      <t>マタ</t>
    </rPh>
    <rPh sb="44" eb="46">
      <t>ジッシ</t>
    </rPh>
    <rPh sb="51" eb="53">
      <t>ヨテイ</t>
    </rPh>
    <phoneticPr fontId="6"/>
  </si>
  <si>
    <t>　居宅介護従業者の技術指導等を目的とした会議を定期的に開催している。</t>
    <phoneticPr fontId="100"/>
  </si>
  <si>
    <t>③</t>
    <phoneticPr fontId="6"/>
  </si>
  <si>
    <t>　サービス提供責任者と居宅介護従業者との間の情報伝達及び報告体制を整備している。</t>
    <rPh sb="11" eb="13">
      <t>キョタク</t>
    </rPh>
    <rPh sb="13" eb="15">
      <t>カイゴ</t>
    </rPh>
    <rPh sb="15" eb="18">
      <t>ジュウギョウシャ</t>
    </rPh>
    <phoneticPr fontId="6"/>
  </si>
  <si>
    <t>・</t>
    <phoneticPr fontId="6"/>
  </si>
  <si>
    <t>④　</t>
    <phoneticPr fontId="6"/>
  </si>
  <si>
    <t>　居宅介護従業者に対する健康診断の定期的な実施体制を整備している。</t>
    <phoneticPr fontId="6"/>
  </si>
  <si>
    <t>⑤　</t>
    <phoneticPr fontId="6"/>
  </si>
  <si>
    <t>　緊急時等における対応方法を利用者に明示している。</t>
    <phoneticPr fontId="6"/>
  </si>
  <si>
    <t>⑥　</t>
    <phoneticPr fontId="6"/>
  </si>
  <si>
    <t>　新規に採用したすべての居宅介護従業者に対し、熟練した居宅介護従業者の同行による研修を実施している。</t>
    <phoneticPr fontId="6"/>
  </si>
  <si>
    <t>　</t>
    <phoneticPr fontId="6"/>
  </si>
  <si>
    <t>①　居宅介護従業者に関する要件について</t>
    <rPh sb="2" eb="4">
      <t>キョタク</t>
    </rPh>
    <rPh sb="4" eb="6">
      <t>カイゴ</t>
    </rPh>
    <rPh sb="6" eb="9">
      <t>ジュウギョウシャ</t>
    </rPh>
    <rPh sb="10" eb="11">
      <t>カン</t>
    </rPh>
    <rPh sb="13" eb="15">
      <t>ヨウケン</t>
    </rPh>
    <phoneticPr fontId="6"/>
  </si>
  <si>
    <t>　　下表の(1)については必ず記載すること。(2)・(3)・(4)についてはいずれかを記載することで可。</t>
    <rPh sb="2" eb="4">
      <t>カヒョウ</t>
    </rPh>
    <rPh sb="13" eb="14">
      <t>カナラ</t>
    </rPh>
    <rPh sb="15" eb="17">
      <t>キサイ</t>
    </rPh>
    <rPh sb="42" eb="44">
      <t>キサイ</t>
    </rPh>
    <rPh sb="49" eb="50">
      <t>カ</t>
    </rPh>
    <phoneticPr fontId="6"/>
  </si>
  <si>
    <t>(1)</t>
    <phoneticPr fontId="6"/>
  </si>
  <si>
    <t>(2)</t>
    <phoneticPr fontId="6"/>
  </si>
  <si>
    <t>(1)のうち介護福祉士の総数</t>
    <rPh sb="6" eb="8">
      <t>カイゴ</t>
    </rPh>
    <rPh sb="8" eb="11">
      <t>フクシシ</t>
    </rPh>
    <rPh sb="12" eb="14">
      <t>ソウスウ</t>
    </rPh>
    <phoneticPr fontId="6"/>
  </si>
  <si>
    <t>(1)に占める(2)の割合が30％以上</t>
    <rPh sb="4" eb="5">
      <t>シ</t>
    </rPh>
    <rPh sb="11" eb="13">
      <t>ワリアイ</t>
    </rPh>
    <rPh sb="17" eb="19">
      <t>イジョウ</t>
    </rPh>
    <phoneticPr fontId="6"/>
  </si>
  <si>
    <t>・</t>
    <phoneticPr fontId="6"/>
  </si>
  <si>
    <t>(3)</t>
    <phoneticPr fontId="6"/>
  </si>
  <si>
    <t>(1)のうち介護福祉士、実務者研修修了者、介護職員基礎研修課程修了者及び居宅介護従業者養成研修１級課程修了者の総数</t>
    <rPh sb="6" eb="8">
      <t>カイゴ</t>
    </rPh>
    <rPh sb="8" eb="11">
      <t>フクシシ</t>
    </rPh>
    <rPh sb="12" eb="15">
      <t>ジツムシャ</t>
    </rPh>
    <rPh sb="15" eb="17">
      <t>ケンシュウ</t>
    </rPh>
    <rPh sb="17" eb="20">
      <t>シュウリョウシャ</t>
    </rPh>
    <rPh sb="21" eb="23">
      <t>カイゴ</t>
    </rPh>
    <rPh sb="23" eb="25">
      <t>ショクイン</t>
    </rPh>
    <rPh sb="25" eb="27">
      <t>キソ</t>
    </rPh>
    <rPh sb="27" eb="29">
      <t>ケンシュウ</t>
    </rPh>
    <rPh sb="29" eb="31">
      <t>カテイ</t>
    </rPh>
    <rPh sb="31" eb="34">
      <t>シュウリョウシャ</t>
    </rPh>
    <rPh sb="34" eb="35">
      <t>オヨ</t>
    </rPh>
    <rPh sb="36" eb="38">
      <t>キョタク</t>
    </rPh>
    <rPh sb="38" eb="40">
      <t>カイゴ</t>
    </rPh>
    <rPh sb="40" eb="43">
      <t>ジュウギョウシャ</t>
    </rPh>
    <rPh sb="43" eb="45">
      <t>ヨウセイ</t>
    </rPh>
    <rPh sb="45" eb="47">
      <t>ケンシュウ</t>
    </rPh>
    <rPh sb="48" eb="49">
      <t>キュウ</t>
    </rPh>
    <rPh sb="49" eb="51">
      <t>カテイ</t>
    </rPh>
    <rPh sb="51" eb="54">
      <t>シュウリョウシャ</t>
    </rPh>
    <rPh sb="55" eb="57">
      <t>ソウスウ</t>
    </rPh>
    <phoneticPr fontId="6"/>
  </si>
  <si>
    <t>(1)に占める(3)の割合が50％以上</t>
    <rPh sb="4" eb="5">
      <t>シ</t>
    </rPh>
    <rPh sb="11" eb="13">
      <t>ワリアイ</t>
    </rPh>
    <rPh sb="17" eb="19">
      <t>イジョウ</t>
    </rPh>
    <phoneticPr fontId="6"/>
  </si>
  <si>
    <t>・</t>
    <phoneticPr fontId="6"/>
  </si>
  <si>
    <t>(4)</t>
    <phoneticPr fontId="6"/>
  </si>
  <si>
    <t>(1)に占める(4)の割合が40％以上</t>
    <rPh sb="4" eb="5">
      <t>シ</t>
    </rPh>
    <rPh sb="11" eb="13">
      <t>ワリアイ</t>
    </rPh>
    <rPh sb="17" eb="19">
      <t>イジョウ</t>
    </rPh>
    <phoneticPr fontId="6"/>
  </si>
  <si>
    <t>・</t>
    <phoneticPr fontId="6"/>
  </si>
  <si>
    <t>②　サービス提供責任者に関する要件について</t>
    <rPh sb="6" eb="8">
      <t>テイキョウ</t>
    </rPh>
    <rPh sb="8" eb="11">
      <t>セキニンシャ</t>
    </rPh>
    <rPh sb="12" eb="13">
      <t>カン</t>
    </rPh>
    <rPh sb="15" eb="17">
      <t>ヨウケン</t>
    </rPh>
    <phoneticPr fontId="6"/>
  </si>
  <si>
    <t xml:space="preserve">  ア</t>
    <phoneticPr fontId="6"/>
  </si>
  <si>
    <t>　すべてのサービス提供責任者が３年以上の介護等の実務経験を有する介護福祉士又は５年以上の実務経験を有する実務者研修修了者、介護職員基礎研修課程修了者若しくは居宅介護従事者養成研修１級課程修了者。</t>
    <phoneticPr fontId="6"/>
  </si>
  <si>
    <t>　イ　</t>
    <phoneticPr fontId="6"/>
  </si>
  <si>
    <t>　１人を超えるサービス提供責任者を配置することとされている事業所は、常勤のサービス提供責任者の２名以上の配置していること。</t>
    <phoneticPr fontId="6"/>
  </si>
  <si>
    <t>　ウ　</t>
    <phoneticPr fontId="6"/>
  </si>
  <si>
    <t>　２人以下のサービス提供責任者を配置することとされている事業所は、サービス提供責任者を常勤により配置し、かつ、指定基準省令を上回る数の常勤のサービス提供責任者を１人以上配置していること。</t>
    <phoneticPr fontId="6"/>
  </si>
  <si>
    <t>　〔　重　度　障　害　者　対　応　要　件　〕</t>
    <rPh sb="3" eb="4">
      <t>シゲル</t>
    </rPh>
    <rPh sb="5" eb="6">
      <t>ド</t>
    </rPh>
    <rPh sb="7" eb="8">
      <t>サワ</t>
    </rPh>
    <rPh sb="9" eb="10">
      <t>ガイ</t>
    </rPh>
    <rPh sb="11" eb="12">
      <t>シャ</t>
    </rPh>
    <rPh sb="13" eb="14">
      <t>タイ</t>
    </rPh>
    <rPh sb="15" eb="16">
      <t>オウ</t>
    </rPh>
    <rPh sb="17" eb="18">
      <t>ヨウ</t>
    </rPh>
    <rPh sb="19" eb="20">
      <t>ケン</t>
    </rPh>
    <phoneticPr fontId="6"/>
  </si>
  <si>
    <r>
      <t xml:space="preserve"> 有 </t>
    </r>
    <r>
      <rPr>
        <b/>
        <sz val="14"/>
        <rFont val="HGSｺﾞｼｯｸM"/>
        <family val="3"/>
        <charset val="128"/>
      </rPr>
      <t>・</t>
    </r>
    <r>
      <rPr>
        <b/>
        <sz val="11"/>
        <rFont val="HGSｺﾞｼｯｸM"/>
        <family val="3"/>
        <charset val="128"/>
      </rPr>
      <t xml:space="preserve"> 無</t>
    </r>
    <phoneticPr fontId="6"/>
  </si>
  <si>
    <t>①　</t>
    <phoneticPr fontId="6"/>
  </si>
  <si>
    <t>　前年度又は前３月の期間における利用者の総数のうち、障害支援区分５以上である者、たんの吸引等を必要とする者、重症心身障害児及び医療的ケア児の占める割合が３０％以上</t>
    <phoneticPr fontId="6"/>
  </si>
  <si>
    <t>②　</t>
    <phoneticPr fontId="6"/>
  </si>
  <si>
    <t>　前年度又は前３月の期間における利用者の総数のうち、障害支援区分４以上である者、たんの吸引等を必要とする者、重症心身障害児及び医療的ケア児が占める割合が５０％以上</t>
    <phoneticPr fontId="6"/>
  </si>
  <si>
    <t>備考</t>
    <phoneticPr fontId="6"/>
  </si>
  <si>
    <t>　「異動区分」、「届出項目」欄については、該当する番号に○を付してください。</t>
    <phoneticPr fontId="6"/>
  </si>
  <si>
    <t>　ここでいう常勤とは、「障害者の日常生活及び社会生活を総合的に支援するための法律に基づく指定障害福祉サービスの事業等の人員、設備及
び運営に関する基準について」（平成18年12月６日厚生労働省社会・援護局障害保健福祉部長通知）第二の２の(3)に定義する「常勤」をいう。　</t>
    <phoneticPr fontId="6"/>
  </si>
  <si>
    <t>　それぞれの要件について根拠となる（要件を満たすことがわかる）書類も提出してください。</t>
    <phoneticPr fontId="6"/>
  </si>
  <si>
    <t>　令和６年３月31日において、こども家庭庁長官及び厚生労働大臣が定める基準並びに厚生労働大臣が定める基準(平成18年厚生労働省告示
第543号)第１号イ、ハ又はニの適用を受けている事業所に係る同号イ、ハ又はニの適用については、令和９年３月31日までの間、なお従前の例
によることができる。</t>
    <phoneticPr fontId="6"/>
  </si>
  <si>
    <t xml:space="preserve"> </t>
    <phoneticPr fontId="100"/>
  </si>
  <si>
    <t>　　年 　　月 　　日</t>
    <phoneticPr fontId="6"/>
  </si>
  <si>
    <t>　１　新規　　　　　２　変更　　　　　３　終了</t>
    <phoneticPr fontId="6"/>
  </si>
  <si>
    <t>届 出 項 目</t>
    <phoneticPr fontId="6"/>
  </si>
  <si>
    <t>　１　特定事業所加算(Ⅰ)　　２　特定事業所加算(Ⅱ)　　３　特定事業所加算(Ⅲ)</t>
    <rPh sb="3" eb="5">
      <t>トクテイ</t>
    </rPh>
    <rPh sb="5" eb="8">
      <t>ジギョウショ</t>
    </rPh>
    <rPh sb="8" eb="10">
      <t>カサン</t>
    </rPh>
    <rPh sb="17" eb="19">
      <t>トクテイ</t>
    </rPh>
    <rPh sb="19" eb="22">
      <t>ジギョウショ</t>
    </rPh>
    <rPh sb="22" eb="24">
      <t>カサン</t>
    </rPh>
    <rPh sb="31" eb="33">
      <t>トクテイ</t>
    </rPh>
    <rPh sb="33" eb="36">
      <t>ジギョウショ</t>
    </rPh>
    <rPh sb="36" eb="38">
      <t>カサン</t>
    </rPh>
    <phoneticPr fontId="6"/>
  </si>
  <si>
    <r>
      <t xml:space="preserve">有 </t>
    </r>
    <r>
      <rPr>
        <b/>
        <sz val="14"/>
        <rFont val="HGSｺﾞｼｯｸM"/>
        <family val="3"/>
        <charset val="128"/>
      </rPr>
      <t>・</t>
    </r>
    <r>
      <rPr>
        <b/>
        <sz val="11"/>
        <rFont val="HGSｺﾞｼｯｸM"/>
        <family val="3"/>
        <charset val="128"/>
      </rPr>
      <t xml:space="preserve"> 無</t>
    </r>
    <phoneticPr fontId="6"/>
  </si>
  <si>
    <t>①</t>
    <phoneticPr fontId="6"/>
  </si>
  <si>
    <t>　個別の重度訪問介護従業者に係る研修計画を策定し、当該計画に従い、研修を実施している又は実施することが予定されている。</t>
    <rPh sb="4" eb="6">
      <t>ジュウド</t>
    </rPh>
    <rPh sb="6" eb="8">
      <t>ホウモン</t>
    </rPh>
    <rPh sb="8" eb="10">
      <t>カイゴ</t>
    </rPh>
    <rPh sb="10" eb="13">
      <t>ジュウギョウシャ</t>
    </rPh>
    <phoneticPr fontId="6"/>
  </si>
  <si>
    <t>②</t>
    <phoneticPr fontId="6"/>
  </si>
  <si>
    <t>　重度訪問介護従業者の技術指導等を目的とした会議を定期的に開催している。又は、サービス提供責任者が重度訪問介護従業者に対して、個別に技術指導等を目的とした研修を必要に応じて行っている。</t>
    <phoneticPr fontId="100"/>
  </si>
  <si>
    <t>　サービス提供責任者が重度訪問介護従業者に対して、毎月定期的に利用者に関する情報やサービス提供に当たっての留意事項を伝達している。（変更があった場合を含む。）</t>
    <phoneticPr fontId="100"/>
  </si>
  <si>
    <t>　重度訪問介護従業者に対する健康診断の定期的な実施体制を整備している。</t>
    <phoneticPr fontId="100"/>
  </si>
  <si>
    <t>・</t>
    <phoneticPr fontId="6"/>
  </si>
  <si>
    <t>　緊急時等における対応方法を利用者に明示している。</t>
    <phoneticPr fontId="100"/>
  </si>
  <si>
    <t>⑥　</t>
    <phoneticPr fontId="6"/>
  </si>
  <si>
    <t>　新規に採用したすべての重度訪問介護従業者に対し、熟練した重度訪問介護従業者の同行による研修を実施している。</t>
    <phoneticPr fontId="100"/>
  </si>
  <si>
    <t>　</t>
    <phoneticPr fontId="6"/>
  </si>
  <si>
    <t>⑦　</t>
    <phoneticPr fontId="6"/>
  </si>
  <si>
    <t>　重度訪問介護従業者の常時派遣が可能となっており、現に深夜帯も含めてサービス提供している。</t>
    <rPh sb="11" eb="13">
      <t>ジョウジ</t>
    </rPh>
    <phoneticPr fontId="100"/>
  </si>
  <si>
    <t>①　重度訪問介護従業者に関する要件について</t>
    <rPh sb="2" eb="4">
      <t>ジュウド</t>
    </rPh>
    <rPh sb="4" eb="6">
      <t>ホウモン</t>
    </rPh>
    <rPh sb="6" eb="8">
      <t>カイゴ</t>
    </rPh>
    <rPh sb="8" eb="11">
      <t>ジュウギョウシャ</t>
    </rPh>
    <rPh sb="12" eb="13">
      <t>カン</t>
    </rPh>
    <rPh sb="15" eb="17">
      <t>ヨウケン</t>
    </rPh>
    <phoneticPr fontId="6"/>
  </si>
  <si>
    <t>　　下表の(1)については必ず記載すること。(2)・(3)・(4)についてはいずれかを記載することで可。</t>
    <phoneticPr fontId="100"/>
  </si>
  <si>
    <r>
      <t xml:space="preserve">有 </t>
    </r>
    <r>
      <rPr>
        <b/>
        <sz val="14"/>
        <rFont val="HGSｺﾞｼｯｸM"/>
        <family val="3"/>
        <charset val="128"/>
      </rPr>
      <t>・</t>
    </r>
    <r>
      <rPr>
        <b/>
        <sz val="11"/>
        <rFont val="HGSｺﾞｼｯｸM"/>
        <family val="3"/>
        <charset val="128"/>
      </rPr>
      <t xml:space="preserve"> 無</t>
    </r>
    <phoneticPr fontId="6"/>
  </si>
  <si>
    <t>(1)のうち介護福祉士の総数</t>
    <rPh sb="5" eb="7">
      <t>カイゴ</t>
    </rPh>
    <rPh sb="7" eb="10">
      <t>フクシシ</t>
    </rPh>
    <rPh sb="11" eb="13">
      <t>ソウスウ</t>
    </rPh>
    <phoneticPr fontId="6"/>
  </si>
  <si>
    <t>(1)のうち介護福祉士、実務者研修修了者、介護職員基礎研修課程修了者及び居宅介護従業者養成研修１級課程修了者の総数</t>
    <rPh sb="6" eb="8">
      <t>カイゴ</t>
    </rPh>
    <rPh sb="8" eb="11">
      <t>フクシシ</t>
    </rPh>
    <rPh sb="12" eb="15">
      <t>ジツムシャ</t>
    </rPh>
    <rPh sb="15" eb="17">
      <t>ケンシュウ</t>
    </rPh>
    <rPh sb="17" eb="20">
      <t>シュウリョウシャ</t>
    </rPh>
    <rPh sb="21" eb="23">
      <t>カイゴ</t>
    </rPh>
    <rPh sb="23" eb="25">
      <t>ショクイン</t>
    </rPh>
    <rPh sb="25" eb="27">
      <t>キソ</t>
    </rPh>
    <rPh sb="27" eb="29">
      <t>ケンシュウ</t>
    </rPh>
    <rPh sb="29" eb="31">
      <t>カテイ</t>
    </rPh>
    <rPh sb="31" eb="34">
      <t>シュウリョウシャ</t>
    </rPh>
    <rPh sb="34" eb="35">
      <t>オヨ</t>
    </rPh>
    <rPh sb="48" eb="49">
      <t>キュウ</t>
    </rPh>
    <rPh sb="49" eb="51">
      <t>カテイ</t>
    </rPh>
    <rPh sb="51" eb="54">
      <t>シュウリョウシャ</t>
    </rPh>
    <rPh sb="55" eb="57">
      <t>ソウスウ</t>
    </rPh>
    <phoneticPr fontId="6"/>
  </si>
  <si>
    <t>ア</t>
    <phoneticPr fontId="100"/>
  </si>
  <si>
    <t>　すべてのサービス提供責任者が３年以上の介護等の実務経験を有する介護福祉士又は５年以上の実務経験を有する実務者研修修了者、介護職員基礎研修課程修了者若しくは１級課程修了者又は6,000時間以上の重度訪問介護の実務経験を有する者。</t>
    <phoneticPr fontId="100"/>
  </si>
  <si>
    <t>イ　</t>
    <phoneticPr fontId="100"/>
  </si>
  <si>
    <t>　一人を超えるサービス提供責任者の配置義務がある事業所については、常勤のサービス提供責任者の２名以上の配置していること。</t>
    <phoneticPr fontId="100"/>
  </si>
  <si>
    <t>(1)　総数</t>
    <rPh sb="4" eb="6">
      <t>ソウスウ</t>
    </rPh>
    <phoneticPr fontId="6"/>
  </si>
  <si>
    <t>(2)　常勤</t>
    <rPh sb="4" eb="6">
      <t>ジョウキン</t>
    </rPh>
    <phoneticPr fontId="6"/>
  </si>
  <si>
    <t>(3)　非常勤</t>
    <rPh sb="4" eb="7">
      <t>ヒジョウキン</t>
    </rPh>
    <phoneticPr fontId="6"/>
  </si>
  <si>
    <r>
      <t xml:space="preserve">有 </t>
    </r>
    <r>
      <rPr>
        <b/>
        <sz val="14"/>
        <rFont val="HGSｺﾞｼｯｸM"/>
        <family val="3"/>
        <charset val="128"/>
      </rPr>
      <t>・</t>
    </r>
    <r>
      <rPr>
        <b/>
        <sz val="11"/>
        <rFont val="HGSｺﾞｼｯｸM"/>
        <family val="3"/>
        <charset val="128"/>
      </rPr>
      <t xml:space="preserve"> 無</t>
    </r>
    <phoneticPr fontId="6"/>
  </si>
  <si>
    <t>　</t>
    <phoneticPr fontId="6"/>
  </si>
  <si>
    <t>　前年度又は前３月の期間における利用者（障害児を除く）の総数のうち、障害支援区分５以上である者及びたんの吸引等を必要とする者が占める割合が50％以上</t>
    <phoneticPr fontId="100"/>
  </si>
  <si>
    <t>備考</t>
  </si>
  <si>
    <t>　「異動区分」、「届出項目」欄については、該当する番号に○を付してください。</t>
    <phoneticPr fontId="100"/>
  </si>
  <si>
    <t>　ここでいう常勤とは、「障害者の日常生活及び社会生活を総合的に支援するための法律に基づく指定障害福祉サービスの事業等の人員、設備及び運営に関する基準について」（平成18年12月６日厚生労働省社会・援護局障害保健福祉部長通知）第二の２の(3)に定義する「常勤」をいう。　</t>
    <phoneticPr fontId="100"/>
  </si>
  <si>
    <t>　それぞれの要件について根拠となる（要件を満たすことがわかる）書類も提出してください。</t>
    <phoneticPr fontId="100"/>
  </si>
  <si>
    <t>　</t>
    <phoneticPr fontId="100"/>
  </si>
  <si>
    <t>　　年 　　月 　　日</t>
    <phoneticPr fontId="6"/>
  </si>
  <si>
    <t>　１　新規　　　　　２　変更　　　　　３　終了</t>
    <phoneticPr fontId="6"/>
  </si>
  <si>
    <t>届 出 項 目</t>
    <phoneticPr fontId="6"/>
  </si>
  <si>
    <r>
      <t xml:space="preserve">有 </t>
    </r>
    <r>
      <rPr>
        <b/>
        <sz val="14"/>
        <color theme="1"/>
        <rFont val="HGSｺﾞｼｯｸM"/>
        <family val="3"/>
        <charset val="128"/>
      </rPr>
      <t>・</t>
    </r>
    <r>
      <rPr>
        <b/>
        <sz val="11"/>
        <color theme="1"/>
        <rFont val="HGSｺﾞｼｯｸM"/>
        <family val="3"/>
        <charset val="128"/>
      </rPr>
      <t xml:space="preserve"> 無</t>
    </r>
    <phoneticPr fontId="6"/>
  </si>
  <si>
    <t>①－ア</t>
    <phoneticPr fontId="6"/>
  </si>
  <si>
    <t>　個別の同行援護従業者に係る研修計画を策定し、当該計画に従い、研修を実施している又は実施することが予定されている。</t>
    <rPh sb="4" eb="6">
      <t>ドウコウ</t>
    </rPh>
    <rPh sb="6" eb="8">
      <t>エンゴ</t>
    </rPh>
    <rPh sb="8" eb="11">
      <t>ジュウギョウシャ</t>
    </rPh>
    <rPh sb="40" eb="41">
      <t>マタ</t>
    </rPh>
    <rPh sb="42" eb="44">
      <t>ジッシ</t>
    </rPh>
    <rPh sb="49" eb="51">
      <t>ヨテイ</t>
    </rPh>
    <phoneticPr fontId="6"/>
  </si>
  <si>
    <t>①－イ</t>
    <phoneticPr fontId="6"/>
  </si>
  <si>
    <t>・</t>
  </si>
  <si>
    <t>②　</t>
    <phoneticPr fontId="6"/>
  </si>
  <si>
    <t>　同行援護従業者の技術指導等を目的とした会議を定期的に開催している。</t>
    <rPh sb="1" eb="3">
      <t>ドウコウ</t>
    </rPh>
    <phoneticPr fontId="6"/>
  </si>
  <si>
    <t>・</t>
    <phoneticPr fontId="6"/>
  </si>
  <si>
    <t>③</t>
    <phoneticPr fontId="6"/>
  </si>
  <si>
    <t>　サービス提供責任者と同行援護従業者との間の情報伝達及び報告体制を整備している。</t>
    <rPh sb="11" eb="13">
      <t>ドウコウ</t>
    </rPh>
    <rPh sb="13" eb="15">
      <t>エンゴ</t>
    </rPh>
    <rPh sb="15" eb="18">
      <t>ジュウギョウシャ</t>
    </rPh>
    <phoneticPr fontId="6"/>
  </si>
  <si>
    <t>・</t>
    <phoneticPr fontId="6"/>
  </si>
  <si>
    <t>　同行援護従業者に対する健康診断の定期的な実施体制を整備している。</t>
    <rPh sb="1" eb="3">
      <t>ドウコウ</t>
    </rPh>
    <phoneticPr fontId="6"/>
  </si>
  <si>
    <t>⑤　</t>
    <phoneticPr fontId="6"/>
  </si>
  <si>
    <t>　緊急時等における対応方法を利用者に明示している。</t>
    <phoneticPr fontId="100"/>
  </si>
  <si>
    <t>⑥　</t>
    <phoneticPr fontId="6"/>
  </si>
  <si>
    <t>　新規に採用したすべての同行援護介護従業者に対し、熟練した同行援護従業者の同行による研修を実施している。</t>
    <rPh sb="12" eb="14">
      <t>ドウコウ</t>
    </rPh>
    <rPh sb="29" eb="31">
      <t>ドウコウ</t>
    </rPh>
    <phoneticPr fontId="6"/>
  </si>
  <si>
    <t>・</t>
    <phoneticPr fontId="6"/>
  </si>
  <si>
    <t>　</t>
    <phoneticPr fontId="6"/>
  </si>
  <si>
    <t>①　同行援護従業者に関する要件について</t>
    <rPh sb="2" eb="4">
      <t>ドウコウ</t>
    </rPh>
    <rPh sb="4" eb="6">
      <t>エンゴ</t>
    </rPh>
    <rPh sb="6" eb="9">
      <t>ジュウギョウシャ</t>
    </rPh>
    <rPh sb="10" eb="11">
      <t>カン</t>
    </rPh>
    <rPh sb="13" eb="15">
      <t>ヨウケン</t>
    </rPh>
    <phoneticPr fontId="6"/>
  </si>
  <si>
    <t>　　下表の(1)については必ず記載すること。(2)・(3)・(4)・(5)・(6)についてはいずれかを記載す
　ることで可。</t>
    <rPh sb="2" eb="4">
      <t>カヒョウ</t>
    </rPh>
    <rPh sb="13" eb="14">
      <t>カナラ</t>
    </rPh>
    <rPh sb="15" eb="17">
      <t>キサイ</t>
    </rPh>
    <rPh sb="50" eb="52">
      <t>キサイ</t>
    </rPh>
    <rPh sb="59" eb="60">
      <t>カ</t>
    </rPh>
    <phoneticPr fontId="6"/>
  </si>
  <si>
    <t>(1)</t>
    <phoneticPr fontId="6"/>
  </si>
  <si>
    <r>
      <t xml:space="preserve">有 </t>
    </r>
    <r>
      <rPr>
        <b/>
        <sz val="14"/>
        <color theme="1"/>
        <rFont val="HGSｺﾞｼｯｸM"/>
        <family val="3"/>
        <charset val="128"/>
      </rPr>
      <t>・</t>
    </r>
    <r>
      <rPr>
        <b/>
        <sz val="11"/>
        <color theme="1"/>
        <rFont val="HGSｺﾞｼｯｸM"/>
        <family val="3"/>
        <charset val="128"/>
      </rPr>
      <t xml:space="preserve"> 無</t>
    </r>
    <phoneticPr fontId="6"/>
  </si>
  <si>
    <t>(４)</t>
    <phoneticPr fontId="6"/>
  </si>
  <si>
    <t>前年度又は前３月の期間におけるサービス提供時間のうち、常勤の同行援護従業者によるサービス提供の総時間数</t>
    <rPh sb="0" eb="3">
      <t>ゼンネンド</t>
    </rPh>
    <rPh sb="3" eb="4">
      <t>マタ</t>
    </rPh>
    <rPh sb="5" eb="6">
      <t>ゼン</t>
    </rPh>
    <rPh sb="7" eb="8">
      <t>ツキ</t>
    </rPh>
    <rPh sb="9" eb="11">
      <t>キカン</t>
    </rPh>
    <rPh sb="19" eb="21">
      <t>テイキョウ</t>
    </rPh>
    <rPh sb="21" eb="23">
      <t>ジカン</t>
    </rPh>
    <rPh sb="27" eb="29">
      <t>ジョウキン</t>
    </rPh>
    <rPh sb="34" eb="37">
      <t>ジュウギョウシャ</t>
    </rPh>
    <rPh sb="44" eb="46">
      <t>テイキョウ</t>
    </rPh>
    <rPh sb="47" eb="48">
      <t>ソウ</t>
    </rPh>
    <rPh sb="48" eb="50">
      <t>ジカン</t>
    </rPh>
    <rPh sb="50" eb="51">
      <t>スウ</t>
    </rPh>
    <phoneticPr fontId="6"/>
  </si>
  <si>
    <t>(５)</t>
  </si>
  <si>
    <t>(1)のうち同行援護従業者養成研修及び国立リハビリテーションセンター学院視覚障害学科修了者等の総数</t>
    <phoneticPr fontId="100"/>
  </si>
  <si>
    <t>(1)に占める(5)の割合が30％以上</t>
    <rPh sb="4" eb="5">
      <t>シ</t>
    </rPh>
    <rPh sb="11" eb="13">
      <t>ワリアイ</t>
    </rPh>
    <rPh sb="17" eb="19">
      <t>イジョウ</t>
    </rPh>
    <phoneticPr fontId="6"/>
  </si>
  <si>
    <t>(６)</t>
  </si>
  <si>
    <t>(1)のうち盲ろう者向け通訳・介助員で、同行援護従業者の要件を満たしている者の総数</t>
    <rPh sb="6" eb="7">
      <t>モウ</t>
    </rPh>
    <rPh sb="9" eb="10">
      <t>シャ</t>
    </rPh>
    <rPh sb="10" eb="11">
      <t>ム</t>
    </rPh>
    <rPh sb="12" eb="14">
      <t>ツウヤク</t>
    </rPh>
    <rPh sb="15" eb="17">
      <t>カイジョ</t>
    </rPh>
    <rPh sb="17" eb="18">
      <t>イン</t>
    </rPh>
    <rPh sb="20" eb="22">
      <t>ドウコウ</t>
    </rPh>
    <rPh sb="22" eb="24">
      <t>エンゴ</t>
    </rPh>
    <rPh sb="24" eb="27">
      <t>ジュウギョウシャ</t>
    </rPh>
    <rPh sb="28" eb="30">
      <t>ヨウケン</t>
    </rPh>
    <rPh sb="31" eb="32">
      <t>ミ</t>
    </rPh>
    <phoneticPr fontId="6"/>
  </si>
  <si>
    <t>(1)に占める(6)の割合が20％以上</t>
    <phoneticPr fontId="100"/>
  </si>
  <si>
    <r>
      <t xml:space="preserve">有 </t>
    </r>
    <r>
      <rPr>
        <b/>
        <sz val="14"/>
        <color theme="1"/>
        <rFont val="HGSｺﾞｼｯｸM"/>
        <family val="3"/>
        <charset val="128"/>
      </rPr>
      <t>・</t>
    </r>
    <r>
      <rPr>
        <b/>
        <sz val="11"/>
        <color theme="1"/>
        <rFont val="HGSｺﾞｼｯｸM"/>
        <family val="3"/>
        <charset val="128"/>
      </rPr>
      <t xml:space="preserve"> 無</t>
    </r>
    <phoneticPr fontId="6"/>
  </si>
  <si>
    <t xml:space="preserve">　ア　
   </t>
    <phoneticPr fontId="6"/>
  </si>
  <si>
    <t>　すべてのサービス提供責任者が３年以上の介護等の実務経験を有する介護福祉士、国立リハビリテーションセンター学院視覚障害学科修了者等又は５年以上の実務経験を有する実務者研修修了者、介護職員基礎研修課程修了者若しくは居宅介護従事者養成研修１級課程修了者。</t>
    <phoneticPr fontId="6"/>
  </si>
  <si>
    <t>　イ　</t>
    <phoneticPr fontId="6"/>
  </si>
  <si>
    <t>　１人を超えるサービス提供責任者を配置することとされている事業所は、常勤のサービス提供責任者の２名以上の配置していること。</t>
    <phoneticPr fontId="6"/>
  </si>
  <si>
    <t>　ウ　</t>
    <phoneticPr fontId="6"/>
  </si>
  <si>
    <t>　２人以下のサービス提供責任者を配置することとされている事業所は、サービス提供責任者を常勤により配置し、かつ、指定基準省令を上回る数の常勤のサービス提供責任者を1人以上配置していること。</t>
    <phoneticPr fontId="6"/>
  </si>
  <si>
    <t>同行援護従業者の数</t>
    <rPh sb="4" eb="7">
      <t>ジュウギョウシャ</t>
    </rPh>
    <rPh sb="8" eb="9">
      <t>スウ</t>
    </rPh>
    <phoneticPr fontId="6"/>
  </si>
  <si>
    <t>　前年度又は前３月の期間における利用者（障害児を除く）の総数のうち、障害支援区分５以上である者及びたんの吸引等を必要とする者が占める割合が30％以上</t>
    <phoneticPr fontId="6"/>
  </si>
  <si>
    <t>　前年度又は前３月の期間における利用者（障害児を除く）の総数のうち、障害支援区分４以上である者及びたんの吸引等を必要とする者が占める割合が50％以上</t>
    <phoneticPr fontId="6"/>
  </si>
  <si>
    <t>　「異動区分」、「届出項目」欄については、該当する番号に○を付してください。</t>
    <phoneticPr fontId="6"/>
  </si>
  <si>
    <t>　ここでいう常勤とは、「障害者の日常生活及び社会生活を総合的に支援するための法律に基づく指定障害福祉サービスの事業等の人員、
　　</t>
    <phoneticPr fontId="6"/>
  </si>
  <si>
    <t>設備及び運営に関する基準について」（平成１８年１２月６日厚生労働省社会・援護局障害保健福祉部長通知）第二の２の(3)に定義する</t>
  </si>
  <si>
    <t>「常勤」をいう。</t>
  </si>
  <si>
    <t>　それぞれの要件について根拠となる（要件を満たすことがわかる）書類も提出してください。</t>
    <phoneticPr fontId="6"/>
  </si>
  <si>
    <t xml:space="preserve"> 　　年 　　月 　　日</t>
    <phoneticPr fontId="6"/>
  </si>
  <si>
    <t>異動区分</t>
    <phoneticPr fontId="6"/>
  </si>
  <si>
    <t>　①　新規　　②　変更　　③　終了</t>
    <phoneticPr fontId="6"/>
  </si>
  <si>
    <t>　個別の行動援護従業者に係る研修計画を策定し、当該計画に従い、研修を実施している又は実施することが予定されている。</t>
    <rPh sb="4" eb="8">
      <t>コウドウエンゴ</t>
    </rPh>
    <rPh sb="8" eb="11">
      <t>ジュウギョウシャ</t>
    </rPh>
    <rPh sb="40" eb="41">
      <t>マタ</t>
    </rPh>
    <rPh sb="42" eb="44">
      <t>ジッシ</t>
    </rPh>
    <rPh sb="49" eb="51">
      <t>ヨテイ</t>
    </rPh>
    <phoneticPr fontId="6"/>
  </si>
  <si>
    <t>　行動援護従業者の技術指導等を目的とした会議を定期的に開催している。</t>
    <phoneticPr fontId="100"/>
  </si>
  <si>
    <t>・</t>
    <phoneticPr fontId="6"/>
  </si>
  <si>
    <t>　サービス提供責任者と行動援護従業者との間の情報伝達及び報告体制を整備している。</t>
    <rPh sb="11" eb="15">
      <t>コウドウエンゴ</t>
    </rPh>
    <rPh sb="15" eb="18">
      <t>ジュウギョウシャ</t>
    </rPh>
    <phoneticPr fontId="6"/>
  </si>
  <si>
    <t>④</t>
    <phoneticPr fontId="6"/>
  </si>
  <si>
    <t>　サービス提供責任者が行動援護計画、支援計画シート及び支援手順書の作成及び利用者に対する交付の際、医療機関、教育機関等の関係機関と連絡及び調整を行い、当該関係機関から利用者に関する必要な情報の提供を受けていること。</t>
    <phoneticPr fontId="100"/>
  </si>
  <si>
    <t>⑤</t>
    <phoneticPr fontId="6"/>
  </si>
  <si>
    <t>　行動援護従業者に対する健康診断の定期的な実施体制を整備している。</t>
    <phoneticPr fontId="100"/>
  </si>
  <si>
    <t>⑥</t>
    <phoneticPr fontId="6"/>
  </si>
  <si>
    <t>⑦</t>
    <phoneticPr fontId="6"/>
  </si>
  <si>
    <t>　新規に採用したすべての行動援護介護従業者に対し、熟練した行動援護従業者の同行による研修を実施している。</t>
    <phoneticPr fontId="6"/>
  </si>
  <si>
    <t>①　行動援護従業者に関する要件について</t>
    <rPh sb="2" eb="6">
      <t>コウドウエンゴ</t>
    </rPh>
    <rPh sb="6" eb="9">
      <t>ジュウギョウシャ</t>
    </rPh>
    <rPh sb="10" eb="11">
      <t>カン</t>
    </rPh>
    <rPh sb="13" eb="15">
      <t>ヨウケン</t>
    </rPh>
    <phoneticPr fontId="6"/>
  </si>
  <si>
    <t>　　下表の(1)については必ず記載すること。(2)・(3)・(4)・(5)についてはいずれかを記載することで
　可。</t>
    <rPh sb="2" eb="4">
      <t>カヒョウ</t>
    </rPh>
    <rPh sb="13" eb="14">
      <t>カナラ</t>
    </rPh>
    <rPh sb="15" eb="17">
      <t>キサイ</t>
    </rPh>
    <rPh sb="47" eb="49">
      <t>キサイ</t>
    </rPh>
    <rPh sb="56" eb="57">
      <t>カ</t>
    </rPh>
    <phoneticPr fontId="6"/>
  </si>
  <si>
    <r>
      <t xml:space="preserve"> 有 </t>
    </r>
    <r>
      <rPr>
        <b/>
        <sz val="14"/>
        <rFont val="HGSｺﾞｼｯｸM"/>
        <family val="3"/>
        <charset val="128"/>
      </rPr>
      <t>・</t>
    </r>
    <r>
      <rPr>
        <b/>
        <sz val="11"/>
        <rFont val="HGSｺﾞｼｯｸM"/>
        <family val="3"/>
        <charset val="128"/>
      </rPr>
      <t xml:space="preserve"> 無</t>
    </r>
    <phoneticPr fontId="6"/>
  </si>
  <si>
    <t>(4)</t>
    <phoneticPr fontId="6"/>
  </si>
  <si>
    <t>(5)</t>
    <phoneticPr fontId="100"/>
  </si>
  <si>
    <t>サービス提供責任者のうち中核的人材養成研修を修了した者</t>
    <rPh sb="4" eb="6">
      <t>テイキョウ</t>
    </rPh>
    <rPh sb="6" eb="8">
      <t>セキニン</t>
    </rPh>
    <rPh sb="8" eb="9">
      <t>シャ</t>
    </rPh>
    <rPh sb="12" eb="15">
      <t>チュウカクテキ</t>
    </rPh>
    <rPh sb="15" eb="17">
      <t>ジンザイ</t>
    </rPh>
    <rPh sb="17" eb="19">
      <t>ヨウセイ</t>
    </rPh>
    <rPh sb="19" eb="21">
      <t>ケンシュウ</t>
    </rPh>
    <rPh sb="22" eb="24">
      <t>シュウリョウ</t>
    </rPh>
    <rPh sb="26" eb="27">
      <t>モノ</t>
    </rPh>
    <phoneticPr fontId="6"/>
  </si>
  <si>
    <t>１人以上</t>
    <phoneticPr fontId="6"/>
  </si>
  <si>
    <r>
      <t xml:space="preserve"> 有 </t>
    </r>
    <r>
      <rPr>
        <b/>
        <sz val="14"/>
        <rFont val="HGSｺﾞｼｯｸM"/>
        <family val="3"/>
        <charset val="128"/>
      </rPr>
      <t>・</t>
    </r>
    <r>
      <rPr>
        <b/>
        <sz val="11"/>
        <rFont val="HGSｺﾞｼｯｸM"/>
        <family val="3"/>
        <charset val="128"/>
      </rPr>
      <t xml:space="preserve"> 無</t>
    </r>
    <phoneticPr fontId="6"/>
  </si>
  <si>
    <t>　ア　</t>
    <phoneticPr fontId="6"/>
  </si>
  <si>
    <t>　すべてのサービス提供責任者が３年以上の介護等の実務経験を有する介護福祉士又は５年以上の実務経験を有する実務者研修修了者、介護職員基礎研修課程修了者若しくは居宅介護従事者養成研修１級課程修了者。</t>
    <phoneticPr fontId="6"/>
  </si>
  <si>
    <t>　イ　</t>
    <phoneticPr fontId="6"/>
  </si>
  <si>
    <t>　１人を超えるサービス提供責任者を配置することとされている事業所は、常勤のサービス提供責任者の２名以上の配置していること。</t>
    <phoneticPr fontId="6"/>
  </si>
  <si>
    <t>　２人以下のサービス提供責任者を配置することとされている事業所は、サービス提供責任者を常勤により配置し、かつ、指定基準省令を上回る数の常勤のサービス提供責任者を1人以上配置していること。</t>
    <phoneticPr fontId="6"/>
  </si>
  <si>
    <t>　前年度又は前３月の期間における利用者（障害児を除く）の総数のうち、障害支援区分５以上である者、たんの吸引等を必要とする者及び行動関連項目合計点数が18点以上である者が占める割合が30％以上</t>
    <phoneticPr fontId="6"/>
  </si>
  <si>
    <t>２　　　　
　　　　　</t>
    <phoneticPr fontId="6"/>
  </si>
  <si>
    <t>　ここでいう常勤とは、「障害者の日常生活及び社会生活を総合的に支援するための法律に基づく指定障害福祉サービスの事業等の人員、設備及び運営に関する基準について」（平成１８年１２月６日厚生労働省社会・援護局障害保健福祉部長知）第二の２の(3)に定義する「常勤」をいう。</t>
    <phoneticPr fontId="6"/>
  </si>
  <si>
    <t>　令和６年３月31日においてこども家庭庁長官及び厚生労働大臣が定める基準並びに厚生労働大臣が定める基準(平成18年厚生労働省告示第543号)第13号の適用を受けている事業所に係る同号の適用については、令和９年３月31日までの間、なお従前の例によることができる。</t>
    <phoneticPr fontId="6"/>
  </si>
  <si>
    <t>　　</t>
    <phoneticPr fontId="6"/>
  </si>
  <si>
    <t>様式２－１</t>
    <rPh sb="0" eb="2">
      <t>ヨウシキ</t>
    </rPh>
    <phoneticPr fontId="84"/>
  </si>
  <si>
    <t>就労継続支援Ａ型事業所におけるスコア表（全体）</t>
    <rPh sb="0" eb="2">
      <t>シュウロウ</t>
    </rPh>
    <rPh sb="2" eb="4">
      <t>ケイゾク</t>
    </rPh>
    <rPh sb="4" eb="6">
      <t>シエン</t>
    </rPh>
    <rPh sb="7" eb="8">
      <t>ガタ</t>
    </rPh>
    <rPh sb="8" eb="11">
      <t>ジギョウショ</t>
    </rPh>
    <rPh sb="18" eb="19">
      <t>ヒョウ</t>
    </rPh>
    <rPh sb="20" eb="22">
      <t>ゼンタイ</t>
    </rPh>
    <phoneticPr fontId="84"/>
  </si>
  <si>
    <t>事業所名</t>
    <rPh sb="0" eb="3">
      <t>ジギョウショ</t>
    </rPh>
    <rPh sb="3" eb="4">
      <t>メイ</t>
    </rPh>
    <phoneticPr fontId="84"/>
  </si>
  <si>
    <t>事業所番号</t>
    <rPh sb="0" eb="3">
      <t>ジギョウショ</t>
    </rPh>
    <rPh sb="3" eb="5">
      <t>バンゴウ</t>
    </rPh>
    <phoneticPr fontId="84"/>
  </si>
  <si>
    <t>住　所</t>
    <rPh sb="0" eb="1">
      <t>ジュウ</t>
    </rPh>
    <rPh sb="2" eb="3">
      <t>ショ</t>
    </rPh>
    <phoneticPr fontId="84"/>
  </si>
  <si>
    <t>管理者名</t>
    <rPh sb="0" eb="4">
      <t>カンリシャメイ</t>
    </rPh>
    <phoneticPr fontId="84"/>
  </si>
  <si>
    <t>電話番号</t>
    <rPh sb="0" eb="2">
      <t>デンワ</t>
    </rPh>
    <rPh sb="2" eb="4">
      <t>バンゴウ</t>
    </rPh>
    <phoneticPr fontId="84"/>
  </si>
  <si>
    <t>対象年度</t>
    <rPh sb="0" eb="2">
      <t>タイショウ</t>
    </rPh>
    <rPh sb="2" eb="4">
      <t>ネンド</t>
    </rPh>
    <phoneticPr fontId="84"/>
  </si>
  <si>
    <t>（Ⅰ）労働時間</t>
    <phoneticPr fontId="84"/>
  </si>
  <si>
    <t>（Ⅳ）　支援力向上（※）</t>
    <rPh sb="4" eb="6">
      <t>シエン</t>
    </rPh>
    <rPh sb="6" eb="7">
      <t>リョク</t>
    </rPh>
    <rPh sb="7" eb="9">
      <t>コウジョウ</t>
    </rPh>
    <phoneticPr fontId="84"/>
  </si>
  <si>
    <t>①1日の平均労働時間が７時間以上</t>
    <rPh sb="2" eb="3">
      <t>ニチ</t>
    </rPh>
    <rPh sb="4" eb="6">
      <t>ヘイキン</t>
    </rPh>
    <rPh sb="6" eb="8">
      <t>ロウドウ</t>
    </rPh>
    <rPh sb="8" eb="10">
      <t>ジカン</t>
    </rPh>
    <rPh sb="12" eb="14">
      <t>ジカン</t>
    </rPh>
    <rPh sb="14" eb="16">
      <t>イジョウ</t>
    </rPh>
    <phoneticPr fontId="84"/>
  </si>
  <si>
    <t>①研修計画に基づいた外部研修会又は内部研修会</t>
    <rPh sb="1" eb="3">
      <t>ケンシュウ</t>
    </rPh>
    <rPh sb="3" eb="5">
      <t>ケイカク</t>
    </rPh>
    <rPh sb="6" eb="7">
      <t>モト</t>
    </rPh>
    <rPh sb="10" eb="12">
      <t>ガイブ</t>
    </rPh>
    <rPh sb="12" eb="15">
      <t>ケンシュウカイ</t>
    </rPh>
    <rPh sb="15" eb="16">
      <t>マタ</t>
    </rPh>
    <rPh sb="17" eb="19">
      <t>ナイブ</t>
    </rPh>
    <rPh sb="19" eb="22">
      <t>ケンシュウカイ</t>
    </rPh>
    <phoneticPr fontId="84"/>
  </si>
  <si>
    <t>②1日の平均労働時間が６時間以上７時間未満</t>
    <rPh sb="2" eb="3">
      <t>ニチ</t>
    </rPh>
    <rPh sb="4" eb="6">
      <t>ヘイキン</t>
    </rPh>
    <rPh sb="6" eb="8">
      <t>ロウドウ</t>
    </rPh>
    <rPh sb="8" eb="10">
      <t>ジカン</t>
    </rPh>
    <rPh sb="12" eb="14">
      <t>ジカン</t>
    </rPh>
    <rPh sb="14" eb="16">
      <t>イジョウ</t>
    </rPh>
    <rPh sb="17" eb="19">
      <t>ジカン</t>
    </rPh>
    <rPh sb="19" eb="21">
      <t>ミマン</t>
    </rPh>
    <phoneticPr fontId="84"/>
  </si>
  <si>
    <t>　　　参加した職員が１人以上参加している</t>
    <rPh sb="3" eb="5">
      <t>サンカ</t>
    </rPh>
    <rPh sb="7" eb="9">
      <t>ショクイン</t>
    </rPh>
    <rPh sb="11" eb="12">
      <t>ニン</t>
    </rPh>
    <rPh sb="12" eb="14">
      <t>イジョウ</t>
    </rPh>
    <rPh sb="14" eb="16">
      <t>サンカ</t>
    </rPh>
    <phoneticPr fontId="84"/>
  </si>
  <si>
    <t>③1日の平均労働時間が５時間以上６時間未満</t>
    <rPh sb="2" eb="3">
      <t>ニチ</t>
    </rPh>
    <rPh sb="4" eb="6">
      <t>ヘイキン</t>
    </rPh>
    <rPh sb="6" eb="8">
      <t>ロウドウ</t>
    </rPh>
    <rPh sb="8" eb="10">
      <t>ジカン</t>
    </rPh>
    <rPh sb="12" eb="14">
      <t>ジカン</t>
    </rPh>
    <rPh sb="14" eb="16">
      <t>イジョウ</t>
    </rPh>
    <rPh sb="17" eb="19">
      <t>ジカン</t>
    </rPh>
    <rPh sb="19" eb="21">
      <t>ミマン</t>
    </rPh>
    <phoneticPr fontId="84"/>
  </si>
  <si>
    <t>②研修、学会等又は学会誌等において発表</t>
    <rPh sb="1" eb="3">
      <t>ケンシュウ</t>
    </rPh>
    <rPh sb="4" eb="6">
      <t>ガッカイ</t>
    </rPh>
    <rPh sb="6" eb="7">
      <t>トウ</t>
    </rPh>
    <rPh sb="7" eb="8">
      <t>マタ</t>
    </rPh>
    <rPh sb="9" eb="12">
      <t>ガッカイシ</t>
    </rPh>
    <rPh sb="12" eb="13">
      <t>トウ</t>
    </rPh>
    <rPh sb="17" eb="19">
      <t>ハッピョウ</t>
    </rPh>
    <phoneticPr fontId="84"/>
  </si>
  <si>
    <t>④1日の平均労働時間が４時間30分以上５時間未満</t>
    <rPh sb="2" eb="3">
      <t>ニチ</t>
    </rPh>
    <rPh sb="4" eb="6">
      <t>ヘイキン</t>
    </rPh>
    <rPh sb="6" eb="8">
      <t>ロウドウ</t>
    </rPh>
    <rPh sb="8" eb="10">
      <t>ジカン</t>
    </rPh>
    <rPh sb="12" eb="14">
      <t>ジカン</t>
    </rPh>
    <rPh sb="16" eb="17">
      <t>フン</t>
    </rPh>
    <rPh sb="17" eb="19">
      <t>イジョウ</t>
    </rPh>
    <rPh sb="20" eb="22">
      <t>ジカン</t>
    </rPh>
    <rPh sb="22" eb="24">
      <t>ミマン</t>
    </rPh>
    <phoneticPr fontId="84"/>
  </si>
  <si>
    <t>　　　１回以上の場合</t>
    <rPh sb="4" eb="5">
      <t>カイ</t>
    </rPh>
    <rPh sb="5" eb="7">
      <t>イジョウ</t>
    </rPh>
    <rPh sb="8" eb="10">
      <t>バアイ</t>
    </rPh>
    <phoneticPr fontId="84"/>
  </si>
  <si>
    <t>⑤1日の平均労働時間が４時間以上４時間30分未満</t>
    <rPh sb="2" eb="3">
      <t>ニチ</t>
    </rPh>
    <rPh sb="4" eb="6">
      <t>ヘイキン</t>
    </rPh>
    <rPh sb="6" eb="8">
      <t>ロウドウ</t>
    </rPh>
    <rPh sb="8" eb="10">
      <t>ジカン</t>
    </rPh>
    <rPh sb="12" eb="14">
      <t>ジカン</t>
    </rPh>
    <rPh sb="14" eb="16">
      <t>イジョウ</t>
    </rPh>
    <rPh sb="17" eb="19">
      <t>ジカン</t>
    </rPh>
    <rPh sb="21" eb="22">
      <t>フン</t>
    </rPh>
    <rPh sb="22" eb="24">
      <t>ミマン</t>
    </rPh>
    <phoneticPr fontId="84"/>
  </si>
  <si>
    <t>③視察・実習の実施又は受け入れ</t>
    <rPh sb="1" eb="3">
      <t>シサツ</t>
    </rPh>
    <rPh sb="4" eb="6">
      <t>ジッシュウ</t>
    </rPh>
    <rPh sb="7" eb="9">
      <t>ジッシ</t>
    </rPh>
    <rPh sb="9" eb="10">
      <t>マタ</t>
    </rPh>
    <rPh sb="11" eb="12">
      <t>ウ</t>
    </rPh>
    <rPh sb="13" eb="14">
      <t>イ</t>
    </rPh>
    <phoneticPr fontId="84"/>
  </si>
  <si>
    <t>⑥1日の平均労働時間が３時間以上４時間未満</t>
    <rPh sb="2" eb="3">
      <t>ニチ</t>
    </rPh>
    <rPh sb="4" eb="6">
      <t>ヘイキン</t>
    </rPh>
    <rPh sb="6" eb="8">
      <t>ロウドウ</t>
    </rPh>
    <rPh sb="8" eb="10">
      <t>ジカン</t>
    </rPh>
    <rPh sb="12" eb="14">
      <t>ジカン</t>
    </rPh>
    <rPh sb="14" eb="16">
      <t>イジョウ</t>
    </rPh>
    <rPh sb="17" eb="19">
      <t>ジカン</t>
    </rPh>
    <rPh sb="19" eb="21">
      <t>ミマン</t>
    </rPh>
    <phoneticPr fontId="84"/>
  </si>
  <si>
    <t>　　　 いずれか一方のみの取組を行っている</t>
    <rPh sb="8" eb="10">
      <t>イッポウ</t>
    </rPh>
    <rPh sb="13" eb="15">
      <t>トリクミ</t>
    </rPh>
    <rPh sb="16" eb="17">
      <t>オコナ</t>
    </rPh>
    <phoneticPr fontId="84"/>
  </si>
  <si>
    <t>⑦1日の平均労働時間が２時間以上３時間未満</t>
    <rPh sb="2" eb="3">
      <t>ニチ</t>
    </rPh>
    <rPh sb="4" eb="6">
      <t>ヘイキン</t>
    </rPh>
    <rPh sb="6" eb="8">
      <t>ロウドウ</t>
    </rPh>
    <rPh sb="8" eb="10">
      <t>ジカン</t>
    </rPh>
    <rPh sb="12" eb="14">
      <t>ジカン</t>
    </rPh>
    <rPh sb="14" eb="16">
      <t>イジョウ</t>
    </rPh>
    <rPh sb="17" eb="19">
      <t>ジカン</t>
    </rPh>
    <rPh sb="19" eb="21">
      <t>ミマン</t>
    </rPh>
    <phoneticPr fontId="84"/>
  </si>
  <si>
    <t>⑧1日の平均労働時間が２時間未満</t>
    <rPh sb="2" eb="3">
      <t>ニチ</t>
    </rPh>
    <rPh sb="4" eb="6">
      <t>ヘイキン</t>
    </rPh>
    <rPh sb="6" eb="8">
      <t>ロウドウ</t>
    </rPh>
    <rPh sb="8" eb="10">
      <t>ジカン</t>
    </rPh>
    <rPh sb="12" eb="14">
      <t>ジカン</t>
    </rPh>
    <rPh sb="14" eb="16">
      <t>ミマン</t>
    </rPh>
    <phoneticPr fontId="84"/>
  </si>
  <si>
    <t>点</t>
    <rPh sb="0" eb="1">
      <t>テン</t>
    </rPh>
    <phoneticPr fontId="84"/>
  </si>
  <si>
    <t>①90点 ②80点 ③65点 ④55 点 ⑤40点 ⑥30点 ⑦20点 ⑧5点</t>
    <rPh sb="3" eb="4">
      <t>テン</t>
    </rPh>
    <rPh sb="8" eb="9">
      <t>テン</t>
    </rPh>
    <rPh sb="13" eb="14">
      <t>テン</t>
    </rPh>
    <rPh sb="19" eb="20">
      <t>テン</t>
    </rPh>
    <rPh sb="24" eb="25">
      <t>テン</t>
    </rPh>
    <rPh sb="29" eb="30">
      <t>テン</t>
    </rPh>
    <rPh sb="34" eb="35">
      <t>テン</t>
    </rPh>
    <rPh sb="38" eb="39">
      <t>テン</t>
    </rPh>
    <phoneticPr fontId="84"/>
  </si>
  <si>
    <t>（Ⅱ）生産活動</t>
    <rPh sb="3" eb="5">
      <t>セイサン</t>
    </rPh>
    <rPh sb="5" eb="7">
      <t>カツドウ</t>
    </rPh>
    <phoneticPr fontId="84"/>
  </si>
  <si>
    <t>　　　人事評価結果に基づき定期に昇給を判定する
　　　制度を設け、全ての職員に周知している</t>
    <rPh sb="3" eb="5">
      <t>ジンジ</t>
    </rPh>
    <rPh sb="5" eb="7">
      <t>ヒョウカ</t>
    </rPh>
    <rPh sb="7" eb="9">
      <t>ケッカ</t>
    </rPh>
    <rPh sb="10" eb="11">
      <t>モト</t>
    </rPh>
    <rPh sb="13" eb="15">
      <t>テイキ</t>
    </rPh>
    <rPh sb="16" eb="18">
      <t>ショウキュウ</t>
    </rPh>
    <rPh sb="19" eb="21">
      <t>ハンテイ</t>
    </rPh>
    <rPh sb="27" eb="29">
      <t>セイド</t>
    </rPh>
    <rPh sb="30" eb="31">
      <t>モウ</t>
    </rPh>
    <rPh sb="33" eb="34">
      <t>スベ</t>
    </rPh>
    <rPh sb="36" eb="38">
      <t>ショクイン</t>
    </rPh>
    <rPh sb="39" eb="41">
      <t>シュウチ</t>
    </rPh>
    <phoneticPr fontId="84"/>
  </si>
  <si>
    <t>①過去３年の生産活動収支がそれぞれ当該各年度に利用者に支払う賃金の総額以上</t>
    <rPh sb="0" eb="37">
      <t>セイサンカツドウシュウシトウガイカクネンドリヨウシャシハラチンギンソウガクイジョウ</t>
    </rPh>
    <phoneticPr fontId="84"/>
  </si>
  <si>
    <t>②過去３年の生産活動収支のうち前年度及び前々年度の各年度における生産活動収支がそれぞれ当該各年度に利用者に支払う賃金の総額以上</t>
    <rPh sb="59" eb="61">
      <t>ソウガク</t>
    </rPh>
    <rPh sb="61" eb="63">
      <t>イジョウ</t>
    </rPh>
    <phoneticPr fontId="84"/>
  </si>
  <si>
    <t>　　　ピアサポーターを職員として配置している</t>
    <rPh sb="11" eb="13">
      <t>ショクイン</t>
    </rPh>
    <rPh sb="16" eb="18">
      <t>ハイチ</t>
    </rPh>
    <phoneticPr fontId="84"/>
  </si>
  <si>
    <t>③過去３年の生産活動収支のうち前年度における生産活動収支のみが前年度に利用者に支払う賃金の総額以上</t>
    <phoneticPr fontId="84"/>
  </si>
  <si>
    <t>⑦第三者評価</t>
    <rPh sb="1" eb="2">
      <t>ダイ</t>
    </rPh>
    <rPh sb="2" eb="4">
      <t>サンシャ</t>
    </rPh>
    <rPh sb="4" eb="6">
      <t>ヒョウカ</t>
    </rPh>
    <phoneticPr fontId="84"/>
  </si>
  <si>
    <t>　　　過去３年以内の福祉サービス第三者評価を
　　　受審しており、結果を公表している。</t>
    <rPh sb="3" eb="5">
      <t>カコ</t>
    </rPh>
    <rPh sb="6" eb="7">
      <t>ネン</t>
    </rPh>
    <rPh sb="7" eb="9">
      <t>イナイ</t>
    </rPh>
    <rPh sb="10" eb="12">
      <t>フクシ</t>
    </rPh>
    <rPh sb="16" eb="19">
      <t>ダイサンシャ</t>
    </rPh>
    <rPh sb="19" eb="21">
      <t>ヒョウカ</t>
    </rPh>
    <rPh sb="26" eb="28">
      <t>ジュシン</t>
    </rPh>
    <rPh sb="33" eb="35">
      <t>ケッカ</t>
    </rPh>
    <rPh sb="36" eb="38">
      <t>コウヒョウ</t>
    </rPh>
    <phoneticPr fontId="84"/>
  </si>
  <si>
    <t>④過去３年の生産活動収支のうち前々年度における生産活動収支のみが前々年度に利用者に支払う賃金の総額以上</t>
    <phoneticPr fontId="84"/>
  </si>
  <si>
    <t>⑧国際標準化規格が定めた規格等の認証等</t>
    <rPh sb="1" eb="3">
      <t>コクサイ</t>
    </rPh>
    <rPh sb="3" eb="6">
      <t>ヒョウジュンカ</t>
    </rPh>
    <rPh sb="6" eb="8">
      <t>キカク</t>
    </rPh>
    <rPh sb="9" eb="10">
      <t>サダ</t>
    </rPh>
    <rPh sb="12" eb="14">
      <t>キカク</t>
    </rPh>
    <rPh sb="14" eb="15">
      <t>トウ</t>
    </rPh>
    <rPh sb="16" eb="18">
      <t>ニンショウ</t>
    </rPh>
    <rPh sb="18" eb="19">
      <t>トウ</t>
    </rPh>
    <phoneticPr fontId="84"/>
  </si>
  <si>
    <t>⑤過去３年の生産活動収支のうち前年度及び前々年度の各年度における生産活動収支がいずれも当該各年度に利用者に支払う賃金の総額未満</t>
    <phoneticPr fontId="84"/>
  </si>
  <si>
    <t>　　　都道府県知事が適当と認める国際標準化規格が定めた
　　　規格その他これに準ずるものの認証を受けている</t>
    <rPh sb="3" eb="7">
      <t>トドウフケン</t>
    </rPh>
    <rPh sb="7" eb="9">
      <t>チジ</t>
    </rPh>
    <rPh sb="10" eb="12">
      <t>テキトウ</t>
    </rPh>
    <rPh sb="13" eb="14">
      <t>ミト</t>
    </rPh>
    <rPh sb="16" eb="18">
      <t>コクサイ</t>
    </rPh>
    <rPh sb="18" eb="21">
      <t>ヒョウジュンカ</t>
    </rPh>
    <rPh sb="21" eb="23">
      <t>キカク</t>
    </rPh>
    <rPh sb="24" eb="25">
      <t>サダ</t>
    </rPh>
    <rPh sb="31" eb="33">
      <t>キカク</t>
    </rPh>
    <rPh sb="35" eb="36">
      <t>ホカ</t>
    </rPh>
    <rPh sb="39" eb="40">
      <t>ジュン</t>
    </rPh>
    <rPh sb="45" eb="47">
      <t>ニンショウ</t>
    </rPh>
    <rPh sb="48" eb="49">
      <t>ウ</t>
    </rPh>
    <phoneticPr fontId="84"/>
  </si>
  <si>
    <t>⑥過去３年の生産活動収支がいずれも当該各年度に利用者に支払う賃金の総額未満</t>
    <phoneticPr fontId="84"/>
  </si>
  <si>
    <t>小計（注2）</t>
    <rPh sb="0" eb="2">
      <t>ショウケイ</t>
    </rPh>
    <rPh sb="3" eb="4">
      <t>チュウ</t>
    </rPh>
    <phoneticPr fontId="84"/>
  </si>
  <si>
    <t>（※）８項目の合計点に応じた点数</t>
    <phoneticPr fontId="84"/>
  </si>
  <si>
    <t>（注2）5以上:15点、4～3：5点、2点以下：0点</t>
    <phoneticPr fontId="84"/>
  </si>
  <si>
    <t>①60点 ②50点 ③40点 ④20点 ⑤－10点 ⑥－20点</t>
    <rPh sb="3" eb="4">
      <t>テン</t>
    </rPh>
    <rPh sb="8" eb="9">
      <t>テン</t>
    </rPh>
    <rPh sb="13" eb="14">
      <t>テン</t>
    </rPh>
    <rPh sb="18" eb="19">
      <t>テン</t>
    </rPh>
    <phoneticPr fontId="84"/>
  </si>
  <si>
    <t>（Ⅴ）地域連携活動</t>
  </si>
  <si>
    <t>（Ⅲ）多様な働き方（※）</t>
    <rPh sb="3" eb="5">
      <t>タヨウ</t>
    </rPh>
    <rPh sb="6" eb="7">
      <t>ハタラ</t>
    </rPh>
    <rPh sb="8" eb="9">
      <t>カタ</t>
    </rPh>
    <phoneticPr fontId="84"/>
  </si>
  <si>
    <t>地域の事業者と連携した付加価値の高い商品開発、企業や官公庁等での生産活動等地域社会と連携した活動を行い、その結果をインターネット等により公表している</t>
    <rPh sb="0" eb="2">
      <t>チイキ</t>
    </rPh>
    <rPh sb="3" eb="6">
      <t>ジギョウシャ</t>
    </rPh>
    <rPh sb="7" eb="9">
      <t>レンケイ</t>
    </rPh>
    <rPh sb="11" eb="13">
      <t>フカ</t>
    </rPh>
    <rPh sb="13" eb="15">
      <t>カチ</t>
    </rPh>
    <rPh sb="16" eb="17">
      <t>タカ</t>
    </rPh>
    <rPh sb="18" eb="20">
      <t>ショウヒン</t>
    </rPh>
    <rPh sb="20" eb="22">
      <t>カイハツ</t>
    </rPh>
    <rPh sb="23" eb="25">
      <t>キギョウ</t>
    </rPh>
    <rPh sb="26" eb="29">
      <t>カンコウチョウ</t>
    </rPh>
    <rPh sb="29" eb="30">
      <t>トウ</t>
    </rPh>
    <rPh sb="32" eb="34">
      <t>セイサン</t>
    </rPh>
    <rPh sb="34" eb="36">
      <t>カツドウ</t>
    </rPh>
    <rPh sb="36" eb="37">
      <t>トウ</t>
    </rPh>
    <rPh sb="37" eb="39">
      <t>チイキ</t>
    </rPh>
    <rPh sb="39" eb="41">
      <t>シャカイ</t>
    </rPh>
    <rPh sb="42" eb="44">
      <t>レンケイ</t>
    </rPh>
    <rPh sb="46" eb="48">
      <t>カツドウ</t>
    </rPh>
    <rPh sb="49" eb="50">
      <t>オコナ</t>
    </rPh>
    <rPh sb="54" eb="56">
      <t>ケッカ</t>
    </rPh>
    <rPh sb="64" eb="65">
      <t>トウ</t>
    </rPh>
    <rPh sb="68" eb="70">
      <t>コウヒョウ</t>
    </rPh>
    <phoneticPr fontId="84"/>
  </si>
  <si>
    <t>　　　　　就業規則等で定めている</t>
    <rPh sb="5" eb="7">
      <t>シュウギョウ</t>
    </rPh>
    <rPh sb="7" eb="9">
      <t>キソク</t>
    </rPh>
    <rPh sb="9" eb="10">
      <t>トウ</t>
    </rPh>
    <rPh sb="11" eb="12">
      <t>サダ</t>
    </rPh>
    <phoneticPr fontId="84"/>
  </si>
  <si>
    <t>②利用者を職員として登用する制度</t>
    <phoneticPr fontId="84"/>
  </si>
  <si>
    <t>1事例以上ある場合:10点</t>
    <rPh sb="1" eb="3">
      <t>ジレイ</t>
    </rPh>
    <rPh sb="3" eb="5">
      <t>イジョウ</t>
    </rPh>
    <rPh sb="7" eb="9">
      <t>バアイ</t>
    </rPh>
    <rPh sb="12" eb="13">
      <t>テン</t>
    </rPh>
    <phoneticPr fontId="84"/>
  </si>
  <si>
    <t>（Ⅵ）経営改善計画</t>
    <rPh sb="3" eb="5">
      <t>ケイエイ</t>
    </rPh>
    <rPh sb="5" eb="7">
      <t>カイゼン</t>
    </rPh>
    <rPh sb="7" eb="9">
      <t>ケイカク</t>
    </rPh>
    <phoneticPr fontId="84"/>
  </si>
  <si>
    <t>③在宅勤務に係る労働条件及び服務規律</t>
    <rPh sb="1" eb="3">
      <t>ザイタク</t>
    </rPh>
    <rPh sb="3" eb="5">
      <t>キンム</t>
    </rPh>
    <rPh sb="6" eb="7">
      <t>カカ</t>
    </rPh>
    <rPh sb="8" eb="10">
      <t>ロウドウ</t>
    </rPh>
    <rPh sb="10" eb="12">
      <t>ジョウケン</t>
    </rPh>
    <rPh sb="12" eb="13">
      <t>オヨ</t>
    </rPh>
    <rPh sb="14" eb="16">
      <t>フクム</t>
    </rPh>
    <rPh sb="16" eb="18">
      <t>キリツ</t>
    </rPh>
    <phoneticPr fontId="84"/>
  </si>
  <si>
    <t>経営改善計画の提出を求められていない。または、経営改善計画の提出を求められているが、指定された期日までに提出している。</t>
    <rPh sb="7" eb="9">
      <t>テイシュツ</t>
    </rPh>
    <rPh sb="10" eb="11">
      <t>モト</t>
    </rPh>
    <rPh sb="23" eb="25">
      <t>ケイエイ</t>
    </rPh>
    <rPh sb="25" eb="27">
      <t>カイゼン</t>
    </rPh>
    <rPh sb="27" eb="29">
      <t>ケイカク</t>
    </rPh>
    <rPh sb="30" eb="32">
      <t>テイシュツ</t>
    </rPh>
    <rPh sb="33" eb="34">
      <t>モト</t>
    </rPh>
    <rPh sb="42" eb="44">
      <t>シテイ</t>
    </rPh>
    <rPh sb="47" eb="49">
      <t>キジツ</t>
    </rPh>
    <rPh sb="52" eb="54">
      <t>テイシュツ</t>
    </rPh>
    <phoneticPr fontId="84"/>
  </si>
  <si>
    <t>④フレックスタイム制に係る労働条件</t>
    <rPh sb="9" eb="10">
      <t>セイ</t>
    </rPh>
    <rPh sb="11" eb="12">
      <t>カカ</t>
    </rPh>
    <rPh sb="13" eb="15">
      <t>ロウドウ</t>
    </rPh>
    <rPh sb="15" eb="17">
      <t>ジョウケン</t>
    </rPh>
    <phoneticPr fontId="84"/>
  </si>
  <si>
    <t>期限内に提出していない場合:-50点</t>
    <rPh sb="0" eb="3">
      <t>キゲンナイ</t>
    </rPh>
    <rPh sb="4" eb="6">
      <t>テイシュツ</t>
    </rPh>
    <rPh sb="11" eb="13">
      <t>バアイ</t>
    </rPh>
    <rPh sb="17" eb="18">
      <t>テン</t>
    </rPh>
    <phoneticPr fontId="84"/>
  </si>
  <si>
    <t>（Ⅶ）利用者の知識・能力向上</t>
    <rPh sb="3" eb="6">
      <t>リヨウシャ</t>
    </rPh>
    <rPh sb="7" eb="9">
      <t>チシキ</t>
    </rPh>
    <rPh sb="10" eb="12">
      <t>ノウリョク</t>
    </rPh>
    <rPh sb="12" eb="14">
      <t>コウジョウ</t>
    </rPh>
    <phoneticPr fontId="84"/>
  </si>
  <si>
    <t>前年度において、就労継続支援Ａ型事業所等が利用者の知識及び能力の向上に向けた支援を行い、当該支援の具体的な内容を記載した報告書を作成し、インターネットの利用その他の方法により公表している。</t>
    <phoneticPr fontId="84"/>
  </si>
  <si>
    <t>⑥時差出勤制度に係る労働条件</t>
    <rPh sb="1" eb="3">
      <t>ジサ</t>
    </rPh>
    <rPh sb="3" eb="5">
      <t>シュッキン</t>
    </rPh>
    <rPh sb="5" eb="7">
      <t>セイド</t>
    </rPh>
    <rPh sb="8" eb="9">
      <t>カカ</t>
    </rPh>
    <rPh sb="10" eb="12">
      <t>ロウドウ</t>
    </rPh>
    <rPh sb="12" eb="14">
      <t>ジョウケン</t>
    </rPh>
    <phoneticPr fontId="84"/>
  </si>
  <si>
    <t>小計（注1）</t>
    <rPh sb="0" eb="2">
      <t>ショウケイ</t>
    </rPh>
    <rPh sb="3" eb="4">
      <t>チュウ</t>
    </rPh>
    <phoneticPr fontId="84"/>
  </si>
  <si>
    <t>（※）８項目の合計点に応じた点数</t>
    <rPh sb="14" eb="16">
      <t>テンスウ</t>
    </rPh>
    <phoneticPr fontId="84"/>
  </si>
  <si>
    <t>（注1）5以上:15点、4～3：5点、2点以下：0点</t>
    <rPh sb="1" eb="2">
      <t>チュウ</t>
    </rPh>
    <rPh sb="5" eb="7">
      <t>イジョウ</t>
    </rPh>
    <rPh sb="10" eb="11">
      <t>テン</t>
    </rPh>
    <rPh sb="17" eb="18">
      <t>テン</t>
    </rPh>
    <rPh sb="20" eb="21">
      <t>テン</t>
    </rPh>
    <rPh sb="21" eb="23">
      <t>イカ</t>
    </rPh>
    <rPh sb="25" eb="26">
      <t>テン</t>
    </rPh>
    <phoneticPr fontId="84"/>
  </si>
  <si>
    <t>点数</t>
    <rPh sb="0" eb="2">
      <t>テンスウ</t>
    </rPh>
    <phoneticPr fontId="84"/>
  </si>
  <si>
    <t>労働時間</t>
    <phoneticPr fontId="84"/>
  </si>
  <si>
    <t>5点</t>
    <rPh sb="1" eb="2">
      <t>テン</t>
    </rPh>
    <phoneticPr fontId="84"/>
  </si>
  <si>
    <t>20点</t>
    <rPh sb="2" eb="3">
      <t>テン</t>
    </rPh>
    <phoneticPr fontId="84"/>
  </si>
  <si>
    <t>30点</t>
    <rPh sb="2" eb="3">
      <t>テン</t>
    </rPh>
    <phoneticPr fontId="84"/>
  </si>
  <si>
    <t>40点</t>
    <rPh sb="2" eb="3">
      <t>テン</t>
    </rPh>
    <phoneticPr fontId="84"/>
  </si>
  <si>
    <t>55点</t>
    <rPh sb="2" eb="3">
      <t>テン</t>
    </rPh>
    <phoneticPr fontId="84"/>
  </si>
  <si>
    <t>65点</t>
    <rPh sb="2" eb="3">
      <t>テン</t>
    </rPh>
    <phoneticPr fontId="84"/>
  </si>
  <si>
    <t>80点</t>
    <rPh sb="2" eb="3">
      <t>テン</t>
    </rPh>
    <phoneticPr fontId="84"/>
  </si>
  <si>
    <t>90点</t>
    <rPh sb="2" eb="3">
      <t>テン</t>
    </rPh>
    <phoneticPr fontId="84"/>
  </si>
  <si>
    <t>生産活動</t>
    <phoneticPr fontId="84"/>
  </si>
  <si>
    <t>⁻20点</t>
    <phoneticPr fontId="84"/>
  </si>
  <si>
    <t>⁻10点</t>
    <rPh sb="3" eb="4">
      <t>テン</t>
    </rPh>
    <phoneticPr fontId="84"/>
  </si>
  <si>
    <t>50点</t>
    <rPh sb="2" eb="3">
      <t>テン</t>
    </rPh>
    <phoneticPr fontId="84"/>
  </si>
  <si>
    <t>60点</t>
    <rPh sb="2" eb="3">
      <t>テン</t>
    </rPh>
    <phoneticPr fontId="84"/>
  </si>
  <si>
    <t>合計</t>
    <rPh sb="0" eb="2">
      <t>ゴウケイ</t>
    </rPh>
    <phoneticPr fontId="84"/>
  </si>
  <si>
    <t>多様な働き方</t>
    <phoneticPr fontId="84"/>
  </si>
  <si>
    <t>0点</t>
    <rPh sb="1" eb="2">
      <t>テン</t>
    </rPh>
    <phoneticPr fontId="84"/>
  </si>
  <si>
    <t>15点</t>
    <rPh sb="2" eb="3">
      <t>テン</t>
    </rPh>
    <phoneticPr fontId="84"/>
  </si>
  <si>
    <t>／２００点</t>
    <rPh sb="4" eb="5">
      <t>テン</t>
    </rPh>
    <phoneticPr fontId="84"/>
  </si>
  <si>
    <t>支援力向上</t>
    <phoneticPr fontId="84"/>
  </si>
  <si>
    <t>地域連携活動</t>
    <phoneticPr fontId="84"/>
  </si>
  <si>
    <t>10点</t>
    <rPh sb="2" eb="3">
      <t>テン</t>
    </rPh>
    <phoneticPr fontId="84"/>
  </si>
  <si>
    <t>経営改善計画</t>
    <rPh sb="0" eb="2">
      <t>ケイエイ</t>
    </rPh>
    <rPh sb="2" eb="4">
      <t>カイゼン</t>
    </rPh>
    <rPh sb="4" eb="6">
      <t>ケイカク</t>
    </rPh>
    <phoneticPr fontId="84"/>
  </si>
  <si>
    <t>⁻50点</t>
    <rPh sb="3" eb="4">
      <t>テン</t>
    </rPh>
    <phoneticPr fontId="84"/>
  </si>
  <si>
    <t>利用者の知識・能力向上</t>
    <rPh sb="0" eb="3">
      <t>リヨウシャ</t>
    </rPh>
    <rPh sb="4" eb="6">
      <t>チシキ</t>
    </rPh>
    <rPh sb="7" eb="9">
      <t>ノウリョク</t>
    </rPh>
    <rPh sb="9" eb="11">
      <t>コウジョウ</t>
    </rPh>
    <phoneticPr fontId="84"/>
  </si>
  <si>
    <t>様式２－２</t>
    <rPh sb="0" eb="2">
      <t>ヨウシキ</t>
    </rPh>
    <phoneticPr fontId="84"/>
  </si>
  <si>
    <t>就労継続支援Ａ型事業所におけるスコア表（実績Ⅰ～Ⅳ、Ⅵ）</t>
    <rPh sb="20" eb="22">
      <t>ジッセキ</t>
    </rPh>
    <phoneticPr fontId="84"/>
  </si>
  <si>
    <t>（Ⅰ）労働時間</t>
    <phoneticPr fontId="84"/>
  </si>
  <si>
    <t>（Ⅱ）生産活動</t>
    <phoneticPr fontId="84"/>
  </si>
  <si>
    <t>　</t>
    <phoneticPr fontId="84"/>
  </si>
  <si>
    <t>前々々年度（　　　年度）</t>
    <rPh sb="0" eb="2">
      <t>ゼンゼン</t>
    </rPh>
    <rPh sb="3" eb="5">
      <t>ネンド</t>
    </rPh>
    <rPh sb="9" eb="11">
      <t>ネンド</t>
    </rPh>
    <phoneticPr fontId="84"/>
  </si>
  <si>
    <r>
      <t>前年度（　年度）における取組</t>
    </r>
    <r>
      <rPr>
        <sz val="8"/>
        <color theme="1"/>
        <rFont val="ＭＳ ゴシック"/>
        <family val="3"/>
        <charset val="128"/>
      </rPr>
      <t>（</t>
    </r>
    <r>
      <rPr>
        <u/>
        <sz val="8"/>
        <color theme="1"/>
        <rFont val="ＭＳ ゴシック"/>
        <family val="3"/>
        <charset val="128"/>
      </rPr>
      <t>全体表「（Ⅲ）多様な働き方」の各項目において「就業規則等で定めている」と選択した場合に記載</t>
    </r>
    <r>
      <rPr>
        <sz val="8"/>
        <color theme="1"/>
        <rFont val="ＭＳ ゴシック"/>
        <family val="3"/>
        <charset val="128"/>
      </rPr>
      <t>）</t>
    </r>
    <rPh sb="0" eb="3">
      <t>ゼンネンド</t>
    </rPh>
    <rPh sb="5" eb="7">
      <t>ネンド</t>
    </rPh>
    <rPh sb="12" eb="14">
      <t>トリクミ</t>
    </rPh>
    <rPh sb="15" eb="17">
      <t>ゼンタイ</t>
    </rPh>
    <rPh sb="17" eb="18">
      <t>ヒョウ</t>
    </rPh>
    <rPh sb="22" eb="24">
      <t>タヨウ</t>
    </rPh>
    <rPh sb="25" eb="26">
      <t>ハタラ</t>
    </rPh>
    <rPh sb="27" eb="28">
      <t>カタ</t>
    </rPh>
    <rPh sb="30" eb="33">
      <t>カクコウモク</t>
    </rPh>
    <rPh sb="38" eb="40">
      <t>シュウギョウ</t>
    </rPh>
    <rPh sb="40" eb="42">
      <t>キソク</t>
    </rPh>
    <rPh sb="42" eb="43">
      <t>トウ</t>
    </rPh>
    <rPh sb="44" eb="45">
      <t>サダ</t>
    </rPh>
    <rPh sb="51" eb="53">
      <t>センタク</t>
    </rPh>
    <rPh sb="55" eb="57">
      <t>バアイ</t>
    </rPh>
    <rPh sb="58" eb="60">
      <t>キサイ</t>
    </rPh>
    <phoneticPr fontId="84"/>
  </si>
  <si>
    <t>②利用者を職員として登用する制度</t>
    <phoneticPr fontId="84"/>
  </si>
  <si>
    <t>③在宅勤務に係る労働条件及び服務規律</t>
    <phoneticPr fontId="84"/>
  </si>
  <si>
    <t>◎利用者を職員として登用する制度を</t>
    <phoneticPr fontId="84"/>
  </si>
  <si>
    <t>在宅勤務に係る労働条件及び服務規律</t>
  </si>
  <si>
    <t>に関する制度を定めている</t>
    <rPh sb="7" eb="8">
      <t>サダ</t>
    </rPh>
    <phoneticPr fontId="84"/>
  </si>
  <si>
    <t>定めている</t>
    <phoneticPr fontId="84"/>
  </si>
  <si>
    <t>に関する制度を定めている</t>
    <rPh sb="1" eb="2">
      <t>カン</t>
    </rPh>
    <rPh sb="4" eb="6">
      <t>セイド</t>
    </rPh>
    <rPh sb="7" eb="8">
      <t>サダ</t>
    </rPh>
    <phoneticPr fontId="84"/>
  </si>
  <si>
    <t>◎フレックスタイム制に係る労働条件を</t>
    <rPh sb="9" eb="10">
      <t>セイ</t>
    </rPh>
    <rPh sb="11" eb="12">
      <t>カカ</t>
    </rPh>
    <rPh sb="13" eb="15">
      <t>ロウドウ</t>
    </rPh>
    <rPh sb="15" eb="17">
      <t>ジョウケン</t>
    </rPh>
    <phoneticPr fontId="84"/>
  </si>
  <si>
    <t>◎短時間勤務に係る労働条件を</t>
    <rPh sb="1" eb="4">
      <t>タンジカン</t>
    </rPh>
    <rPh sb="4" eb="6">
      <t>キンム</t>
    </rPh>
    <rPh sb="7" eb="8">
      <t>カカ</t>
    </rPh>
    <rPh sb="9" eb="11">
      <t>ロウドウ</t>
    </rPh>
    <rPh sb="11" eb="13">
      <t>ジョウケンニンズウ</t>
    </rPh>
    <phoneticPr fontId="84"/>
  </si>
  <si>
    <t>◎時差出勤制度に係る労働条件を</t>
    <rPh sb="1" eb="3">
      <t>ジサ</t>
    </rPh>
    <rPh sb="3" eb="5">
      <t>シュッキン</t>
    </rPh>
    <rPh sb="5" eb="7">
      <t>セイド</t>
    </rPh>
    <rPh sb="8" eb="9">
      <t>カカ</t>
    </rPh>
    <rPh sb="10" eb="12">
      <t>ロウドウ</t>
    </rPh>
    <rPh sb="12" eb="14">
      <t>ジョウケンニンズウ</t>
    </rPh>
    <phoneticPr fontId="84"/>
  </si>
  <si>
    <t>定めている</t>
    <rPh sb="0" eb="1">
      <t>サダ</t>
    </rPh>
    <phoneticPr fontId="84"/>
  </si>
  <si>
    <t>◎有給休暇の時間単位取得または、計画的付与制度</t>
    <rPh sb="1" eb="3">
      <t>ユウキュウ</t>
    </rPh>
    <rPh sb="3" eb="5">
      <t>キュウカ</t>
    </rPh>
    <rPh sb="6" eb="8">
      <t>ジカン</t>
    </rPh>
    <rPh sb="8" eb="10">
      <t>タンイ</t>
    </rPh>
    <rPh sb="10" eb="12">
      <t>シュトク</t>
    </rPh>
    <rPh sb="16" eb="19">
      <t>ケイカクテキ</t>
    </rPh>
    <rPh sb="19" eb="21">
      <t>フヨ</t>
    </rPh>
    <rPh sb="21" eb="23">
      <t>セイド</t>
    </rPh>
    <phoneticPr fontId="84"/>
  </si>
  <si>
    <t>◎傷病休暇等の取得に関する事項を</t>
    <rPh sb="1" eb="3">
      <t>ショウビョウ</t>
    </rPh>
    <rPh sb="3" eb="5">
      <t>キュウカ</t>
    </rPh>
    <rPh sb="5" eb="6">
      <t>トウ</t>
    </rPh>
    <rPh sb="7" eb="9">
      <t>シュトク</t>
    </rPh>
    <rPh sb="10" eb="11">
      <t>ニンズウ</t>
    </rPh>
    <phoneticPr fontId="84"/>
  </si>
  <si>
    <t>を定めている</t>
    <rPh sb="1" eb="2">
      <t>サダ</t>
    </rPh>
    <phoneticPr fontId="84"/>
  </si>
  <si>
    <t>（Ⅳ）　支援力向上</t>
    <phoneticPr fontId="84"/>
  </si>
  <si>
    <r>
      <t>前年度（　年度）における取組</t>
    </r>
    <r>
      <rPr>
        <sz val="8"/>
        <color theme="1"/>
        <rFont val="ＭＳ ゴシック"/>
        <family val="3"/>
        <charset val="128"/>
      </rPr>
      <t>（</t>
    </r>
    <r>
      <rPr>
        <u/>
        <sz val="8"/>
        <color theme="1"/>
        <rFont val="ＭＳ ゴシック"/>
        <family val="3"/>
        <charset val="128"/>
      </rPr>
      <t>全体表「（Ⅳ）支援力向上」の各項目に取組あり選択とした場合に記載</t>
    </r>
    <r>
      <rPr>
        <sz val="8"/>
        <color theme="1"/>
        <rFont val="ＭＳ ゴシック"/>
        <family val="3"/>
        <charset val="128"/>
      </rPr>
      <t>）</t>
    </r>
    <rPh sb="0" eb="3">
      <t>ゼンネンド</t>
    </rPh>
    <rPh sb="5" eb="7">
      <t>ネンド</t>
    </rPh>
    <rPh sb="12" eb="14">
      <t>トリクミ</t>
    </rPh>
    <rPh sb="22" eb="24">
      <t>シエン</t>
    </rPh>
    <rPh sb="24" eb="25">
      <t>リョク</t>
    </rPh>
    <rPh sb="25" eb="27">
      <t>コウジョウ</t>
    </rPh>
    <rPh sb="33" eb="35">
      <t>トリクミ</t>
    </rPh>
    <rPh sb="37" eb="39">
      <t>センタク</t>
    </rPh>
    <phoneticPr fontId="84"/>
  </si>
  <si>
    <t>②研修、学会等又は学会誌等において発表</t>
    <phoneticPr fontId="84"/>
  </si>
  <si>
    <t>◎外部研修、もしくは内部研修を</t>
    <rPh sb="1" eb="3">
      <t>ガイブ</t>
    </rPh>
    <rPh sb="3" eb="5">
      <t>ケンシュウ</t>
    </rPh>
    <rPh sb="10" eb="12">
      <t>ナイブ</t>
    </rPh>
    <rPh sb="12" eb="14">
      <t>ケンシュウ</t>
    </rPh>
    <phoneticPr fontId="84"/>
  </si>
  <si>
    <t>　１回以上発表している</t>
    <rPh sb="2" eb="3">
      <t>カイ</t>
    </rPh>
    <rPh sb="3" eb="5">
      <t>イジョウ</t>
    </rPh>
    <rPh sb="5" eb="7">
      <t>ハッピョウ</t>
    </rPh>
    <phoneticPr fontId="84"/>
  </si>
  <si>
    <t>もしくは、他の事業所の視察・実習を受け入れている</t>
    <rPh sb="5" eb="6">
      <t>タ</t>
    </rPh>
    <rPh sb="7" eb="10">
      <t>ジギョウショ</t>
    </rPh>
    <rPh sb="11" eb="13">
      <t>シサツ</t>
    </rPh>
    <rPh sb="14" eb="16">
      <t>ジッシュウ</t>
    </rPh>
    <rPh sb="17" eb="18">
      <t>ウ</t>
    </rPh>
    <rPh sb="19" eb="20">
      <t>イ</t>
    </rPh>
    <phoneticPr fontId="84"/>
  </si>
  <si>
    <t>１回以上実施している。</t>
  </si>
  <si>
    <t>　</t>
    <phoneticPr fontId="84"/>
  </si>
  <si>
    <t>※研修名</t>
    <rPh sb="1" eb="3">
      <t>ケンシュウ</t>
    </rPh>
    <rPh sb="3" eb="4">
      <t>メイ</t>
    </rPh>
    <phoneticPr fontId="84"/>
  </si>
  <si>
    <r>
      <t xml:space="preserve">  </t>
    </r>
    <r>
      <rPr>
        <sz val="10"/>
        <color theme="1"/>
        <rFont val="ＭＳ ゴシック"/>
        <family val="3"/>
        <charset val="128"/>
      </rPr>
      <t>研修講師</t>
    </r>
    <rPh sb="2" eb="4">
      <t>ケンシュウ</t>
    </rPh>
    <rPh sb="4" eb="6">
      <t>コウシ</t>
    </rPh>
    <phoneticPr fontId="84"/>
  </si>
  <si>
    <t xml:space="preserve">  実施日・受講者数</t>
    <rPh sb="2" eb="4">
      <t>ジッシ</t>
    </rPh>
    <rPh sb="4" eb="5">
      <t>ビ</t>
    </rPh>
    <rPh sb="6" eb="9">
      <t>ジュコウシャ</t>
    </rPh>
    <rPh sb="9" eb="10">
      <t>スウ</t>
    </rPh>
    <phoneticPr fontId="84"/>
  </si>
  <si>
    <t>◎販路拡大の商談会や展示会等へ１回以上</t>
    <rPh sb="1" eb="3">
      <t>ハンロ</t>
    </rPh>
    <rPh sb="3" eb="5">
      <t>カクダイ</t>
    </rPh>
    <rPh sb="6" eb="9">
      <t>ショウダンカイ</t>
    </rPh>
    <rPh sb="10" eb="13">
      <t>テンジカイ</t>
    </rPh>
    <rPh sb="13" eb="14">
      <t>トウ</t>
    </rPh>
    <rPh sb="16" eb="17">
      <t>カイ</t>
    </rPh>
    <rPh sb="17" eb="19">
      <t>イジョウ</t>
    </rPh>
    <phoneticPr fontId="84"/>
  </si>
  <si>
    <t>参加している。</t>
    <rPh sb="0" eb="2">
      <t>サンカ</t>
    </rPh>
    <phoneticPr fontId="84"/>
  </si>
  <si>
    <t>　</t>
    <phoneticPr fontId="84"/>
  </si>
  <si>
    <t>⑧国際標準化規格が定めた規格等の認証等</t>
    <phoneticPr fontId="84"/>
  </si>
  <si>
    <t>　</t>
    <phoneticPr fontId="84"/>
  </si>
  <si>
    <t>（Ⅵ）　経営改善計画</t>
    <rPh sb="4" eb="6">
      <t>ケイエイ</t>
    </rPh>
    <rPh sb="6" eb="8">
      <t>カイゼン</t>
    </rPh>
    <rPh sb="8" eb="10">
      <t/>
    </rPh>
    <phoneticPr fontId="84"/>
  </si>
  <si>
    <t>◎指定権者である都道府県（指定都市・中核市）へ、</t>
    <rPh sb="1" eb="3">
      <t>シテイ</t>
    </rPh>
    <rPh sb="3" eb="4">
      <t>ケン</t>
    </rPh>
    <rPh sb="4" eb="5">
      <t>シャ</t>
    </rPh>
    <rPh sb="8" eb="12">
      <t>トドウフケン</t>
    </rPh>
    <rPh sb="13" eb="15">
      <t>シテイ</t>
    </rPh>
    <rPh sb="15" eb="17">
      <t>トシ</t>
    </rPh>
    <rPh sb="18" eb="21">
      <t>チュウカクシ</t>
    </rPh>
    <phoneticPr fontId="84"/>
  </si>
  <si>
    <t>　経営改善計画書へ提出した。</t>
    <phoneticPr fontId="84"/>
  </si>
  <si>
    <t>※受理日</t>
    <rPh sb="1" eb="3">
      <t>ジュリ</t>
    </rPh>
    <rPh sb="3" eb="4">
      <t>ヒ</t>
    </rPh>
    <phoneticPr fontId="84"/>
  </si>
  <si>
    <t>月</t>
    <rPh sb="0" eb="1">
      <t>ツキ</t>
    </rPh>
    <phoneticPr fontId="84"/>
  </si>
  <si>
    <t>日</t>
    <rPh sb="0" eb="1">
      <t>ヒ</t>
    </rPh>
    <phoneticPr fontId="84"/>
  </si>
  <si>
    <t>　</t>
    <phoneticPr fontId="84"/>
  </si>
  <si>
    <t>加算別紙４２-1</t>
    <rPh sb="0" eb="2">
      <t>カサン</t>
    </rPh>
    <rPh sb="2" eb="4">
      <t>ベッシ</t>
    </rPh>
    <phoneticPr fontId="6"/>
  </si>
  <si>
    <t>加算別紙４２-２</t>
    <rPh sb="0" eb="2">
      <t>カサン</t>
    </rPh>
    <rPh sb="2" eb="4">
      <t>ベッシ</t>
    </rPh>
    <phoneticPr fontId="6"/>
  </si>
  <si>
    <t>○</t>
  </si>
  <si>
    <t>就労継続支援Ａ型事業所における地域連携活動実施状況報告書</t>
    <rPh sb="0" eb="2">
      <t>シュウロウ</t>
    </rPh>
    <rPh sb="2" eb="4">
      <t>ケイゾク</t>
    </rPh>
    <rPh sb="4" eb="6">
      <t>シエン</t>
    </rPh>
    <rPh sb="7" eb="8">
      <t>ガタ</t>
    </rPh>
    <rPh sb="8" eb="11">
      <t>ジギョウショ</t>
    </rPh>
    <rPh sb="15" eb="17">
      <t>チイキ</t>
    </rPh>
    <rPh sb="21" eb="23">
      <t>ジッシ</t>
    </rPh>
    <rPh sb="23" eb="25">
      <t>ジョウキョウ</t>
    </rPh>
    <rPh sb="25" eb="28">
      <t>ホウコクショ</t>
    </rPh>
    <phoneticPr fontId="84"/>
  </si>
  <si>
    <t>地域連携活動の概要</t>
    <rPh sb="0" eb="2">
      <t>チイキ</t>
    </rPh>
    <rPh sb="2" eb="4">
      <t>レンケイ</t>
    </rPh>
    <rPh sb="4" eb="6">
      <t>カツドウ</t>
    </rPh>
    <rPh sb="7" eb="9">
      <t>ガイヨウ</t>
    </rPh>
    <phoneticPr fontId="84"/>
  </si>
  <si>
    <t>＜活動内容＞</t>
    <rPh sb="1" eb="3">
      <t>カツドウ</t>
    </rPh>
    <rPh sb="3" eb="5">
      <t>ナイヨウ</t>
    </rPh>
    <phoneticPr fontId="84"/>
  </si>
  <si>
    <t>＜活動の様子＞</t>
    <rPh sb="1" eb="3">
      <t>カツドウ</t>
    </rPh>
    <rPh sb="4" eb="6">
      <t>ヨウス</t>
    </rPh>
    <phoneticPr fontId="84"/>
  </si>
  <si>
    <t>活動場所</t>
    <rPh sb="0" eb="2">
      <t>カツドウ</t>
    </rPh>
    <rPh sb="2" eb="4">
      <t>バショ</t>
    </rPh>
    <phoneticPr fontId="84"/>
  </si>
  <si>
    <t>活動の様子の写真</t>
    <rPh sb="0" eb="2">
      <t>カツドウ</t>
    </rPh>
    <rPh sb="3" eb="5">
      <t>ヨウス</t>
    </rPh>
    <rPh sb="6" eb="8">
      <t>シャシン</t>
    </rPh>
    <phoneticPr fontId="84"/>
  </si>
  <si>
    <t>実施日程</t>
    <rPh sb="0" eb="2">
      <t>ジッシ</t>
    </rPh>
    <rPh sb="2" eb="4">
      <t>ニッテイ</t>
    </rPh>
    <phoneticPr fontId="84"/>
  </si>
  <si>
    <t>成果物の写真</t>
    <rPh sb="0" eb="3">
      <t>セイカブツ</t>
    </rPh>
    <rPh sb="4" eb="6">
      <t>シャシン</t>
    </rPh>
    <phoneticPr fontId="84"/>
  </si>
  <si>
    <t>実施した生産活動・施設外就労の概要</t>
    <rPh sb="0" eb="2">
      <t>ジッシ</t>
    </rPh>
    <phoneticPr fontId="84"/>
  </si>
  <si>
    <t>活動内容の追加コメント</t>
    <rPh sb="0" eb="2">
      <t>カツドウ</t>
    </rPh>
    <rPh sb="2" eb="4">
      <t>ナイヨウ</t>
    </rPh>
    <rPh sb="5" eb="7">
      <t>ツイカ</t>
    </rPh>
    <phoneticPr fontId="84"/>
  </si>
  <si>
    <t>利用者数　等</t>
    <rPh sb="0" eb="3">
      <t>リヨウシャ</t>
    </rPh>
    <rPh sb="3" eb="4">
      <t>スウ</t>
    </rPh>
    <rPh sb="5" eb="6">
      <t>トウ</t>
    </rPh>
    <phoneticPr fontId="84"/>
  </si>
  <si>
    <t>＜目的＞</t>
    <rPh sb="1" eb="3">
      <t>モクテキ</t>
    </rPh>
    <phoneticPr fontId="84"/>
  </si>
  <si>
    <t>地域連携活動のねらい</t>
    <rPh sb="0" eb="2">
      <t>チイキ</t>
    </rPh>
    <rPh sb="2" eb="4">
      <t>レンケイ</t>
    </rPh>
    <rPh sb="4" eb="6">
      <t>カツドウ</t>
    </rPh>
    <phoneticPr fontId="84"/>
  </si>
  <si>
    <t>地域にとってのメリット</t>
    <rPh sb="0" eb="2">
      <t>チイキ</t>
    </rPh>
    <phoneticPr fontId="84"/>
  </si>
  <si>
    <t>対象者にとってのメリット</t>
    <rPh sb="0" eb="3">
      <t>タイショウシャ</t>
    </rPh>
    <phoneticPr fontId="84"/>
  </si>
  <si>
    <t>＜成果＞</t>
    <rPh sb="1" eb="3">
      <t>セイカ</t>
    </rPh>
    <phoneticPr fontId="84"/>
  </si>
  <si>
    <t>実施した結果</t>
    <rPh sb="0" eb="2">
      <t>ジッシ</t>
    </rPh>
    <rPh sb="4" eb="6">
      <t>ケッカ</t>
    </rPh>
    <phoneticPr fontId="84"/>
  </si>
  <si>
    <t>得られた成果</t>
    <rPh sb="0" eb="1">
      <t>エ</t>
    </rPh>
    <rPh sb="4" eb="6">
      <t>セイカ</t>
    </rPh>
    <phoneticPr fontId="84"/>
  </si>
  <si>
    <t>課題点</t>
    <rPh sb="0" eb="2">
      <t>カダイ</t>
    </rPh>
    <rPh sb="2" eb="3">
      <t>テン</t>
    </rPh>
    <phoneticPr fontId="84"/>
  </si>
  <si>
    <t>連携先の企業等の意見または評価</t>
    <rPh sb="0" eb="2">
      <t>レンケイ</t>
    </rPh>
    <rPh sb="2" eb="3">
      <t>サキ</t>
    </rPh>
    <rPh sb="4" eb="6">
      <t>キギョウ</t>
    </rPh>
    <rPh sb="6" eb="7">
      <t>トウ</t>
    </rPh>
    <rPh sb="8" eb="10">
      <t>イケン</t>
    </rPh>
    <rPh sb="13" eb="15">
      <t>ヒョウカ</t>
    </rPh>
    <phoneticPr fontId="84"/>
  </si>
  <si>
    <t>連携した結果に対する意見または評価</t>
    <rPh sb="0" eb="2">
      <t>レンケイ</t>
    </rPh>
    <rPh sb="4" eb="6">
      <t>ケッカ</t>
    </rPh>
    <rPh sb="7" eb="8">
      <t>タイ</t>
    </rPh>
    <rPh sb="10" eb="12">
      <t>イケン</t>
    </rPh>
    <rPh sb="15" eb="17">
      <t>ヒョウカ</t>
    </rPh>
    <phoneticPr fontId="84"/>
  </si>
  <si>
    <t>今後の連携強化に向けた課題</t>
    <rPh sb="0" eb="2">
      <t>コンゴ</t>
    </rPh>
    <rPh sb="3" eb="5">
      <t>レンケイ</t>
    </rPh>
    <rPh sb="5" eb="7">
      <t>キョウカ</t>
    </rPh>
    <rPh sb="8" eb="9">
      <t>ム</t>
    </rPh>
    <rPh sb="11" eb="13">
      <t>カダイ</t>
    </rPh>
    <phoneticPr fontId="84"/>
  </si>
  <si>
    <t>連携先企業名</t>
    <rPh sb="0" eb="2">
      <t>レンケイ</t>
    </rPh>
    <rPh sb="2" eb="3">
      <t>サキ</t>
    </rPh>
    <rPh sb="3" eb="6">
      <t>キギョウメイ</t>
    </rPh>
    <phoneticPr fontId="84"/>
  </si>
  <si>
    <t>担当者名</t>
    <rPh sb="0" eb="3">
      <t>タントウシャ</t>
    </rPh>
    <rPh sb="3" eb="4">
      <t>メイ</t>
    </rPh>
    <phoneticPr fontId="84"/>
  </si>
  <si>
    <t>就労継続支援Ａ型事業所における利用者の知識・能力向上に係る実施状況報告書</t>
    <rPh sb="0" eb="2">
      <t>シュウロウ</t>
    </rPh>
    <rPh sb="2" eb="4">
      <t>ケイゾク</t>
    </rPh>
    <rPh sb="4" eb="6">
      <t>シエン</t>
    </rPh>
    <rPh sb="7" eb="8">
      <t>ガタ</t>
    </rPh>
    <rPh sb="8" eb="11">
      <t>ジギョウショ</t>
    </rPh>
    <rPh sb="15" eb="18">
      <t>リヨウシャ</t>
    </rPh>
    <rPh sb="19" eb="21">
      <t>チシキ</t>
    </rPh>
    <rPh sb="22" eb="24">
      <t>ノウリョク</t>
    </rPh>
    <rPh sb="24" eb="26">
      <t>コウジョウ</t>
    </rPh>
    <rPh sb="27" eb="28">
      <t>カカ</t>
    </rPh>
    <rPh sb="29" eb="31">
      <t>ジッシ</t>
    </rPh>
    <rPh sb="31" eb="33">
      <t>ジョウキョウ</t>
    </rPh>
    <rPh sb="33" eb="36">
      <t>ホウコクショ</t>
    </rPh>
    <phoneticPr fontId="84"/>
  </si>
  <si>
    <t>利用者の知識・能力向上に係る実施概要</t>
    <rPh sb="14" eb="16">
      <t>ジッシ</t>
    </rPh>
    <rPh sb="16" eb="18">
      <t>ガイヨウ</t>
    </rPh>
    <phoneticPr fontId="84"/>
  </si>
  <si>
    <t>実施した利用者の知識・能力向上に係る実施の概要</t>
    <rPh sb="0" eb="2">
      <t>ジッシ</t>
    </rPh>
    <rPh sb="18" eb="20">
      <t>ジッシ</t>
    </rPh>
    <phoneticPr fontId="84"/>
  </si>
  <si>
    <t>利用者の知識・能力向上に係る実施のねらい</t>
    <rPh sb="14" eb="16">
      <t>ジッシ</t>
    </rPh>
    <phoneticPr fontId="84"/>
  </si>
  <si>
    <t>利用者にとってのメリット</t>
    <rPh sb="0" eb="3">
      <t>リヨウシャ</t>
    </rPh>
    <phoneticPr fontId="84"/>
  </si>
  <si>
    <t>連携先の企業や事業所等の意見または評価</t>
    <rPh sb="0" eb="2">
      <t>レンケイ</t>
    </rPh>
    <rPh sb="2" eb="3">
      <t>サキ</t>
    </rPh>
    <rPh sb="4" eb="6">
      <t>キギョウ</t>
    </rPh>
    <rPh sb="7" eb="10">
      <t>ジギョウショ</t>
    </rPh>
    <rPh sb="10" eb="11">
      <t>トウ</t>
    </rPh>
    <rPh sb="12" eb="14">
      <t>イケン</t>
    </rPh>
    <rPh sb="17" eb="19">
      <t>ヒョウカ</t>
    </rPh>
    <phoneticPr fontId="84"/>
  </si>
  <si>
    <t>連携先企業（担当者）</t>
    <rPh sb="0" eb="2">
      <t>レンケイ</t>
    </rPh>
    <rPh sb="2" eb="3">
      <t>サキ</t>
    </rPh>
    <rPh sb="3" eb="5">
      <t>キギョウ</t>
    </rPh>
    <rPh sb="6" eb="9">
      <t>タントウシャ</t>
    </rPh>
    <phoneticPr fontId="84"/>
  </si>
  <si>
    <t>利用者からの意見・評価</t>
    <rPh sb="0" eb="3">
      <t>リヨウシャ</t>
    </rPh>
    <rPh sb="6" eb="8">
      <t>イケン</t>
    </rPh>
    <rPh sb="9" eb="11">
      <t>ヒョウカ</t>
    </rPh>
    <phoneticPr fontId="84"/>
  </si>
  <si>
    <t>参加した利用者からの意見・評価
※　ホームページへの公表に当たっては、利用者の個人名は記載せず、個人が特定されない形で記載すること。
　なお、利用者が記入した書類に関しては、事業所で保管すること。</t>
    <rPh sb="0" eb="2">
      <t>サンカ</t>
    </rPh>
    <rPh sb="4" eb="7">
      <t>リヨウシャ</t>
    </rPh>
    <rPh sb="10" eb="12">
      <t>イケン</t>
    </rPh>
    <rPh sb="13" eb="15">
      <t>ヒョウカ</t>
    </rPh>
    <rPh sb="26" eb="28">
      <t>コウヒョウ</t>
    </rPh>
    <rPh sb="29" eb="30">
      <t>ア</t>
    </rPh>
    <rPh sb="35" eb="38">
      <t>リヨウシャ</t>
    </rPh>
    <rPh sb="39" eb="42">
      <t>コジンメイ</t>
    </rPh>
    <rPh sb="43" eb="45">
      <t>キサイ</t>
    </rPh>
    <rPh sb="48" eb="50">
      <t>コジン</t>
    </rPh>
    <rPh sb="51" eb="53">
      <t>トクテイ</t>
    </rPh>
    <rPh sb="57" eb="58">
      <t>カタチ</t>
    </rPh>
    <rPh sb="59" eb="61">
      <t>キサイ</t>
    </rPh>
    <rPh sb="71" eb="74">
      <t>リヨウシャ</t>
    </rPh>
    <rPh sb="75" eb="77">
      <t>キニュウ</t>
    </rPh>
    <rPh sb="79" eb="81">
      <t>ショルイ</t>
    </rPh>
    <rPh sb="82" eb="83">
      <t>カン</t>
    </rPh>
    <rPh sb="87" eb="90">
      <t>ジギョウショ</t>
    </rPh>
    <rPh sb="91" eb="93">
      <t>ホカン</t>
    </rPh>
    <phoneticPr fontId="84"/>
  </si>
  <si>
    <t>6:1</t>
    <phoneticPr fontId="6"/>
  </si>
  <si>
    <t>7.5:1</t>
    <phoneticPr fontId="6"/>
  </si>
  <si>
    <t>10:1</t>
    <phoneticPr fontId="6"/>
  </si>
  <si>
    <t>報酬体系区分</t>
    <rPh sb="0" eb="2">
      <t>ホウシュウ</t>
    </rPh>
    <rPh sb="2" eb="4">
      <t>タイケイ</t>
    </rPh>
    <rPh sb="4" eb="6">
      <t>クブン</t>
    </rPh>
    <phoneticPr fontId="6"/>
  </si>
  <si>
    <t>「利用者の就労や生産活動等への参加等」をもって一律に評価する報酬体系</t>
    <rPh sb="1" eb="4">
      <t>リヨウシャ</t>
    </rPh>
    <rPh sb="5" eb="7">
      <t>シュウロウ</t>
    </rPh>
    <rPh sb="8" eb="10">
      <t>セイサン</t>
    </rPh>
    <rPh sb="10" eb="12">
      <t>カツドウ</t>
    </rPh>
    <rPh sb="12" eb="13">
      <t>トウ</t>
    </rPh>
    <rPh sb="15" eb="17">
      <t>サンカ</t>
    </rPh>
    <rPh sb="17" eb="18">
      <t>ナド</t>
    </rPh>
    <rPh sb="23" eb="25">
      <t>イチリツ</t>
    </rPh>
    <rPh sb="26" eb="28">
      <t>ヒョウカ</t>
    </rPh>
    <rPh sb="30" eb="32">
      <t>ホウシュウ</t>
    </rPh>
    <rPh sb="32" eb="34">
      <t>タイケイ</t>
    </rPh>
    <phoneticPr fontId="6"/>
  </si>
  <si>
    <t>従業員
配置区分</t>
    <rPh sb="0" eb="3">
      <t>ジュウギョウイン</t>
    </rPh>
    <rPh sb="4" eb="6">
      <t>ハイチ</t>
    </rPh>
    <rPh sb="6" eb="8">
      <t>クブン</t>
    </rPh>
    <phoneticPr fontId="6"/>
  </si>
  <si>
    <t>ア</t>
    <phoneticPr fontId="6"/>
  </si>
  <si>
    <t>イ</t>
    <phoneticPr fontId="6"/>
  </si>
  <si>
    <t>ウ</t>
    <phoneticPr fontId="6"/>
  </si>
  <si>
    <t>前年度の開所１日当たりの平均利用者数
（①前年度の延べ利用者数÷②前年度の年間開所日数）</t>
    <rPh sb="0" eb="3">
      <t>ゼンネンド</t>
    </rPh>
    <rPh sb="4" eb="6">
      <t>カイショ</t>
    </rPh>
    <rPh sb="7" eb="8">
      <t>ヒ</t>
    </rPh>
    <rPh sb="8" eb="9">
      <t>ア</t>
    </rPh>
    <rPh sb="12" eb="14">
      <t>ヘイキン</t>
    </rPh>
    <rPh sb="14" eb="17">
      <t>リヨウシャ</t>
    </rPh>
    <rPh sb="17" eb="18">
      <t>スウ</t>
    </rPh>
    <rPh sb="21" eb="24">
      <t>ゼンネンド</t>
    </rPh>
    <rPh sb="25" eb="26">
      <t>ノ</t>
    </rPh>
    <rPh sb="27" eb="30">
      <t>リヨウシャ</t>
    </rPh>
    <rPh sb="30" eb="31">
      <t>スウ</t>
    </rPh>
    <rPh sb="33" eb="36">
      <t>ゼンネンド</t>
    </rPh>
    <rPh sb="37" eb="39">
      <t>ネンカン</t>
    </rPh>
    <rPh sb="39" eb="41">
      <t>カイショ</t>
    </rPh>
    <rPh sb="41" eb="43">
      <t>ニッスウ</t>
    </rPh>
    <phoneticPr fontId="6"/>
  </si>
  <si>
    <t>①前年度の延べ利用者数</t>
    <phoneticPr fontId="6"/>
  </si>
  <si>
    <t>②前年度の年間開所日数</t>
    <rPh sb="1" eb="4">
      <t>ゼンネンド</t>
    </rPh>
    <rPh sb="5" eb="7">
      <t>ネンカン</t>
    </rPh>
    <rPh sb="7" eb="9">
      <t>カイショ</t>
    </rPh>
    <rPh sb="9" eb="11">
      <t>ニッスウ</t>
    </rPh>
    <phoneticPr fontId="6"/>
  </si>
  <si>
    <r>
      <t>サービス費</t>
    </r>
    <r>
      <rPr>
        <sz val="6"/>
        <color rgb="FFFF0000"/>
        <rFont val="ＭＳ Ｐゴシック"/>
        <family val="3"/>
        <charset val="128"/>
      </rPr>
      <t>（Ⅳ）（Ⅴ）（Ⅵ）</t>
    </r>
    <phoneticPr fontId="6"/>
  </si>
  <si>
    <t>前年度の工賃支払総額</t>
    <rPh sb="0" eb="3">
      <t>ゼンネンド</t>
    </rPh>
    <rPh sb="4" eb="6">
      <t>コウチン</t>
    </rPh>
    <rPh sb="6" eb="8">
      <t>シハラ</t>
    </rPh>
    <rPh sb="8" eb="10">
      <t>ソウガク</t>
    </rPh>
    <phoneticPr fontId="6"/>
  </si>
  <si>
    <r>
      <t>サービス費（Ⅰ）・（Ⅱ）</t>
    </r>
    <r>
      <rPr>
        <sz val="11"/>
        <color rgb="FFFF0000"/>
        <rFont val="ＭＳ Ｐゴシック"/>
        <family val="3"/>
        <charset val="128"/>
        <scheme val="minor"/>
      </rPr>
      <t>・（Ⅲ）</t>
    </r>
    <rPh sb="4" eb="5">
      <t>ヒ</t>
    </rPh>
    <phoneticPr fontId="6"/>
  </si>
  <si>
    <t>１．サービス費（Ⅰ）</t>
    <phoneticPr fontId="6"/>
  </si>
  <si>
    <t>「平均工賃月額」に応じて
評価する報酬体系</t>
    <rPh sb="1" eb="3">
      <t>ヘイキン</t>
    </rPh>
    <rPh sb="3" eb="5">
      <t>コウチン</t>
    </rPh>
    <rPh sb="5" eb="7">
      <t>ゲツガク</t>
    </rPh>
    <rPh sb="9" eb="10">
      <t>オウ</t>
    </rPh>
    <rPh sb="13" eb="15">
      <t>ヒョウカ</t>
    </rPh>
    <rPh sb="17" eb="19">
      <t>ホウシュウ</t>
    </rPh>
    <rPh sb="19" eb="21">
      <t>タイケイ</t>
    </rPh>
    <phoneticPr fontId="6"/>
  </si>
  <si>
    <t>２．サービス費（Ⅱ）</t>
    <phoneticPr fontId="6"/>
  </si>
  <si>
    <t>３．サービス費（Ⅲ）</t>
    <phoneticPr fontId="6"/>
  </si>
  <si>
    <t>４．サービス費（Ⅳ）</t>
    <phoneticPr fontId="6"/>
  </si>
  <si>
    <t>５．サービス費（Ⅴ）</t>
    <phoneticPr fontId="6"/>
  </si>
  <si>
    <t>６．サービス費（Ⅵ）</t>
    <phoneticPr fontId="6"/>
  </si>
  <si>
    <t>サービス費
区分</t>
    <rPh sb="4" eb="5">
      <t>ヒ</t>
    </rPh>
    <rPh sb="6" eb="8">
      <t>クブン</t>
    </rPh>
    <phoneticPr fontId="6"/>
  </si>
  <si>
    <t>対象の報酬体系に〇を入力</t>
    <rPh sb="0" eb="2">
      <t>タイショウ</t>
    </rPh>
    <rPh sb="3" eb="7">
      <t>ホウシュウタイケイ</t>
    </rPh>
    <rPh sb="10" eb="12">
      <t>ニュウリョク</t>
    </rPh>
    <phoneticPr fontId="6"/>
  </si>
  <si>
    <t>※重度障害者支援体制加算（Ⅰ）を算定している場合
（ウ＋２０００円）</t>
    <phoneticPr fontId="6"/>
  </si>
  <si>
    <r>
      <t>注１　就労継続支援Ｂ型サービス費（Ⅰ）又は就労継続支援Ｂ型サービス費（Ⅱ）又は就労継続支援Ｂ型サービス費（Ⅲ）を算定する場合は、平均工賃月額区分及び前年度の工賃支払対象者数・支払工賃額の状況を記載すること。
注２　重度者支援体制加算（Ⅰ）を算定している場合は、平均工賃月額に２千円を加える。
注３　平均工賃月額区分「なし（経過措置対象）」は、指定を受けてから１年間を経過していない事業所が選択する。
注４　就労継続支援Ｂ型サービス費（</t>
    </r>
    <r>
      <rPr>
        <sz val="9"/>
        <color rgb="FFFF0000"/>
        <rFont val="ＭＳ ゴシック"/>
        <family val="3"/>
        <charset val="128"/>
      </rPr>
      <t>Ⅳ</t>
    </r>
    <r>
      <rPr>
        <sz val="9"/>
        <rFont val="ＭＳ ゴシック"/>
        <family val="3"/>
        <charset val="128"/>
      </rPr>
      <t>）又は就労継続支援Ｂ型サービス費（</t>
    </r>
    <r>
      <rPr>
        <sz val="9"/>
        <color rgb="FFFF0000"/>
        <rFont val="ＭＳ ゴシック"/>
        <family val="3"/>
        <charset val="128"/>
      </rPr>
      <t>Ⅴ</t>
    </r>
    <r>
      <rPr>
        <sz val="9"/>
        <rFont val="ＭＳ ゴシック"/>
        <family val="3"/>
        <charset val="128"/>
      </rPr>
      <t>）又は就労継続支援Ｂ型サービス費（</t>
    </r>
    <r>
      <rPr>
        <sz val="9"/>
        <color rgb="FFFF0000"/>
        <rFont val="ＭＳ ゴシック"/>
        <family val="3"/>
        <charset val="128"/>
      </rPr>
      <t>Ⅵ</t>
    </r>
    <r>
      <rPr>
        <sz val="9"/>
        <rFont val="ＭＳ ゴシック"/>
        <family val="3"/>
        <charset val="128"/>
      </rPr>
      <t>）を算定する場合は、ピアサポーターの配置の有無を記載すること。なお、ピアサポーターを配置している場合は、別添「ピアサポーター等の配置に関する届出書」を提出すること。</t>
    </r>
    <rPh sb="0" eb="1">
      <t>チュウ</t>
    </rPh>
    <rPh sb="3" eb="9">
      <t>シュウロウケイゾクシエン</t>
    </rPh>
    <rPh sb="10" eb="11">
      <t>ガタ</t>
    </rPh>
    <rPh sb="15" eb="16">
      <t>ヒ</t>
    </rPh>
    <rPh sb="19" eb="20">
      <t>マタ</t>
    </rPh>
    <rPh sb="21" eb="27">
      <t>シュウロウケイゾクシエン</t>
    </rPh>
    <rPh sb="28" eb="29">
      <t>ガタ</t>
    </rPh>
    <rPh sb="33" eb="34">
      <t>ヒ</t>
    </rPh>
    <rPh sb="56" eb="58">
      <t>サンテイ</t>
    </rPh>
    <rPh sb="60" eb="62">
      <t>バアイ</t>
    </rPh>
    <rPh sb="64" eb="66">
      <t>ヘイキン</t>
    </rPh>
    <rPh sb="66" eb="68">
      <t>コウチン</t>
    </rPh>
    <rPh sb="68" eb="70">
      <t>ゲツガク</t>
    </rPh>
    <rPh sb="70" eb="72">
      <t>クブン</t>
    </rPh>
    <rPh sb="72" eb="73">
      <t>オヨ</t>
    </rPh>
    <rPh sb="96" eb="98">
      <t>キサイ</t>
    </rPh>
    <rPh sb="105" eb="106">
      <t>チュウ</t>
    </rPh>
    <rPh sb="108" eb="110">
      <t>ジュウド</t>
    </rPh>
    <rPh sb="111" eb="113">
      <t>シエン</t>
    </rPh>
    <rPh sb="113" eb="115">
      <t>タイセイ</t>
    </rPh>
    <rPh sb="115" eb="117">
      <t>カサン</t>
    </rPh>
    <rPh sb="121" eb="123">
      <t>サンテイ</t>
    </rPh>
    <rPh sb="127" eb="129">
      <t>バアイ</t>
    </rPh>
    <rPh sb="131" eb="133">
      <t>ヘイキン</t>
    </rPh>
    <rPh sb="133" eb="135">
      <t>コウチン</t>
    </rPh>
    <rPh sb="135" eb="137">
      <t>ゲツガク</t>
    </rPh>
    <rPh sb="139" eb="140">
      <t>セン</t>
    </rPh>
    <rPh sb="140" eb="141">
      <t>エン</t>
    </rPh>
    <rPh sb="142" eb="143">
      <t>クワ</t>
    </rPh>
    <rPh sb="148" eb="149">
      <t>チュウ</t>
    </rPh>
    <rPh sb="153" eb="155">
      <t>コウチン</t>
    </rPh>
    <rPh sb="155" eb="157">
      <t>ゲツガク</t>
    </rPh>
    <rPh sb="275" eb="277">
      <t>ハイチ</t>
    </rPh>
    <rPh sb="278" eb="280">
      <t>ウム</t>
    </rPh>
    <rPh sb="281" eb="283">
      <t>キサイ</t>
    </rPh>
    <rPh sb="299" eb="301">
      <t>ハイチ</t>
    </rPh>
    <rPh sb="305" eb="307">
      <t>バアイ</t>
    </rPh>
    <rPh sb="309" eb="311">
      <t>ベッテン</t>
    </rPh>
    <rPh sb="319" eb="320">
      <t>トウ</t>
    </rPh>
    <rPh sb="321" eb="323">
      <t>ハイチ</t>
    </rPh>
    <rPh sb="324" eb="325">
      <t>カン</t>
    </rPh>
    <rPh sb="327" eb="330">
      <t>トドケデショ</t>
    </rPh>
    <rPh sb="332" eb="334">
      <t>テイシュツ</t>
    </rPh>
    <phoneticPr fontId="6"/>
  </si>
  <si>
    <r>
      <t xml:space="preserve">前年度の平均工賃月額
</t>
    </r>
    <r>
      <rPr>
        <u/>
        <sz val="11"/>
        <rFont val="ＭＳ Ｐゴシック"/>
        <family val="3"/>
        <charset val="128"/>
        <scheme val="minor"/>
      </rPr>
      <t>（ア）前年度の工賃支払総額</t>
    </r>
    <r>
      <rPr>
        <sz val="11"/>
        <rFont val="ＭＳ Ｐゴシック"/>
        <family val="3"/>
        <charset val="128"/>
        <scheme val="minor"/>
      </rPr>
      <t>÷</t>
    </r>
    <r>
      <rPr>
        <u/>
        <sz val="11"/>
        <rFont val="ＭＳ Ｐゴシック"/>
        <family val="3"/>
        <charset val="128"/>
        <scheme val="minor"/>
      </rPr>
      <t>（イ）前年度の開所日１日当たりの平均利用者数</t>
    </r>
    <r>
      <rPr>
        <sz val="11"/>
        <rFont val="ＭＳ Ｐゴシック"/>
        <family val="3"/>
        <charset val="128"/>
        <scheme val="minor"/>
      </rPr>
      <t>÷</t>
    </r>
    <r>
      <rPr>
        <u/>
        <sz val="11"/>
        <rFont val="ＭＳ Ｐゴシック"/>
        <family val="3"/>
        <charset val="128"/>
        <scheme val="minor"/>
      </rPr>
      <t>１２月</t>
    </r>
    <rPh sb="14" eb="17">
      <t>ゼンネンド</t>
    </rPh>
    <rPh sb="18" eb="20">
      <t>コウチン</t>
    </rPh>
    <rPh sb="20" eb="22">
      <t>シハラ</t>
    </rPh>
    <rPh sb="22" eb="24">
      <t>ソウガク</t>
    </rPh>
    <rPh sb="28" eb="31">
      <t>ゼンネンド</t>
    </rPh>
    <rPh sb="32" eb="35">
      <t>カイショヒ</t>
    </rPh>
    <rPh sb="36" eb="37">
      <t>ヒ</t>
    </rPh>
    <rPh sb="37" eb="38">
      <t>ア</t>
    </rPh>
    <rPh sb="41" eb="43">
      <t>ヘイキン</t>
    </rPh>
    <rPh sb="43" eb="46">
      <t>リヨウシャ</t>
    </rPh>
    <rPh sb="46" eb="47">
      <t>スウ</t>
    </rPh>
    <rPh sb="50" eb="51">
      <t>ゲツ</t>
    </rPh>
    <phoneticPr fontId="6"/>
  </si>
  <si>
    <t>前年度の工賃支払総額
・
前年度の開所１日当たりの平均利用者数
・
前年度の平均工賃月額</t>
    <rPh sb="0" eb="3">
      <t>ゼンネンド</t>
    </rPh>
    <rPh sb="4" eb="6">
      <t>コウチン</t>
    </rPh>
    <rPh sb="6" eb="8">
      <t>シハライ</t>
    </rPh>
    <rPh sb="8" eb="10">
      <t>ソウガク</t>
    </rPh>
    <rPh sb="13" eb="16">
      <t>ゼンネンド</t>
    </rPh>
    <rPh sb="17" eb="19">
      <t>カイショ</t>
    </rPh>
    <rPh sb="20" eb="21">
      <t>ヒ</t>
    </rPh>
    <rPh sb="21" eb="22">
      <t>ア</t>
    </rPh>
    <rPh sb="25" eb="27">
      <t>ヘイキン</t>
    </rPh>
    <rPh sb="27" eb="30">
      <t>リヨウシャ</t>
    </rPh>
    <rPh sb="30" eb="31">
      <t>スウ</t>
    </rPh>
    <phoneticPr fontId="6"/>
  </si>
  <si>
    <r>
      <t>職業指導員及び生活支援員に目標工賃達成指導員を加えた数｛(A)÷</t>
    </r>
    <r>
      <rPr>
        <sz val="10"/>
        <color rgb="FFFF0000"/>
        <rFont val="ＭＳ Ｐゴシック"/>
        <family val="3"/>
        <charset val="128"/>
        <scheme val="minor"/>
      </rPr>
      <t>5</t>
    </r>
    <r>
      <rPr>
        <sz val="10"/>
        <color theme="1"/>
        <rFont val="ＭＳ Ｐゴシック"/>
        <family val="3"/>
        <charset val="128"/>
        <scheme val="minor"/>
      </rPr>
      <t>｝・・・・(C)</t>
    </r>
    <rPh sb="0" eb="2">
      <t>ショクギョウ</t>
    </rPh>
    <rPh sb="2" eb="5">
      <t>シドウイン</t>
    </rPh>
    <rPh sb="5" eb="6">
      <t>オヨ</t>
    </rPh>
    <rPh sb="7" eb="9">
      <t>セイカツ</t>
    </rPh>
    <rPh sb="9" eb="12">
      <t>シエンイン</t>
    </rPh>
    <rPh sb="13" eb="15">
      <t>モクヒョウ</t>
    </rPh>
    <rPh sb="15" eb="17">
      <t>コウチン</t>
    </rPh>
    <rPh sb="17" eb="19">
      <t>タッセイ</t>
    </rPh>
    <rPh sb="19" eb="22">
      <t>シドウイン</t>
    </rPh>
    <rPh sb="23" eb="24">
      <t>クワ</t>
    </rPh>
    <rPh sb="26" eb="27">
      <t>カズ</t>
    </rPh>
    <phoneticPr fontId="6"/>
  </si>
  <si>
    <r>
      <t>注2：(B)は前年度の利用者数の平均値を</t>
    </r>
    <r>
      <rPr>
        <sz val="8"/>
        <color rgb="FFFF0000"/>
        <rFont val="ＭＳ Ｐゴシック"/>
        <family val="3"/>
        <charset val="128"/>
        <scheme val="minor"/>
      </rPr>
      <t>6</t>
    </r>
    <r>
      <rPr>
        <sz val="8"/>
        <color theme="1"/>
        <rFont val="ＭＳ Ｐゴシック"/>
        <family val="3"/>
        <charset val="128"/>
        <scheme val="minor"/>
      </rPr>
      <t>で除して得た数とする。(C)は前年度の利用者数の平均値を</t>
    </r>
    <r>
      <rPr>
        <sz val="8"/>
        <color rgb="FFFF0000"/>
        <rFont val="ＭＳ Ｐゴシック"/>
        <family val="3"/>
        <charset val="128"/>
        <scheme val="minor"/>
      </rPr>
      <t>5</t>
    </r>
    <r>
      <rPr>
        <sz val="8"/>
        <color theme="1"/>
        <rFont val="ＭＳ Ｐゴシック"/>
        <family val="3"/>
        <charset val="128"/>
        <scheme val="minor"/>
      </rPr>
      <t>で除して得たとする。</t>
    </r>
    <rPh sb="0" eb="1">
      <t>チュウ</t>
    </rPh>
    <rPh sb="7" eb="10">
      <t>ゼンネンド</t>
    </rPh>
    <rPh sb="11" eb="13">
      <t>リヨウ</t>
    </rPh>
    <rPh sb="13" eb="14">
      <t>シャ</t>
    </rPh>
    <rPh sb="14" eb="15">
      <t>スウ</t>
    </rPh>
    <rPh sb="16" eb="19">
      <t>ヘイキンチ</t>
    </rPh>
    <rPh sb="22" eb="23">
      <t>ジョ</t>
    </rPh>
    <rPh sb="25" eb="26">
      <t>エ</t>
    </rPh>
    <rPh sb="27" eb="28">
      <t>カズ</t>
    </rPh>
    <rPh sb="36" eb="39">
      <t>ゼンネンド</t>
    </rPh>
    <rPh sb="40" eb="42">
      <t>リヨウ</t>
    </rPh>
    <rPh sb="42" eb="43">
      <t>シャ</t>
    </rPh>
    <rPh sb="43" eb="44">
      <t>スウ</t>
    </rPh>
    <rPh sb="45" eb="48">
      <t>ヘイキンチ</t>
    </rPh>
    <rPh sb="51" eb="52">
      <t>ジョ</t>
    </rPh>
    <rPh sb="54" eb="55">
      <t>エ</t>
    </rPh>
    <phoneticPr fontId="6"/>
  </si>
  <si>
    <r>
      <t>職業指導員及び生活支援員の数｛(A)÷</t>
    </r>
    <r>
      <rPr>
        <sz val="10"/>
        <color rgb="FFFF0000"/>
        <rFont val="ＭＳ Ｐゴシック"/>
        <family val="3"/>
        <charset val="128"/>
        <scheme val="minor"/>
      </rPr>
      <t>6</t>
    </r>
    <r>
      <rPr>
        <sz val="10"/>
        <color theme="1"/>
        <rFont val="ＭＳ Ｐゴシック"/>
        <family val="3"/>
        <charset val="128"/>
        <scheme val="minor"/>
      </rPr>
      <t>｝・・・・(B)　　　</t>
    </r>
    <rPh sb="0" eb="2">
      <t>ショクギョウ</t>
    </rPh>
    <rPh sb="2" eb="5">
      <t>シドウイン</t>
    </rPh>
    <rPh sb="5" eb="6">
      <t>オヨ</t>
    </rPh>
    <rPh sb="7" eb="9">
      <t>セイカツ</t>
    </rPh>
    <rPh sb="9" eb="12">
      <t>シエンイン</t>
    </rPh>
    <rPh sb="13" eb="14">
      <t>カズ</t>
    </rPh>
    <phoneticPr fontId="6"/>
  </si>
  <si>
    <r>
      <t>職業指導員及び生活支援員に目標工賃達成指導員を加えた数｛(A)÷</t>
    </r>
    <r>
      <rPr>
        <sz val="10"/>
        <color rgb="FFFF0000"/>
        <rFont val="ＭＳ Ｐゴシック"/>
        <family val="3"/>
        <charset val="128"/>
        <scheme val="minor"/>
      </rPr>
      <t>5</t>
    </r>
    <r>
      <rPr>
        <sz val="10"/>
        <color theme="1"/>
        <rFont val="ＭＳ Ｐゴシック"/>
        <family val="3"/>
        <charset val="128"/>
        <scheme val="minor"/>
      </rPr>
      <t>｝・・・・©</t>
    </r>
    <rPh sb="0" eb="2">
      <t>ショクギョウ</t>
    </rPh>
    <rPh sb="2" eb="5">
      <t>シドウイン</t>
    </rPh>
    <rPh sb="5" eb="6">
      <t>オヨ</t>
    </rPh>
    <rPh sb="7" eb="9">
      <t>セイカツ</t>
    </rPh>
    <rPh sb="9" eb="12">
      <t>シエンイン</t>
    </rPh>
    <rPh sb="13" eb="15">
      <t>モクヒョウ</t>
    </rPh>
    <rPh sb="15" eb="17">
      <t>コウチン</t>
    </rPh>
    <rPh sb="17" eb="19">
      <t>タッセイ</t>
    </rPh>
    <rPh sb="19" eb="22">
      <t>シドウイン</t>
    </rPh>
    <rPh sb="23" eb="24">
      <t>クワ</t>
    </rPh>
    <rPh sb="26" eb="27">
      <t>カズ</t>
    </rPh>
    <phoneticPr fontId="6"/>
  </si>
  <si>
    <t>F</t>
    <phoneticPr fontId="6"/>
  </si>
  <si>
    <t>注2：(B)は前年度の利用者数の平均値を6で除して得た数とする。(C)は前年度の利用者数の平均値を5で除して得たとする。</t>
    <rPh sb="0" eb="1">
      <t>チュウ</t>
    </rPh>
    <rPh sb="7" eb="10">
      <t>ゼンネンド</t>
    </rPh>
    <rPh sb="11" eb="13">
      <t>リヨウ</t>
    </rPh>
    <rPh sb="13" eb="14">
      <t>シャ</t>
    </rPh>
    <rPh sb="14" eb="15">
      <t>スウ</t>
    </rPh>
    <rPh sb="16" eb="19">
      <t>ヘイキンチ</t>
    </rPh>
    <rPh sb="22" eb="23">
      <t>ジョ</t>
    </rPh>
    <rPh sb="25" eb="26">
      <t>エ</t>
    </rPh>
    <rPh sb="27" eb="28">
      <t>カズ</t>
    </rPh>
    <rPh sb="36" eb="39">
      <t>ゼンネンド</t>
    </rPh>
    <rPh sb="40" eb="42">
      <t>リヨウ</t>
    </rPh>
    <rPh sb="42" eb="43">
      <t>シャ</t>
    </rPh>
    <rPh sb="43" eb="44">
      <t>スウ</t>
    </rPh>
    <rPh sb="45" eb="48">
      <t>ヘイキンチ</t>
    </rPh>
    <rPh sb="51" eb="52">
      <t>ジョ</t>
    </rPh>
    <rPh sb="54" eb="55">
      <t>エ</t>
    </rPh>
    <phoneticPr fontId="6"/>
  </si>
  <si>
    <t>加算別紙８</t>
    <rPh sb="0" eb="4">
      <t>カサンベッシ</t>
    </rPh>
    <phoneticPr fontId="6"/>
  </si>
  <si>
    <t>延長支援加算に関する届出書</t>
    <rPh sb="0" eb="2">
      <t>エンチョウ</t>
    </rPh>
    <rPh sb="2" eb="4">
      <t>シエン</t>
    </rPh>
    <rPh sb="4" eb="6">
      <t>カサン</t>
    </rPh>
    <rPh sb="7" eb="8">
      <t>カン</t>
    </rPh>
    <rPh sb="10" eb="11">
      <t>トドケ</t>
    </rPh>
    <rPh sb="11" eb="12">
      <t>デ</t>
    </rPh>
    <rPh sb="12" eb="13">
      <t>ショ</t>
    </rPh>
    <phoneticPr fontId="6"/>
  </si>
  <si>
    <t>２　サービス種別</t>
    <phoneticPr fontId="6"/>
  </si>
  <si>
    <t>① 児童発達支援　　② 放課後等デイサービス　　③ 　①・②の多機能</t>
    <phoneticPr fontId="84"/>
  </si>
  <si>
    <t>２-２　サービス種別
　　　の詳細</t>
    <rPh sb="15" eb="17">
      <t>ショウサイ</t>
    </rPh>
    <phoneticPr fontId="6"/>
  </si>
  <si>
    <t>①　主として重症心身障害児を通わせる事業所　②共生型サービス　
③ 基準該当サービス　　④ その他</t>
    <rPh sb="2" eb="3">
      <t>シュ</t>
    </rPh>
    <rPh sb="6" eb="8">
      <t>ジュウショウ</t>
    </rPh>
    <rPh sb="8" eb="10">
      <t>シンシン</t>
    </rPh>
    <rPh sb="10" eb="12">
      <t>ショウガイ</t>
    </rPh>
    <rPh sb="12" eb="13">
      <t>ジ</t>
    </rPh>
    <rPh sb="14" eb="15">
      <t>カヨ</t>
    </rPh>
    <rPh sb="18" eb="21">
      <t>ジギョウショ</t>
    </rPh>
    <rPh sb="23" eb="26">
      <t>キョウセイガタ</t>
    </rPh>
    <rPh sb="35" eb="37">
      <t>キジュン</t>
    </rPh>
    <rPh sb="37" eb="39">
      <t>ガイトウ</t>
    </rPh>
    <rPh sb="49" eb="50">
      <t>タ</t>
    </rPh>
    <phoneticPr fontId="84"/>
  </si>
  <si>
    <t>３　運営規程上の
　　営業時間</t>
    <rPh sb="2" eb="4">
      <t>ウンエイ</t>
    </rPh>
    <rPh sb="4" eb="6">
      <t>キホド</t>
    </rPh>
    <rPh sb="6" eb="7">
      <t>ジョウ</t>
    </rPh>
    <rPh sb="11" eb="13">
      <t>エイギョウ</t>
    </rPh>
    <rPh sb="13" eb="15">
      <t>ジカン</t>
    </rPh>
    <phoneticPr fontId="6"/>
  </si>
  <si>
    <t>①　６時間以上　　　　②　８時間以上</t>
    <rPh sb="3" eb="7">
      <t>ジカンイジョウ</t>
    </rPh>
    <rPh sb="14" eb="16">
      <t>ジカン</t>
    </rPh>
    <rPh sb="16" eb="18">
      <t>イジョウ</t>
    </rPh>
    <phoneticPr fontId="84"/>
  </si>
  <si>
    <t>４　延長支援時間帯
　に職員を２以上
　配置しているか</t>
    <rPh sb="2" eb="4">
      <t>エンチョウ</t>
    </rPh>
    <rPh sb="4" eb="6">
      <t>シエン</t>
    </rPh>
    <rPh sb="6" eb="9">
      <t>ジカンタイ</t>
    </rPh>
    <rPh sb="12" eb="14">
      <t>ショクイン</t>
    </rPh>
    <rPh sb="16" eb="18">
      <t>イジョウ</t>
    </rPh>
    <rPh sb="20" eb="22">
      <t>ハイチ</t>
    </rPh>
    <phoneticPr fontId="84"/>
  </si>
  <si>
    <t>①あり　　　　　　　　　②なし</t>
    <phoneticPr fontId="84"/>
  </si>
  <si>
    <t>備考１</t>
    <rPh sb="0" eb="2">
      <t>ビコウ</t>
    </rPh>
    <phoneticPr fontId="6"/>
  </si>
  <si>
    <t>　「サービス種別の詳細」欄で①・②・③に該当する場合には、「運営規程上の営業時間」欄で②が選択されている必要があることに留意ください。</t>
    <rPh sb="9" eb="11">
      <t>ショウサイ</t>
    </rPh>
    <phoneticPr fontId="84"/>
  </si>
  <si>
    <t>２</t>
    <phoneticPr fontId="84"/>
  </si>
  <si>
    <t>　「サービス種別」欄で④に該当する場合には、「運営規程上の営業時間」欄で①が選択されている必要があることに留意ください。</t>
    <phoneticPr fontId="84"/>
  </si>
  <si>
    <r>
      <t>福祉専門職員配置等加算に関する届出書</t>
    </r>
    <r>
      <rPr>
        <sz val="14"/>
        <color theme="1"/>
        <rFont val="ＭＳ ゴシック"/>
        <family val="3"/>
        <charset val="128"/>
      </rPr>
      <t xml:space="preserve">
（療養介護・生活介護・自立訓練（機能訓練）・自立訓練（生活訓練）・就労移行支援・
就労継続支援Ａ型・就労継続支援Ｂ型・自立生活援助・共同生活援助・児童発達支援・
放課後等デイサービス）</t>
    </r>
    <rPh sb="0" eb="2">
      <t>フクシ</t>
    </rPh>
    <rPh sb="2" eb="4">
      <t>センモン</t>
    </rPh>
    <rPh sb="4" eb="6">
      <t>ショクイン</t>
    </rPh>
    <rPh sb="6" eb="8">
      <t>ハイチ</t>
    </rPh>
    <rPh sb="8" eb="9">
      <t>トウ</t>
    </rPh>
    <rPh sb="9" eb="11">
      <t>カサン</t>
    </rPh>
    <rPh sb="12" eb="13">
      <t>カン</t>
    </rPh>
    <rPh sb="15" eb="18">
      <t>トドケデショ</t>
    </rPh>
    <rPh sb="20" eb="22">
      <t>リョウヨウ</t>
    </rPh>
    <rPh sb="22" eb="24">
      <t>カイゴ</t>
    </rPh>
    <rPh sb="25" eb="27">
      <t>セイカツ</t>
    </rPh>
    <rPh sb="27" eb="29">
      <t>カイゴ</t>
    </rPh>
    <rPh sb="30" eb="32">
      <t>ジリツ</t>
    </rPh>
    <rPh sb="32" eb="34">
      <t>クンレン</t>
    </rPh>
    <rPh sb="35" eb="37">
      <t>キノウ</t>
    </rPh>
    <rPh sb="37" eb="39">
      <t>クンレン</t>
    </rPh>
    <rPh sb="41" eb="43">
      <t>ジリツ</t>
    </rPh>
    <rPh sb="43" eb="45">
      <t>クンレン</t>
    </rPh>
    <rPh sb="46" eb="48">
      <t>セイカツ</t>
    </rPh>
    <rPh sb="48" eb="50">
      <t>クンレン</t>
    </rPh>
    <rPh sb="52" eb="54">
      <t>シュウロウ</t>
    </rPh>
    <rPh sb="54" eb="56">
      <t>イコウ</t>
    </rPh>
    <rPh sb="56" eb="58">
      <t>シエン</t>
    </rPh>
    <rPh sb="60" eb="62">
      <t>シュウロウ</t>
    </rPh>
    <rPh sb="62" eb="64">
      <t>ケイゾク</t>
    </rPh>
    <rPh sb="64" eb="66">
      <t>シエン</t>
    </rPh>
    <rPh sb="67" eb="68">
      <t>ガタ</t>
    </rPh>
    <rPh sb="69" eb="71">
      <t>シュウロウ</t>
    </rPh>
    <rPh sb="71" eb="73">
      <t>ケイゾク</t>
    </rPh>
    <rPh sb="73" eb="75">
      <t>シエン</t>
    </rPh>
    <rPh sb="76" eb="77">
      <t>ガタ</t>
    </rPh>
    <rPh sb="78" eb="80">
      <t>ジリツ</t>
    </rPh>
    <rPh sb="80" eb="82">
      <t>セイカツ</t>
    </rPh>
    <rPh sb="82" eb="84">
      <t>エンジョ</t>
    </rPh>
    <rPh sb="85" eb="87">
      <t>キョウドウ</t>
    </rPh>
    <rPh sb="87" eb="89">
      <t>セイカツ</t>
    </rPh>
    <rPh sb="89" eb="91">
      <t>エンジョ</t>
    </rPh>
    <rPh sb="92" eb="94">
      <t>ジドウ</t>
    </rPh>
    <rPh sb="94" eb="96">
      <t>ハッタツ</t>
    </rPh>
    <rPh sb="96" eb="98">
      <t>シエン</t>
    </rPh>
    <rPh sb="100" eb="103">
      <t>ホウカゴ</t>
    </rPh>
    <rPh sb="103" eb="104">
      <t>トウ</t>
    </rPh>
    <phoneticPr fontId="6"/>
  </si>
  <si>
    <t>①</t>
    <phoneticPr fontId="6"/>
  </si>
  <si>
    <t>②</t>
    <phoneticPr fontId="6"/>
  </si>
  <si>
    <t>　　　○児童発達支援にあっては、加算（Ⅰ）（Ⅱ）においては、児童指導員又は共生型児童発達支援従業者、</t>
    <rPh sb="4" eb="6">
      <t>ジドウ</t>
    </rPh>
    <rPh sb="6" eb="8">
      <t>ハッタツ</t>
    </rPh>
    <rPh sb="8" eb="10">
      <t>シエン</t>
    </rPh>
    <rPh sb="16" eb="18">
      <t>カサン</t>
    </rPh>
    <phoneticPr fontId="6"/>
  </si>
  <si>
    <t>　　　　加算（Ⅲ）においては、児童指導員、保育士若しくは共生型児童発達支援従業者</t>
    <phoneticPr fontId="6"/>
  </si>
  <si>
    <t>　　　○放課後等デイサービスにあっては、（Ⅰ）（Ⅱ）においては、児童指導員又は共生型放課後等デイサービス従業者、</t>
    <rPh sb="32" eb="34">
      <t>ジドウ</t>
    </rPh>
    <phoneticPr fontId="6"/>
  </si>
  <si>
    <t>　　　　加算（Ⅲ）においては、児童指導員、保育士若しくは共生型放課後等デイサービス従業者のことをいう。</t>
    <rPh sb="15" eb="17">
      <t>ジドウ</t>
    </rPh>
    <rPh sb="24" eb="25">
      <t>モ</t>
    </rPh>
    <phoneticPr fontId="6"/>
  </si>
  <si>
    <t>　　　</t>
    <phoneticPr fontId="6"/>
  </si>
  <si>
    <t>加算別紙５６-１</t>
    <rPh sb="0" eb="4">
      <t>カサンベッシ</t>
    </rPh>
    <phoneticPr fontId="6"/>
  </si>
  <si>
    <t>専門的支援体制加算に関する届出書</t>
    <rPh sb="0" eb="3">
      <t>センモンテキ</t>
    </rPh>
    <rPh sb="3" eb="5">
      <t>シエン</t>
    </rPh>
    <rPh sb="5" eb="7">
      <t>タイセイ</t>
    </rPh>
    <rPh sb="7" eb="9">
      <t>カサン</t>
    </rPh>
    <rPh sb="10" eb="11">
      <t>カン</t>
    </rPh>
    <rPh sb="13" eb="16">
      <t>トドケデショ</t>
    </rPh>
    <phoneticPr fontId="6"/>
  </si>
  <si>
    <t>サービス種別</t>
    <rPh sb="4" eb="6">
      <t>シュベツ</t>
    </rPh>
    <phoneticPr fontId="6"/>
  </si>
  <si>
    <t>① 児童発達支援　　　　② 放課後等デイサービス　　　　③ 　①・②の多機能</t>
    <phoneticPr fontId="6"/>
  </si>
  <si>
    <t>①　新規　　　　　　　　　　②　変更　　　　　　　　　　　③　終了</t>
    <rPh sb="2" eb="4">
      <t>シンキ</t>
    </rPh>
    <rPh sb="16" eb="18">
      <t>ヘンコウ</t>
    </rPh>
    <rPh sb="31" eb="33">
      <t>シュウリョウ</t>
    </rPh>
    <phoneticPr fontId="6"/>
  </si>
  <si>
    <t>うち理学療法士等の員数（保育士及び児童指導員を除く。）</t>
    <rPh sb="2" eb="4">
      <t>リガク</t>
    </rPh>
    <rPh sb="4" eb="7">
      <t>リョウホウシ</t>
    </rPh>
    <rPh sb="7" eb="8">
      <t>トウ</t>
    </rPh>
    <rPh sb="9" eb="11">
      <t>インスウ</t>
    </rPh>
    <rPh sb="12" eb="15">
      <t>ホイクシ</t>
    </rPh>
    <rPh sb="15" eb="16">
      <t>オヨ</t>
    </rPh>
    <rPh sb="17" eb="19">
      <t>ジドウ</t>
    </rPh>
    <rPh sb="19" eb="22">
      <t>シドウイン</t>
    </rPh>
    <rPh sb="23" eb="24">
      <t>ノゾ</t>
    </rPh>
    <phoneticPr fontId="6"/>
  </si>
  <si>
    <t>うち５年以上保育士の員数</t>
    <rPh sb="3" eb="6">
      <t>ネンイジョウ</t>
    </rPh>
    <rPh sb="6" eb="9">
      <t>ホイクシ</t>
    </rPh>
    <rPh sb="10" eb="12">
      <t>インスウ</t>
    </rPh>
    <phoneticPr fontId="6"/>
  </si>
  <si>
    <t>うち５年以上児童指導員の員数</t>
    <rPh sb="3" eb="6">
      <t>ネンイジョウ</t>
    </rPh>
    <rPh sb="6" eb="8">
      <t>ジドウ</t>
    </rPh>
    <rPh sb="8" eb="11">
      <t>シドウイン</t>
    </rPh>
    <rPh sb="12" eb="14">
      <t>インスウ</t>
    </rPh>
    <phoneticPr fontId="6"/>
  </si>
  <si>
    <t>専門的支援体制加算の
算定対象となる従業者</t>
    <rPh sb="0" eb="3">
      <t>センモンテキ</t>
    </rPh>
    <rPh sb="3" eb="5">
      <t>シエン</t>
    </rPh>
    <rPh sb="5" eb="7">
      <t>タイセイ</t>
    </rPh>
    <rPh sb="7" eb="9">
      <t>カサン</t>
    </rPh>
    <rPh sb="11" eb="13">
      <t>サンテイ</t>
    </rPh>
    <rPh sb="13" eb="15">
      <t>タイショウ</t>
    </rPh>
    <rPh sb="18" eb="21">
      <t>ジュウギョウシャ</t>
    </rPh>
    <phoneticPr fontId="6"/>
  </si>
  <si>
    <t>ア　理学療法士等（保育士及び児童指導員を除く。）
イ　５年以上保育士
ウ　５年以上児童指導員</t>
    <rPh sb="2" eb="4">
      <t>リガク</t>
    </rPh>
    <rPh sb="4" eb="7">
      <t>リョウホウシ</t>
    </rPh>
    <rPh sb="7" eb="8">
      <t>トウ</t>
    </rPh>
    <rPh sb="9" eb="12">
      <t>ホイクシ</t>
    </rPh>
    <rPh sb="12" eb="13">
      <t>オヨ</t>
    </rPh>
    <rPh sb="14" eb="16">
      <t>ジドウ</t>
    </rPh>
    <rPh sb="16" eb="19">
      <t>シドウイン</t>
    </rPh>
    <rPh sb="20" eb="21">
      <t>ノゾ</t>
    </rPh>
    <rPh sb="28" eb="29">
      <t>ネン</t>
    </rPh>
    <rPh sb="29" eb="31">
      <t>イジョウ</t>
    </rPh>
    <rPh sb="31" eb="34">
      <t>ホイクシ</t>
    </rPh>
    <rPh sb="38" eb="39">
      <t>ネン</t>
    </rPh>
    <rPh sb="39" eb="41">
      <t>イジョウ</t>
    </rPh>
    <rPh sb="41" eb="43">
      <t>ジドウ</t>
    </rPh>
    <rPh sb="43" eb="46">
      <t>シドウイン</t>
    </rPh>
    <phoneticPr fontId="6"/>
  </si>
  <si>
    <t>備考１</t>
    <rPh sb="0" eb="1">
      <t>ビコウ</t>
    </rPh>
    <phoneticPr fontId="6"/>
  </si>
  <si>
    <t>　「従業者の状況」には、サービス毎に単位を分けている場合は、それぞれの員数を単位別に記載してください。</t>
    <rPh sb="35" eb="37">
      <t>インスウ</t>
    </rPh>
    <phoneticPr fontId="6"/>
  </si>
  <si>
    <t>　多機能型（人員配置特例の利用なし）の場合は、「従業者の状況」単位①・②欄にそれぞれ児童発達支援と放課後等デイサービスの「基準人数」等をそれぞれ記載してください。</t>
  </si>
  <si>
    <t>　「うち理学療法士等の員数（保育士及び児童指導員を除く。）」には、サービス毎に配置されている理学療法士、作業療法士、言語聴覚士、心理担当職員又は視覚障害者の生活訓練の養成を行う研修を終了した従業者の数を単位別に記載してください。</t>
    <phoneticPr fontId="6"/>
  </si>
  <si>
    <t>５</t>
    <phoneticPr fontId="6"/>
  </si>
  <si>
    <t>　「うち５年以上保育士の員数」には、保育士の資格を得てから５年以上児童福祉事業に従事した経験を有する保育士の数を単位別に記載してください。</t>
    <phoneticPr fontId="6"/>
  </si>
  <si>
    <t>６</t>
    <phoneticPr fontId="6"/>
  </si>
  <si>
    <t>　「うち５年以上児童指導員の員数」には、児童指導員として任用されてから５年以上児童福祉事業に従事した経験を有する児童指導員の数を単位別に記載してください。</t>
    <rPh sb="28" eb="30">
      <t>ニンヨウ</t>
    </rPh>
    <phoneticPr fontId="6"/>
  </si>
  <si>
    <t>　５年以上児童福祉事業に従事した経験については、実務経験を証明する書類を添付してください。</t>
    <phoneticPr fontId="6"/>
  </si>
  <si>
    <t>　算定対象となる従業者については、該当項目に○を付してください。</t>
    <phoneticPr fontId="6"/>
  </si>
  <si>
    <t>　資格等を求める配置については、配置する職員の資格等を証明する書類を添付してください。</t>
    <phoneticPr fontId="6"/>
  </si>
  <si>
    <t>　　　</t>
    <phoneticPr fontId="6"/>
  </si>
  <si>
    <t>加算別紙５６-２</t>
    <rPh sb="0" eb="4">
      <t>カサンベッシ</t>
    </rPh>
    <phoneticPr fontId="6"/>
  </si>
  <si>
    <t>専門的支援実施加算に関する届出書</t>
    <rPh sb="0" eb="3">
      <t>センモンテキ</t>
    </rPh>
    <rPh sb="3" eb="5">
      <t>シエン</t>
    </rPh>
    <rPh sb="5" eb="7">
      <t>ジッシ</t>
    </rPh>
    <rPh sb="7" eb="9">
      <t>カサン</t>
    </rPh>
    <rPh sb="10" eb="11">
      <t>カン</t>
    </rPh>
    <rPh sb="13" eb="14">
      <t>トド</t>
    </rPh>
    <rPh sb="14" eb="15">
      <t>デ</t>
    </rPh>
    <rPh sb="15" eb="16">
      <t>ショ</t>
    </rPh>
    <phoneticPr fontId="6"/>
  </si>
  <si>
    <t xml:space="preserve"> １　事業所の名称</t>
    <rPh sb="3" eb="5">
      <t>ジギョウ</t>
    </rPh>
    <rPh sb="5" eb="6">
      <t>ショ</t>
    </rPh>
    <rPh sb="7" eb="9">
      <t>メイショウ</t>
    </rPh>
    <phoneticPr fontId="6"/>
  </si>
  <si>
    <t xml:space="preserve"> ２　異動区分</t>
    <rPh sb="3" eb="5">
      <t>イドウ</t>
    </rPh>
    <rPh sb="5" eb="7">
      <t>クブン</t>
    </rPh>
    <phoneticPr fontId="6"/>
  </si>
  <si>
    <t>１　新規　　　　　　２　変更　　　　　　３　終了</t>
    <rPh sb="2" eb="4">
      <t>シンキ</t>
    </rPh>
    <rPh sb="12" eb="14">
      <t>ヘンコウ</t>
    </rPh>
    <rPh sb="22" eb="24">
      <t>シュウリョウ</t>
    </rPh>
    <phoneticPr fontId="6"/>
  </si>
  <si>
    <t xml:space="preserve"> ３　理学療法士等</t>
    <rPh sb="3" eb="5">
      <t>リガク</t>
    </rPh>
    <rPh sb="5" eb="8">
      <t>リョウホウシ</t>
    </rPh>
    <rPh sb="8" eb="9">
      <t>トウ</t>
    </rPh>
    <phoneticPr fontId="6"/>
  </si>
  <si>
    <t>理学療法士</t>
    <rPh sb="0" eb="2">
      <t>リガク</t>
    </rPh>
    <rPh sb="2" eb="5">
      <t>リョウホウシ</t>
    </rPh>
    <phoneticPr fontId="84"/>
  </si>
  <si>
    <t>　　名</t>
    <rPh sb="2" eb="3">
      <t>メイ</t>
    </rPh>
    <phoneticPr fontId="84"/>
  </si>
  <si>
    <t>作業療法士</t>
    <rPh sb="0" eb="2">
      <t>サギョウ</t>
    </rPh>
    <rPh sb="2" eb="5">
      <t>リョウホウシ</t>
    </rPh>
    <phoneticPr fontId="84"/>
  </si>
  <si>
    <t>言語聴覚士</t>
    <rPh sb="0" eb="5">
      <t>ゲンゴチョウカクシ</t>
    </rPh>
    <phoneticPr fontId="84"/>
  </si>
  <si>
    <t>心理担当職員</t>
    <rPh sb="0" eb="2">
      <t>シンリ</t>
    </rPh>
    <rPh sb="2" eb="4">
      <t>タントウ</t>
    </rPh>
    <rPh sb="4" eb="6">
      <t>ショクイン</t>
    </rPh>
    <phoneticPr fontId="84"/>
  </si>
  <si>
    <t>保育士（児童福祉事業経験５年以上）</t>
    <rPh sb="0" eb="3">
      <t>ホイクシ</t>
    </rPh>
    <rPh sb="4" eb="6">
      <t>ジドウ</t>
    </rPh>
    <rPh sb="6" eb="8">
      <t>フクシ</t>
    </rPh>
    <rPh sb="8" eb="10">
      <t>ジギョウ</t>
    </rPh>
    <rPh sb="10" eb="12">
      <t>ケイケン</t>
    </rPh>
    <phoneticPr fontId="84"/>
  </si>
  <si>
    <t>児童指導員（児童福祉事業経験５年以上）</t>
    <rPh sb="0" eb="2">
      <t>ジドウ</t>
    </rPh>
    <rPh sb="2" eb="5">
      <t>シドウイン</t>
    </rPh>
    <phoneticPr fontId="84"/>
  </si>
  <si>
    <t>視覚障害者の生活訓練を専門とする技術者の養成を行う研修を修了した者</t>
    <phoneticPr fontId="84"/>
  </si>
  <si>
    <t>　　２　配置する職員の資格を証明する書類を添付してください。</t>
    <phoneticPr fontId="84"/>
  </si>
  <si>
    <t>　　３　保育士・児童指導員については実務経験を証明する書類を添付してください。</t>
    <phoneticPr fontId="84"/>
  </si>
  <si>
    <t>　　４　保育士・児童指導員については、資格を得てから５年以上児童福祉事業に従事した経験
　　　を有している必要があります。</t>
    <rPh sb="4" eb="7">
      <t>ホイクシ</t>
    </rPh>
    <rPh sb="8" eb="10">
      <t>ジドウ</t>
    </rPh>
    <rPh sb="10" eb="13">
      <t>シドウイン</t>
    </rPh>
    <rPh sb="53" eb="55">
      <t>ヒツヨウ</t>
    </rPh>
    <phoneticPr fontId="84"/>
  </si>
  <si>
    <t>　　５　資格等を求める配置については、配置する職員の資格等を証明する書類を添付して
　　　ください。</t>
    <phoneticPr fontId="84"/>
  </si>
  <si>
    <t>加算別紙５７</t>
    <rPh sb="0" eb="4">
      <t>カサンベッシ</t>
    </rPh>
    <phoneticPr fontId="6"/>
  </si>
  <si>
    <r>
      <rPr>
        <sz val="11"/>
        <rFont val="Segoe UI Symbol"/>
        <family val="3"/>
      </rPr>
      <t>➀</t>
    </r>
    <r>
      <rPr>
        <sz val="11"/>
        <rFont val="HGｺﾞｼｯｸM"/>
        <family val="3"/>
        <charset val="128"/>
      </rPr>
      <t>常勤専従で児童指導員等を配置する場合</t>
    </r>
    <rPh sb="1" eb="3">
      <t>ジョウキン</t>
    </rPh>
    <rPh sb="3" eb="5">
      <t>センジュウ</t>
    </rPh>
    <rPh sb="6" eb="8">
      <t>ジドウ</t>
    </rPh>
    <rPh sb="8" eb="11">
      <t>シドウイン</t>
    </rPh>
    <rPh sb="11" eb="12">
      <t>トウ</t>
    </rPh>
    <rPh sb="13" eb="15">
      <t>ハイチ</t>
    </rPh>
    <rPh sb="17" eb="19">
      <t>バアイ</t>
    </rPh>
    <phoneticPr fontId="6"/>
  </si>
  <si>
    <r>
      <t>単位</t>
    </r>
    <r>
      <rPr>
        <sz val="11"/>
        <rFont val="Segoe UI Symbol"/>
        <family val="3"/>
      </rPr>
      <t>➀</t>
    </r>
    <rPh sb="0" eb="2">
      <t>タンイ</t>
    </rPh>
    <phoneticPr fontId="6"/>
  </si>
  <si>
    <t>従業者の総数 B</t>
    <phoneticPr fontId="6"/>
  </si>
  <si>
    <t>うち経験５年以上の児童指導員等の員数（常勤専従）</t>
    <phoneticPr fontId="6"/>
  </si>
  <si>
    <t>うち児童指導員等の員数（常勤専従）</t>
    <phoneticPr fontId="6"/>
  </si>
  <si>
    <r>
      <rPr>
        <sz val="11"/>
        <rFont val="Segoe UI Symbol"/>
        <family val="3"/>
      </rPr>
      <t>②①</t>
    </r>
    <r>
      <rPr>
        <sz val="11"/>
        <rFont val="HGｺﾞｼｯｸM"/>
        <family val="3"/>
        <charset val="128"/>
      </rPr>
      <t>以外の場合</t>
    </r>
    <rPh sb="2" eb="4">
      <t>イガイ</t>
    </rPh>
    <rPh sb="5" eb="7">
      <t>バアイ</t>
    </rPh>
    <phoneticPr fontId="6"/>
  </si>
  <si>
    <t>基準人数 A</t>
    <phoneticPr fontId="6"/>
  </si>
  <si>
    <t>うち経験５年以上の児童指導員等の員数（常勤換算）</t>
    <rPh sb="2" eb="4">
      <t>ケイケン</t>
    </rPh>
    <rPh sb="5" eb="8">
      <t>ネンイジョウ</t>
    </rPh>
    <rPh sb="9" eb="11">
      <t>ジドウ</t>
    </rPh>
    <rPh sb="11" eb="14">
      <t>シドウイン</t>
    </rPh>
    <rPh sb="14" eb="15">
      <t>トウ</t>
    </rPh>
    <rPh sb="16" eb="18">
      <t>インスウ</t>
    </rPh>
    <rPh sb="21" eb="23">
      <t>カンサン</t>
    </rPh>
    <phoneticPr fontId="6"/>
  </si>
  <si>
    <t>うち児童指導員等の員数（常勤換算）</t>
    <rPh sb="2" eb="4">
      <t>ジドウ</t>
    </rPh>
    <rPh sb="4" eb="7">
      <t>シドウイン</t>
    </rPh>
    <rPh sb="7" eb="8">
      <t>トウ</t>
    </rPh>
    <rPh sb="9" eb="11">
      <t>インスウ</t>
    </rPh>
    <rPh sb="14" eb="16">
      <t>カンサン</t>
    </rPh>
    <phoneticPr fontId="6"/>
  </si>
  <si>
    <t>児童指導員等加配加算算定区分</t>
    <rPh sb="0" eb="2">
      <t>ジドウ</t>
    </rPh>
    <rPh sb="2" eb="5">
      <t>シドウイン</t>
    </rPh>
    <rPh sb="5" eb="6">
      <t>トウ</t>
    </rPh>
    <rPh sb="6" eb="8">
      <t>カハイ</t>
    </rPh>
    <rPh sb="8" eb="10">
      <t>カサン</t>
    </rPh>
    <rPh sb="10" eb="12">
      <t>サンテイ</t>
    </rPh>
    <rPh sb="12" eb="14">
      <t>クブン</t>
    </rPh>
    <phoneticPr fontId="6"/>
  </si>
  <si>
    <t>ア　児童指導員等（常勤専従・経験５年以上）
イ　児童指導員等（常勤専従）</t>
    <rPh sb="2" eb="4">
      <t>ジドウ</t>
    </rPh>
    <rPh sb="4" eb="7">
      <t>シドウイン</t>
    </rPh>
    <rPh sb="7" eb="8">
      <t>トウ</t>
    </rPh>
    <rPh sb="9" eb="11">
      <t>ジョウキン</t>
    </rPh>
    <rPh sb="11" eb="13">
      <t>センジュウ</t>
    </rPh>
    <rPh sb="14" eb="16">
      <t>ケイケン</t>
    </rPh>
    <rPh sb="17" eb="20">
      <t>ネンイジョウ</t>
    </rPh>
    <rPh sb="24" eb="26">
      <t>ジドウ</t>
    </rPh>
    <rPh sb="26" eb="29">
      <t>シドウイン</t>
    </rPh>
    <rPh sb="29" eb="30">
      <t>トウ</t>
    </rPh>
    <rPh sb="31" eb="33">
      <t>ジョウキン</t>
    </rPh>
    <rPh sb="33" eb="35">
      <t>センジュウ</t>
    </rPh>
    <phoneticPr fontId="6"/>
  </si>
  <si>
    <t>ア　児童指導員等（常勤専従・経験５年以上）
イ　児童指導員等（常勤専従）</t>
    <phoneticPr fontId="6"/>
  </si>
  <si>
    <t>ウ　児童指導員等（常勤換算・経験５年以上）
エ　児童指導員等（常勤換算）</t>
    <rPh sb="2" eb="4">
      <t>ジドウ</t>
    </rPh>
    <rPh sb="4" eb="7">
      <t>シドウイン</t>
    </rPh>
    <rPh sb="7" eb="8">
      <t>トウ</t>
    </rPh>
    <rPh sb="9" eb="11">
      <t>ジョウキン</t>
    </rPh>
    <rPh sb="11" eb="13">
      <t>カンサン</t>
    </rPh>
    <rPh sb="14" eb="16">
      <t>ケイケン</t>
    </rPh>
    <rPh sb="17" eb="18">
      <t>ネン</t>
    </rPh>
    <rPh sb="18" eb="20">
      <t>イジョウ</t>
    </rPh>
    <rPh sb="24" eb="26">
      <t>ジドウ</t>
    </rPh>
    <rPh sb="26" eb="29">
      <t>シドウイン</t>
    </rPh>
    <rPh sb="29" eb="30">
      <t>トウ</t>
    </rPh>
    <phoneticPr fontId="6"/>
  </si>
  <si>
    <t>ウ　児童指導員等（常勤換算・経験５年以上）
エ　児童指導員等（常勤換算）</t>
    <phoneticPr fontId="6"/>
  </si>
  <si>
    <t>オ　その他従業者</t>
    <rPh sb="4" eb="5">
      <t>タ</t>
    </rPh>
    <rPh sb="5" eb="8">
      <t>ジュウギョウシャ</t>
    </rPh>
    <phoneticPr fontId="6"/>
  </si>
  <si>
    <t>　「うち経験５年以上の児童指導員等の員数（常勤専従）」「うち経験５年以上の児童指導員等の員数（常勤換算）」には、サービス毎に配置されている５年以上児童福祉事業に従事した経験を有する理学療法士、作業療法士、言語聴覚士、保育士、心理担当職員又は視覚障害者の生活訓練の養成を行う研修を終了した従業者、児童指導員、手話通訳士、手話通訳者、特別支援学校免許取得者、強度行動障害支援者養成研修（基礎研修）を修了した指導員の数を単位別に記載してください。</t>
    <rPh sb="21" eb="23">
      <t>ジョウキン</t>
    </rPh>
    <rPh sb="23" eb="25">
      <t>センジュウ</t>
    </rPh>
    <rPh sb="62" eb="64">
      <t>ハイチ</t>
    </rPh>
    <rPh sb="114" eb="116">
      <t>タントウ</t>
    </rPh>
    <rPh sb="116" eb="118">
      <t>ショクイン</t>
    </rPh>
    <rPh sb="147" eb="149">
      <t>ジドウ</t>
    </rPh>
    <rPh sb="149" eb="152">
      <t>シドウイン</t>
    </rPh>
    <phoneticPr fontId="6"/>
  </si>
  <si>
    <t>　「うち児童指導員等の員数（常勤専従）」「うち児童指導員等の員数（常勤換算）」には、サービス毎に配置されている児童福祉事業に従事した経験が５年に満たない理学療法士、作業療法士、言語聴覚士、保育士、心理担当職員又は視覚障害者の生活訓練の養成を行う研修を終了した従業者、児童指導員、手話通訳士、手話通訳者、特別支援学校免許取得者、強度行動障害支援者養成研修（基礎研修）を修了した指導員の数を単位別に記載してください。</t>
    <rPh sb="14" eb="16">
      <t>ジョウキン</t>
    </rPh>
    <rPh sb="16" eb="18">
      <t>センジュウ</t>
    </rPh>
    <rPh sb="70" eb="71">
      <t>ネン</t>
    </rPh>
    <rPh sb="72" eb="73">
      <t>ミ</t>
    </rPh>
    <rPh sb="100" eb="102">
      <t>タントウ</t>
    </rPh>
    <rPh sb="102" eb="104">
      <t>ショクイン</t>
    </rPh>
    <rPh sb="133" eb="135">
      <t>ジドウ</t>
    </rPh>
    <rPh sb="135" eb="138">
      <t>シドウイン</t>
    </rPh>
    <rPh sb="151" eb="153">
      <t>トクベツ</t>
    </rPh>
    <rPh sb="153" eb="155">
      <t>シエン</t>
    </rPh>
    <rPh sb="155" eb="157">
      <t>ガッコウ</t>
    </rPh>
    <rPh sb="157" eb="159">
      <t>メンキョ</t>
    </rPh>
    <rPh sb="159" eb="162">
      <t>シュトクシャ</t>
    </rPh>
    <phoneticPr fontId="6"/>
  </si>
  <si>
    <t>　「うちその他の従業者の員数（常勤換算）」の数を単位別に記載してください。</t>
    <rPh sb="6" eb="7">
      <t>タ</t>
    </rPh>
    <rPh sb="8" eb="11">
      <t>ジュウギョウシャ</t>
    </rPh>
    <rPh sb="12" eb="14">
      <t>インスウ</t>
    </rPh>
    <rPh sb="15" eb="17">
      <t>ジョウキン</t>
    </rPh>
    <rPh sb="17" eb="19">
      <t>カンサン</t>
    </rPh>
    <phoneticPr fontId="6"/>
  </si>
  <si>
    <t>　経験５年以上の児童指導員等については、実務経験を証明する書類を添付してください。</t>
    <phoneticPr fontId="6"/>
  </si>
  <si>
    <t>　資格等を求める配置については、配置する職員の資格等を証明する書類を添付してください。</t>
    <rPh sb="1" eb="3">
      <t>シカク</t>
    </rPh>
    <rPh sb="3" eb="4">
      <t>トウ</t>
    </rPh>
    <rPh sb="5" eb="6">
      <t>モト</t>
    </rPh>
    <rPh sb="16" eb="18">
      <t>ハイチ</t>
    </rPh>
    <phoneticPr fontId="6"/>
  </si>
  <si>
    <t>基準人数 A</t>
    <phoneticPr fontId="6"/>
  </si>
  <si>
    <t>　常勤専従で加配する者については、基準人員で求められている常勤１以上に該当する従業者とは異なる者であることに留意ください。</t>
    <phoneticPr fontId="6"/>
  </si>
  <si>
    <t>　算定区分について、該当項目に○を付してください。</t>
    <phoneticPr fontId="6"/>
  </si>
  <si>
    <t>　　　</t>
    <phoneticPr fontId="6"/>
  </si>
  <si>
    <t>加算別紙５８</t>
    <rPh sb="0" eb="4">
      <t>カサンベッシ</t>
    </rPh>
    <phoneticPr fontId="84"/>
  </si>
  <si>
    <t>②</t>
    <phoneticPr fontId="6"/>
  </si>
  <si>
    <t>　２　看護職員の
　　　状況</t>
    <rPh sb="3" eb="5">
      <t>カンゴ</t>
    </rPh>
    <rPh sb="5" eb="7">
      <t>ショクイン</t>
    </rPh>
    <rPh sb="12" eb="14">
      <t>ジョウキョウ</t>
    </rPh>
    <phoneticPr fontId="6"/>
  </si>
  <si>
    <t>医療的ケア区分に伴う基本報酬を算定する上で配置する看護職員の人数　Ｂ</t>
    <rPh sb="0" eb="3">
      <t>イリョウテキ</t>
    </rPh>
    <rPh sb="5" eb="7">
      <t>クブン</t>
    </rPh>
    <rPh sb="8" eb="9">
      <t>トモナ</t>
    </rPh>
    <rPh sb="10" eb="12">
      <t>キホン</t>
    </rPh>
    <rPh sb="12" eb="14">
      <t>ホウシュウ</t>
    </rPh>
    <rPh sb="15" eb="17">
      <t>サンテイ</t>
    </rPh>
    <rPh sb="19" eb="20">
      <t>ウエ</t>
    </rPh>
    <rPh sb="21" eb="23">
      <t>ハイチ</t>
    </rPh>
    <rPh sb="25" eb="27">
      <t>カンゴ</t>
    </rPh>
    <rPh sb="27" eb="29">
      <t>ショクイン</t>
    </rPh>
    <rPh sb="30" eb="32">
      <t>ニンズウ</t>
    </rPh>
    <phoneticPr fontId="6"/>
  </si>
  <si>
    <t>看護職員の総数 Ｃ
（常勤換算）</t>
    <rPh sb="0" eb="2">
      <t>カンゴ</t>
    </rPh>
    <rPh sb="2" eb="4">
      <t>ショクイン</t>
    </rPh>
    <rPh sb="5" eb="7">
      <t>ソウスウ</t>
    </rPh>
    <rPh sb="11" eb="13">
      <t>ジョウキン</t>
    </rPh>
    <rPh sb="13" eb="15">
      <t>カンサン</t>
    </rPh>
    <phoneticPr fontId="6"/>
  </si>
  <si>
    <t>うち保健師の員数</t>
    <rPh sb="2" eb="5">
      <t>ホケンシ</t>
    </rPh>
    <rPh sb="6" eb="8">
      <t>インスウ</t>
    </rPh>
    <phoneticPr fontId="6"/>
  </si>
  <si>
    <t>うち助産師の員数</t>
    <rPh sb="2" eb="5">
      <t>ジョサンシ</t>
    </rPh>
    <rPh sb="6" eb="8">
      <t>インスウ</t>
    </rPh>
    <phoneticPr fontId="6"/>
  </si>
  <si>
    <t>うち看護師の員数</t>
    <rPh sb="2" eb="5">
      <t>カンゴシ</t>
    </rPh>
    <rPh sb="6" eb="8">
      <t>インスウ</t>
    </rPh>
    <phoneticPr fontId="6"/>
  </si>
  <si>
    <t>うち准看護師の員数</t>
    <rPh sb="2" eb="6">
      <t>ジュンカンゴシ</t>
    </rPh>
    <rPh sb="7" eb="9">
      <t>インスウ</t>
    </rPh>
    <phoneticPr fontId="6"/>
  </si>
  <si>
    <t>加配人数
（Ｃ－Ｂ－A）</t>
    <rPh sb="0" eb="2">
      <t>カハイ</t>
    </rPh>
    <rPh sb="2" eb="4">
      <t>ニンズウ</t>
    </rPh>
    <phoneticPr fontId="6"/>
  </si>
  <si>
    <t>　３　医療的ケア児
　　　の医療的ケア
　　　スコア</t>
    <rPh sb="3" eb="6">
      <t>イリョウテキ</t>
    </rPh>
    <rPh sb="8" eb="9">
      <t>ジ</t>
    </rPh>
    <rPh sb="14" eb="17">
      <t>イリョウテキ</t>
    </rPh>
    <phoneticPr fontId="6"/>
  </si>
  <si>
    <t>　</t>
    <phoneticPr fontId="6"/>
  </si>
  <si>
    <t>備考１　「サービスの種別」、「異動区分」欄については、該当する番号に○を付してください。</t>
    <rPh sb="0" eb="2">
      <t>ビコウ</t>
    </rPh>
    <rPh sb="10" eb="12">
      <t>シュベツ</t>
    </rPh>
    <rPh sb="15" eb="17">
      <t>イドウ</t>
    </rPh>
    <rPh sb="17" eb="19">
      <t>クブン</t>
    </rPh>
    <rPh sb="20" eb="21">
      <t>ラン</t>
    </rPh>
    <rPh sb="27" eb="29">
      <t>ガイトウ</t>
    </rPh>
    <rPh sb="31" eb="33">
      <t>バンゴウ</t>
    </rPh>
    <rPh sb="36" eb="37">
      <t>フ</t>
    </rPh>
    <phoneticPr fontId="6"/>
  </si>
  <si>
    <t>　　２　「看護職員の状況」には、サービス毎に単位を分けている場合は、看護職員の数を単位別に記載してください。</t>
    <rPh sb="5" eb="7">
      <t>カンゴ</t>
    </rPh>
    <rPh sb="7" eb="9">
      <t>ショクイン</t>
    </rPh>
    <rPh sb="10" eb="12">
      <t>ジョウキョウ</t>
    </rPh>
    <rPh sb="20" eb="21">
      <t>ゴト</t>
    </rPh>
    <rPh sb="34" eb="36">
      <t>カンゴ</t>
    </rPh>
    <rPh sb="36" eb="38">
      <t>ショクイン</t>
    </rPh>
    <rPh sb="39" eb="40">
      <t>カズ</t>
    </rPh>
    <rPh sb="41" eb="43">
      <t>タンイ</t>
    </rPh>
    <rPh sb="43" eb="44">
      <t>ベツ</t>
    </rPh>
    <rPh sb="45" eb="47">
      <t>キサイ</t>
    </rPh>
    <phoneticPr fontId="6"/>
  </si>
  <si>
    <t>　　３　多機能型（人員配置特例の利用あり）の場合、は、「看護職員の状況」単位①・②欄にそれぞれ児童発達支援と  
　　　放課後等デイサービスの「基準人員」等をそれぞれ記載してください。</t>
    <rPh sb="4" eb="8">
      <t>タキノウガタ</t>
    </rPh>
    <rPh sb="9" eb="11">
      <t>ジンイン</t>
    </rPh>
    <rPh sb="11" eb="13">
      <t>ハイチ</t>
    </rPh>
    <rPh sb="13" eb="15">
      <t>トクレイ</t>
    </rPh>
    <rPh sb="16" eb="18">
      <t>リヨウ</t>
    </rPh>
    <rPh sb="22" eb="24">
      <t>バアイ</t>
    </rPh>
    <rPh sb="28" eb="30">
      <t>カンゴ</t>
    </rPh>
    <rPh sb="30" eb="32">
      <t>ショクイン</t>
    </rPh>
    <rPh sb="33" eb="35">
      <t>ジョウキョウ</t>
    </rPh>
    <rPh sb="36" eb="38">
      <t>タンイ</t>
    </rPh>
    <rPh sb="41" eb="42">
      <t>ラン</t>
    </rPh>
    <rPh sb="47" eb="49">
      <t>ジドウ</t>
    </rPh>
    <rPh sb="49" eb="51">
      <t>ハッタツ</t>
    </rPh>
    <rPh sb="51" eb="53">
      <t>シエン</t>
    </rPh>
    <rPh sb="60" eb="63">
      <t>ホウカゴ</t>
    </rPh>
    <rPh sb="63" eb="64">
      <t>トウ</t>
    </rPh>
    <rPh sb="72" eb="74">
      <t>キジュン</t>
    </rPh>
    <rPh sb="74" eb="76">
      <t>ジンイン</t>
    </rPh>
    <rPh sb="77" eb="78">
      <t>トウ</t>
    </rPh>
    <rPh sb="83" eb="85">
      <t>キサイ</t>
    </rPh>
    <phoneticPr fontId="6"/>
  </si>
  <si>
    <r>
      <t>　　</t>
    </r>
    <r>
      <rPr>
        <sz val="10.5"/>
        <rFont val="HGｺﾞｼｯｸM"/>
        <family val="3"/>
        <charset val="128"/>
      </rPr>
      <t>４　「うち保健師の員数」等には、サービス毎に配置されている看護職員の数を単位別に記載してください。</t>
    </r>
    <rPh sb="7" eb="10">
      <t>ホケンシ</t>
    </rPh>
    <rPh sb="11" eb="13">
      <t>インスウ</t>
    </rPh>
    <rPh sb="14" eb="15">
      <t>トウ</t>
    </rPh>
    <rPh sb="22" eb="23">
      <t>ゴト</t>
    </rPh>
    <rPh sb="24" eb="26">
      <t>ハイチ</t>
    </rPh>
    <rPh sb="31" eb="33">
      <t>カンゴ</t>
    </rPh>
    <rPh sb="33" eb="35">
      <t>ショクイン</t>
    </rPh>
    <rPh sb="36" eb="37">
      <t>カズ</t>
    </rPh>
    <rPh sb="38" eb="40">
      <t>タンイ</t>
    </rPh>
    <rPh sb="40" eb="41">
      <t>ベツ</t>
    </rPh>
    <rPh sb="42" eb="44">
      <t>キサイ</t>
    </rPh>
    <phoneticPr fontId="6"/>
  </si>
  <si>
    <t>　　５　資格等を求める配置については、配置する職員の資格等を証明する書類を添付してください。</t>
    <phoneticPr fontId="84"/>
  </si>
  <si>
    <t>加算別紙５９</t>
    <rPh sb="0" eb="4">
      <t>カサンベッシ</t>
    </rPh>
    <phoneticPr fontId="6"/>
  </si>
  <si>
    <t>　　年　　月　　日</t>
    <phoneticPr fontId="6"/>
  </si>
  <si>
    <t>児童指導員等加配加算に関する届出書（福祉型障害児入所施設）</t>
    <rPh sb="0" eb="2">
      <t>ジドウ</t>
    </rPh>
    <rPh sb="2" eb="5">
      <t>シドウイン</t>
    </rPh>
    <rPh sb="5" eb="6">
      <t>トウ</t>
    </rPh>
    <rPh sb="6" eb="8">
      <t>カハイ</t>
    </rPh>
    <rPh sb="8" eb="10">
      <t>カサン</t>
    </rPh>
    <rPh sb="11" eb="12">
      <t>カン</t>
    </rPh>
    <rPh sb="14" eb="17">
      <t>トドケデショ</t>
    </rPh>
    <rPh sb="18" eb="28">
      <t>フクシガタショウガイジニュウショシセツ</t>
    </rPh>
    <phoneticPr fontId="6"/>
  </si>
  <si>
    <t>①　新規　　　　　　②　変更　　　　　　　③　終了</t>
    <rPh sb="2" eb="4">
      <t>シンキ</t>
    </rPh>
    <rPh sb="12" eb="14">
      <t>ヘンコウ</t>
    </rPh>
    <rPh sb="23" eb="25">
      <t>シュウリョウ</t>
    </rPh>
    <phoneticPr fontId="6"/>
  </si>
  <si>
    <t>備考１　「異動区分」欄については、該当する番号に○を付してください。</t>
    <rPh sb="0" eb="2">
      <t>ビコウ</t>
    </rPh>
    <phoneticPr fontId="6"/>
  </si>
  <si>
    <r>
      <t>　　</t>
    </r>
    <r>
      <rPr>
        <sz val="11"/>
        <rFont val="HGｺﾞｼｯｸM"/>
        <family val="3"/>
        <charset val="128"/>
      </rPr>
      <t>２　「うち理学療法士等の員数」には、サービス毎に配置されている理学療法士、作業療法
　　　士、言語聴覚士、保育士、心理担当職員又は視覚障害者の生活訓練の養成を行う研修
　　　を終了した従業者の数を単位別に記載してください。</t>
    </r>
    <rPh sb="61" eb="63">
      <t>タントウ</t>
    </rPh>
    <rPh sb="63" eb="65">
      <t>ショクイン</t>
    </rPh>
    <rPh sb="65" eb="66">
      <t>マタ</t>
    </rPh>
    <phoneticPr fontId="6"/>
  </si>
  <si>
    <r>
      <t>　　</t>
    </r>
    <r>
      <rPr>
        <sz val="11"/>
        <rFont val="HGｺﾞｼｯｸM"/>
        <family val="3"/>
        <charset val="128"/>
      </rPr>
      <t>３　「うち児童指導員等の員数」には、サービス毎に配置されている児童指導員又は強度行
　　　動障害支援者養成研修（基礎研修）を修了した指導員の数を単位別に記載してください。</t>
    </r>
    <rPh sb="7" eb="9">
      <t>ジドウ</t>
    </rPh>
    <rPh sb="9" eb="12">
      <t>シドウイン</t>
    </rPh>
    <rPh sb="12" eb="13">
      <t>トウ</t>
    </rPh>
    <rPh sb="14" eb="16">
      <t>インスウ</t>
    </rPh>
    <rPh sb="24" eb="25">
      <t>ゴト</t>
    </rPh>
    <rPh sb="26" eb="28">
      <t>ハイチ</t>
    </rPh>
    <rPh sb="33" eb="35">
      <t>ジドウ</t>
    </rPh>
    <rPh sb="35" eb="38">
      <t>シドウイン</t>
    </rPh>
    <rPh sb="38" eb="39">
      <t>マタ</t>
    </rPh>
    <rPh sb="40" eb="42">
      <t>キョウド</t>
    </rPh>
    <rPh sb="42" eb="43">
      <t>ギョウ</t>
    </rPh>
    <rPh sb="47" eb="48">
      <t>ドウ</t>
    </rPh>
    <rPh sb="48" eb="50">
      <t>ショウガイ</t>
    </rPh>
    <rPh sb="50" eb="53">
      <t>シエンシャ</t>
    </rPh>
    <rPh sb="53" eb="55">
      <t>ヨウセイ</t>
    </rPh>
    <rPh sb="55" eb="57">
      <t>ケンシュウ</t>
    </rPh>
    <rPh sb="58" eb="60">
      <t>キソ</t>
    </rPh>
    <rPh sb="60" eb="62">
      <t>ケンシュウ</t>
    </rPh>
    <rPh sb="64" eb="66">
      <t>シュウリョウ</t>
    </rPh>
    <rPh sb="68" eb="71">
      <t>シドウイン</t>
    </rPh>
    <rPh sb="72" eb="73">
      <t>カズ</t>
    </rPh>
    <rPh sb="74" eb="76">
      <t>タンイ</t>
    </rPh>
    <rPh sb="76" eb="77">
      <t>ベツ</t>
    </rPh>
    <rPh sb="78" eb="80">
      <t>キサイ</t>
    </rPh>
    <phoneticPr fontId="6"/>
  </si>
  <si>
    <r>
      <t>　　</t>
    </r>
    <r>
      <rPr>
        <sz val="11"/>
        <rFont val="HGｺﾞｼｯｸM"/>
        <family val="3"/>
        <charset val="128"/>
      </rPr>
      <t>４　資格等を求める配置については、配置する職員の資格等を証明する書類を添付してくだ
　　　さい。</t>
    </r>
    <phoneticPr fontId="6"/>
  </si>
  <si>
    <t>加算別紙６１</t>
    <rPh sb="0" eb="4">
      <t>カサンベッシ</t>
    </rPh>
    <phoneticPr fontId="6"/>
  </si>
  <si>
    <t>加算別紙６２-1</t>
    <rPh sb="0" eb="4">
      <t>カサンベッシ</t>
    </rPh>
    <phoneticPr fontId="6"/>
  </si>
  <si>
    <t>強度行動障害児支援加算に関する届出書
（児童発達支援・居宅訪問型児童発達支援・保育所等訪問支援）</t>
    <rPh sb="0" eb="2">
      <t>キョウド</t>
    </rPh>
    <rPh sb="2" eb="4">
      <t>コウドウ</t>
    </rPh>
    <rPh sb="4" eb="5">
      <t>ショウ</t>
    </rPh>
    <rPh sb="5" eb="6">
      <t>ガイ</t>
    </rPh>
    <rPh sb="6" eb="7">
      <t>ジ</t>
    </rPh>
    <rPh sb="7" eb="9">
      <t>シエン</t>
    </rPh>
    <rPh sb="9" eb="11">
      <t>カサン</t>
    </rPh>
    <rPh sb="12" eb="13">
      <t>カン</t>
    </rPh>
    <rPh sb="15" eb="18">
      <t>トドケデショ</t>
    </rPh>
    <rPh sb="20" eb="22">
      <t>ジドウ</t>
    </rPh>
    <rPh sb="22" eb="24">
      <t>ハッタツ</t>
    </rPh>
    <rPh sb="24" eb="26">
      <t>シエン</t>
    </rPh>
    <rPh sb="27" eb="38">
      <t>キョタクホウモンガタジドウハッタツシエン</t>
    </rPh>
    <rPh sb="39" eb="47">
      <t>ホイクジョトウホウモンシエン</t>
    </rPh>
    <phoneticPr fontId="6"/>
  </si>
  <si>
    <t>　　２　サービス種別</t>
    <rPh sb="8" eb="10">
      <t>シュベツ</t>
    </rPh>
    <phoneticPr fontId="84"/>
  </si>
  <si>
    <t>①児童発達支援　　②居宅訪問型児童発達支援　　③保育所等訪問支援</t>
    <rPh sb="1" eb="3">
      <t>ジドウ</t>
    </rPh>
    <rPh sb="3" eb="5">
      <t>ハッタツ</t>
    </rPh>
    <rPh sb="5" eb="7">
      <t>シエン</t>
    </rPh>
    <rPh sb="10" eb="21">
      <t>キョタクホウモンガタジドウハッタツシエン</t>
    </rPh>
    <rPh sb="24" eb="27">
      <t>ホイクジョ</t>
    </rPh>
    <rPh sb="27" eb="28">
      <t>トウ</t>
    </rPh>
    <rPh sb="28" eb="30">
      <t>ホウモン</t>
    </rPh>
    <rPh sb="30" eb="32">
      <t>シエン</t>
    </rPh>
    <phoneticPr fontId="84"/>
  </si>
  <si>
    <t>　　３　職員の勤務体制</t>
    <rPh sb="4" eb="6">
      <t>ショクイン</t>
    </rPh>
    <rPh sb="7" eb="11">
      <t>キンムタイセイ</t>
    </rPh>
    <phoneticPr fontId="84"/>
  </si>
  <si>
    <t>　１　強度行動障害支援者養成研修（実践研修）修了者　配置</t>
    <phoneticPr fontId="6"/>
  </si>
  <si>
    <t>　２　強度行動障害支援者養成研修（基礎研修）修了者　配置</t>
    <phoneticPr fontId="6"/>
  </si>
  <si>
    <t>※　１は必須　　２は１が兼ねる場合も可</t>
    <rPh sb="4" eb="6">
      <t>ヒッス</t>
    </rPh>
    <rPh sb="12" eb="13">
      <t>カ</t>
    </rPh>
    <rPh sb="15" eb="17">
      <t>バアイ</t>
    </rPh>
    <rPh sb="18" eb="19">
      <t>カ</t>
    </rPh>
    <phoneticPr fontId="84"/>
  </si>
  <si>
    <t>備考１　「異動区分」欄及び「サービス種別」欄については、該当する番号に○を付してください。</t>
    <rPh sb="0" eb="2">
      <t>ビコウ</t>
    </rPh>
    <rPh sb="5" eb="7">
      <t>イドウ</t>
    </rPh>
    <rPh sb="7" eb="9">
      <t>クブン</t>
    </rPh>
    <rPh sb="10" eb="11">
      <t>ラン</t>
    </rPh>
    <rPh sb="11" eb="12">
      <t>オヨ</t>
    </rPh>
    <rPh sb="18" eb="20">
      <t>シュベツ</t>
    </rPh>
    <rPh sb="21" eb="22">
      <t>ラン</t>
    </rPh>
    <rPh sb="28" eb="30">
      <t>ガイトウ</t>
    </rPh>
    <rPh sb="32" eb="34">
      <t>バンゴウ</t>
    </rPh>
    <rPh sb="37" eb="38">
      <t>フ</t>
    </rPh>
    <phoneticPr fontId="6"/>
  </si>
  <si>
    <t>　　２　資格等を求める配置については、配置する職員の資格等を証明する書類を添付してください。</t>
    <phoneticPr fontId="6"/>
  </si>
  <si>
    <t>加算別紙６２-２</t>
    <rPh sb="0" eb="4">
      <t>カサンベッシ</t>
    </rPh>
    <phoneticPr fontId="6"/>
  </si>
  <si>
    <t>強度行動障害児支援加算に関する届出書
（放課後等デイサービス）</t>
    <rPh sb="0" eb="2">
      <t>キョウド</t>
    </rPh>
    <rPh sb="2" eb="4">
      <t>コウドウ</t>
    </rPh>
    <rPh sb="4" eb="5">
      <t>ショウ</t>
    </rPh>
    <rPh sb="5" eb="6">
      <t>ガイ</t>
    </rPh>
    <rPh sb="6" eb="7">
      <t>ジ</t>
    </rPh>
    <rPh sb="7" eb="9">
      <t>シエン</t>
    </rPh>
    <rPh sb="9" eb="11">
      <t>カサン</t>
    </rPh>
    <rPh sb="12" eb="13">
      <t>カン</t>
    </rPh>
    <rPh sb="15" eb="18">
      <t>トドケデショ</t>
    </rPh>
    <rPh sb="20" eb="24">
      <t>ホウカゴトウ</t>
    </rPh>
    <phoneticPr fontId="6"/>
  </si>
  <si>
    <t>　　２　届出項目</t>
    <rPh sb="4" eb="6">
      <t>トドケデ</t>
    </rPh>
    <rPh sb="6" eb="8">
      <t>コウモク</t>
    </rPh>
    <phoneticPr fontId="6"/>
  </si>
  <si>
    <t>①　強度行動障害児支援加算（Ⅰ）
②　強度行動障害児支援加算（Ⅱ）</t>
    <rPh sb="2" eb="4">
      <t>キョウド</t>
    </rPh>
    <rPh sb="4" eb="9">
      <t>コウドウショウガイジ</t>
    </rPh>
    <rPh sb="9" eb="11">
      <t>シエン</t>
    </rPh>
    <rPh sb="11" eb="13">
      <t>カサン</t>
    </rPh>
    <rPh sb="20" eb="22">
      <t>キョウド</t>
    </rPh>
    <rPh sb="22" eb="27">
      <t>コウドウショウガイジ</t>
    </rPh>
    <rPh sb="27" eb="29">
      <t>シエン</t>
    </rPh>
    <rPh sb="29" eb="31">
      <t>カサン</t>
    </rPh>
    <phoneticPr fontId="6"/>
  </si>
  <si>
    <t>　　３　職員の体制</t>
    <rPh sb="4" eb="6">
      <t>ショクイン</t>
    </rPh>
    <rPh sb="7" eb="9">
      <t>タイセイ</t>
    </rPh>
    <phoneticPr fontId="84"/>
  </si>
  <si>
    <t>※加算（Ⅰ）</t>
    <rPh sb="1" eb="3">
      <t>カサン</t>
    </rPh>
    <phoneticPr fontId="6"/>
  </si>
  <si>
    <t>※加算（Ⅱ）</t>
    <rPh sb="1" eb="3">
      <t>カサン</t>
    </rPh>
    <phoneticPr fontId="6"/>
  </si>
  <si>
    <t xml:space="preserve">　２　強度行動障害支援者養成研修（中核的人材）修了者　配置
</t>
    <rPh sb="17" eb="19">
      <t>チュウカク</t>
    </rPh>
    <rPh sb="19" eb="20">
      <t>テキ</t>
    </rPh>
    <rPh sb="20" eb="22">
      <t>ジンザイ</t>
    </rPh>
    <phoneticPr fontId="6"/>
  </si>
  <si>
    <t>　　２　資格等を求める配置については、配置する職員の資格等を証明する書類を添付してください。</t>
    <phoneticPr fontId="6"/>
  </si>
  <si>
    <t>加算別紙６３</t>
    <rPh sb="0" eb="4">
      <t>カサンベッシ</t>
    </rPh>
    <phoneticPr fontId="6"/>
  </si>
  <si>
    <r>
      <t xml:space="preserve">訪問支援員に関する届出書
</t>
    </r>
    <r>
      <rPr>
        <sz val="11"/>
        <rFont val="HGｺﾞｼｯｸM"/>
        <family val="3"/>
        <charset val="128"/>
      </rPr>
      <t>(訪問支援員特別加算・多職種連携加算・ケアニーズ対応加算関係)</t>
    </r>
    <rPh sb="0" eb="2">
      <t>ホウモン</t>
    </rPh>
    <rPh sb="2" eb="4">
      <t>シエン</t>
    </rPh>
    <rPh sb="4" eb="5">
      <t>イン</t>
    </rPh>
    <rPh sb="6" eb="7">
      <t>カン</t>
    </rPh>
    <rPh sb="9" eb="12">
      <t>トドケデショ</t>
    </rPh>
    <rPh sb="14" eb="16">
      <t>ホウモン</t>
    </rPh>
    <rPh sb="16" eb="19">
      <t>シエンイン</t>
    </rPh>
    <rPh sb="19" eb="21">
      <t>トクベツ</t>
    </rPh>
    <rPh sb="21" eb="23">
      <t>カサン</t>
    </rPh>
    <rPh sb="24" eb="27">
      <t>タショクシュ</t>
    </rPh>
    <rPh sb="27" eb="31">
      <t>レンケイカサン</t>
    </rPh>
    <rPh sb="37" eb="39">
      <t>タイオウ</t>
    </rPh>
    <rPh sb="39" eb="41">
      <t>カサン</t>
    </rPh>
    <rPh sb="41" eb="43">
      <t>カンケイ</t>
    </rPh>
    <phoneticPr fontId="6"/>
  </si>
  <si>
    <t>事業所・施設の名称</t>
    <phoneticPr fontId="6"/>
  </si>
  <si>
    <t>①　居宅訪問型児童発達支援　　　②　保育所等訪問支援</t>
    <rPh sb="2" eb="13">
      <t>キョタクホウモンガタジドウハッタツシエン</t>
    </rPh>
    <rPh sb="18" eb="26">
      <t>ホイクジョトウホウモンシエン</t>
    </rPh>
    <phoneticPr fontId="6"/>
  </si>
  <si>
    <t>①　新規　　　　　　②　変更　　　　　　③　終了</t>
    <phoneticPr fontId="6"/>
  </si>
  <si>
    <t>障害児支援
経験年数</t>
    <rPh sb="0" eb="3">
      <t>ショウガイジ</t>
    </rPh>
    <rPh sb="3" eb="5">
      <t>シエン</t>
    </rPh>
    <rPh sb="6" eb="8">
      <t>ケイケン</t>
    </rPh>
    <rPh sb="8" eb="10">
      <t>ネンスウ</t>
    </rPh>
    <phoneticPr fontId="6"/>
  </si>
  <si>
    <r>
      <t>年　　</t>
    </r>
    <r>
      <rPr>
        <sz val="11"/>
        <rFont val="Microsoft JhengHei"/>
        <family val="3"/>
        <charset val="136"/>
      </rPr>
      <t>月</t>
    </r>
    <rPh sb="0" eb="1">
      <t>ネン</t>
    </rPh>
    <rPh sb="3" eb="4">
      <t>ゲツ</t>
    </rPh>
    <phoneticPr fontId="6"/>
  </si>
  <si>
    <t>通算：　年　　月</t>
    <rPh sb="0" eb="2">
      <t>ツウサン</t>
    </rPh>
    <rPh sb="4" eb="5">
      <t>ネン</t>
    </rPh>
    <rPh sb="7" eb="8">
      <t>ゲツ</t>
    </rPh>
    <phoneticPr fontId="6"/>
  </si>
  <si>
    <t>備考１　「異動区分」欄及び「サービス種別」欄については、該当する番号に○を付し
　　　てください。</t>
    <rPh sb="11" eb="12">
      <t>オヨ</t>
    </rPh>
    <rPh sb="18" eb="20">
      <t>シュベツ</t>
    </rPh>
    <rPh sb="21" eb="22">
      <t>ラン</t>
    </rPh>
    <phoneticPr fontId="100"/>
  </si>
  <si>
    <t>　　２　事業所に配置されている訪問支援員について記載してください。記入欄が不足
　　　する場合は、適宜追加してください。</t>
    <rPh sb="4" eb="7">
      <t>ジギョウショ</t>
    </rPh>
    <rPh sb="8" eb="10">
      <t>ハイチ</t>
    </rPh>
    <rPh sb="15" eb="17">
      <t>ホウモン</t>
    </rPh>
    <rPh sb="17" eb="19">
      <t>シエン</t>
    </rPh>
    <rPh sb="19" eb="20">
      <t>イン</t>
    </rPh>
    <rPh sb="24" eb="26">
      <t>キサイ</t>
    </rPh>
    <rPh sb="33" eb="36">
      <t>キニュウラン</t>
    </rPh>
    <rPh sb="37" eb="39">
      <t>フソク</t>
    </rPh>
    <rPh sb="45" eb="47">
      <t>バアイテキギ</t>
    </rPh>
    <rPh sb="47" eb="49">
      <t>ツイカ</t>
    </rPh>
    <phoneticPr fontId="6"/>
  </si>
  <si>
    <t>　　３　障害児支援経験年数には、資格取得後の障害児支援事業所等又は任用後の障害児
　　　支援事業所等の実務経験年数を記載してください。また、実務経験を証明する書類
　　　を添付してください。</t>
    <rPh sb="4" eb="6">
      <t>ショウガイ</t>
    </rPh>
    <rPh sb="6" eb="7">
      <t>ジ</t>
    </rPh>
    <rPh sb="7" eb="9">
      <t>シエン</t>
    </rPh>
    <rPh sb="9" eb="11">
      <t>ケイケン</t>
    </rPh>
    <rPh sb="11" eb="13">
      <t>ネンスウ</t>
    </rPh>
    <rPh sb="16" eb="18">
      <t>シカク</t>
    </rPh>
    <rPh sb="18" eb="20">
      <t>シュトク</t>
    </rPh>
    <rPh sb="20" eb="21">
      <t>ゴ</t>
    </rPh>
    <rPh sb="22" eb="24">
      <t>ショウガイ</t>
    </rPh>
    <rPh sb="24" eb="25">
      <t>ジ</t>
    </rPh>
    <rPh sb="25" eb="27">
      <t>シエン</t>
    </rPh>
    <rPh sb="27" eb="30">
      <t>ジギョウショ</t>
    </rPh>
    <rPh sb="30" eb="31">
      <t>トウ</t>
    </rPh>
    <rPh sb="31" eb="32">
      <t>マタ</t>
    </rPh>
    <rPh sb="33" eb="35">
      <t>ニンヨウ</t>
    </rPh>
    <rPh sb="35" eb="36">
      <t>ゴ</t>
    </rPh>
    <rPh sb="39" eb="40">
      <t>ジ</t>
    </rPh>
    <rPh sb="44" eb="46">
      <t>シエン</t>
    </rPh>
    <rPh sb="46" eb="49">
      <t>ジギョウショ</t>
    </rPh>
    <rPh sb="49" eb="50">
      <t>トウ</t>
    </rPh>
    <rPh sb="51" eb="53">
      <t>ジツム</t>
    </rPh>
    <rPh sb="53" eb="55">
      <t>ケイケン</t>
    </rPh>
    <rPh sb="55" eb="57">
      <t>ネンスウ</t>
    </rPh>
    <rPh sb="58" eb="60">
      <t>キサイ</t>
    </rPh>
    <phoneticPr fontId="6"/>
  </si>
  <si>
    <t xml:space="preserve">    ４ 資格等を求める配置については、配置する職員の資格等を証明する書類を添付して
　　　ください。</t>
    <phoneticPr fontId="84"/>
  </si>
  <si>
    <t>加算別紙６４</t>
    <rPh sb="0" eb="4">
      <t>カサンベッシ</t>
    </rPh>
    <phoneticPr fontId="6"/>
  </si>
  <si>
    <t>強度行動障害児特別支援加算に関する届出書
（福祉型障害児入所施設・医療型障害児入所施設）</t>
    <rPh sb="0" eb="2">
      <t>キョウド</t>
    </rPh>
    <rPh sb="2" eb="4">
      <t>コウドウ</t>
    </rPh>
    <rPh sb="4" eb="5">
      <t>ショウ</t>
    </rPh>
    <rPh sb="5" eb="6">
      <t>ガイ</t>
    </rPh>
    <rPh sb="6" eb="7">
      <t>ジ</t>
    </rPh>
    <rPh sb="7" eb="9">
      <t>トクベツ</t>
    </rPh>
    <rPh sb="9" eb="11">
      <t>シエン</t>
    </rPh>
    <rPh sb="11" eb="13">
      <t>カサン</t>
    </rPh>
    <rPh sb="14" eb="15">
      <t>カン</t>
    </rPh>
    <rPh sb="17" eb="20">
      <t>トドケデショ</t>
    </rPh>
    <rPh sb="22" eb="25">
      <t>フクシガタ</t>
    </rPh>
    <rPh sb="25" eb="28">
      <t>ショウガイジ</t>
    </rPh>
    <rPh sb="28" eb="30">
      <t>ニュウショ</t>
    </rPh>
    <rPh sb="30" eb="32">
      <t>シセツ</t>
    </rPh>
    <rPh sb="33" eb="36">
      <t>イリョウガタ</t>
    </rPh>
    <rPh sb="36" eb="39">
      <t>ショウガイジ</t>
    </rPh>
    <rPh sb="39" eb="41">
      <t>ニュウショ</t>
    </rPh>
    <rPh sb="41" eb="43">
      <t>シセツ</t>
    </rPh>
    <phoneticPr fontId="6"/>
  </si>
  <si>
    <t>①　強度行動障害児特別支援加算（Ⅰ）
②　強度行動障害児特別支援加算（Ⅱ）</t>
    <rPh sb="2" eb="4">
      <t>キョウド</t>
    </rPh>
    <rPh sb="4" eb="9">
      <t>コウドウショウガイジ</t>
    </rPh>
    <rPh sb="9" eb="13">
      <t>トクベツシエン</t>
    </rPh>
    <rPh sb="13" eb="15">
      <t>カサン</t>
    </rPh>
    <rPh sb="21" eb="23">
      <t>キョウド</t>
    </rPh>
    <rPh sb="23" eb="28">
      <t>コウドウショウガイジ</t>
    </rPh>
    <rPh sb="28" eb="34">
      <t>トクベツシエンカサン</t>
    </rPh>
    <phoneticPr fontId="6"/>
  </si>
  <si>
    <t xml:space="preserve">    ３　職員の勤務体制</t>
    <rPh sb="6" eb="8">
      <t>ショクイン</t>
    </rPh>
    <rPh sb="9" eb="11">
      <t>キンム</t>
    </rPh>
    <rPh sb="11" eb="13">
      <t>タイセイ</t>
    </rPh>
    <phoneticPr fontId="6"/>
  </si>
  <si>
    <t>（２）児童指導員の員数</t>
    <rPh sb="3" eb="5">
      <t>ジドウ</t>
    </rPh>
    <rPh sb="5" eb="7">
      <t>シドウ</t>
    </rPh>
    <rPh sb="7" eb="8">
      <t>イン</t>
    </rPh>
    <rPh sb="9" eb="11">
      <t>インスウ</t>
    </rPh>
    <phoneticPr fontId="6"/>
  </si>
  <si>
    <t>員数（常勤）</t>
    <rPh sb="0" eb="2">
      <t>インスウ</t>
    </rPh>
    <rPh sb="3" eb="5">
      <t>ジョウキン</t>
    </rPh>
    <phoneticPr fontId="6"/>
  </si>
  <si>
    <t>基準上必要な数</t>
    <rPh sb="0" eb="2">
      <t>キジュン</t>
    </rPh>
    <rPh sb="2" eb="3">
      <t>ジョウ</t>
    </rPh>
    <rPh sb="3" eb="5">
      <t>ヒツヨウ</t>
    </rPh>
    <rPh sb="6" eb="7">
      <t>カズ</t>
    </rPh>
    <phoneticPr fontId="6"/>
  </si>
  <si>
    <t>（３）心理担当職員</t>
    <rPh sb="3" eb="5">
      <t>シンリ</t>
    </rPh>
    <rPh sb="5" eb="7">
      <t>タントウ</t>
    </rPh>
    <rPh sb="7" eb="9">
      <t>ショクイン</t>
    </rPh>
    <phoneticPr fontId="6"/>
  </si>
  <si>
    <t>（４）加算（Ⅰ）</t>
    <rPh sb="3" eb="5">
      <t>カサン</t>
    </rPh>
    <phoneticPr fontId="6"/>
  </si>
  <si>
    <t>　１　強度行動障害支援者養成研修（実践研修）修了者　配置</t>
    <phoneticPr fontId="6"/>
  </si>
  <si>
    <t>（５）加算（Ⅱ）</t>
    <rPh sb="3" eb="5">
      <t>カサン</t>
    </rPh>
    <phoneticPr fontId="6"/>
  </si>
  <si>
    <r>
      <t>　</t>
    </r>
    <r>
      <rPr>
        <sz val="11"/>
        <rFont val="HGｺﾞｼｯｸM"/>
        <family val="3"/>
        <charset val="128"/>
      </rPr>
      <t>１　強度行動障害支援者養成研修（中核的人材）修了者　配置</t>
    </r>
    <rPh sb="17" eb="19">
      <t>チュウカク</t>
    </rPh>
    <rPh sb="19" eb="20">
      <t>テキ</t>
    </rPh>
    <rPh sb="20" eb="22">
      <t>ジンザイ</t>
    </rPh>
    <phoneticPr fontId="6"/>
  </si>
  <si>
    <t>　　４　一時的に落ち着く
　　　ことのできる空間の
　　　有無</t>
    <rPh sb="4" eb="7">
      <t>イチジテキ</t>
    </rPh>
    <rPh sb="8" eb="9">
      <t>オ</t>
    </rPh>
    <rPh sb="10" eb="11">
      <t>ツ</t>
    </rPh>
    <rPh sb="22" eb="24">
      <t>クウカン</t>
    </rPh>
    <rPh sb="29" eb="31">
      <t>ウム</t>
    </rPh>
    <phoneticPr fontId="84"/>
  </si>
  <si>
    <t>①あり　　　　　　　　　　　　　②なし</t>
    <phoneticPr fontId="84"/>
  </si>
  <si>
    <t>　　２　医師については、経歴が分かる書類を添付してください。</t>
    <rPh sb="4" eb="6">
      <t>イシ</t>
    </rPh>
    <phoneticPr fontId="84"/>
  </si>
  <si>
    <t>　　３　心理担当職員については、加算を開始しようとする月の勤務割表を添付してください。</t>
    <rPh sb="4" eb="6">
      <t>シンリ</t>
    </rPh>
    <rPh sb="6" eb="8">
      <t>タントウ</t>
    </rPh>
    <rPh sb="8" eb="10">
      <t>ショクイン</t>
    </rPh>
    <phoneticPr fontId="84"/>
  </si>
  <si>
    <t>　　４　資格等を求める配置については、配置する職員の資格等を証明する書類を添付してください。</t>
    <phoneticPr fontId="6"/>
  </si>
  <si>
    <t>加算別紙６５</t>
    <rPh sb="0" eb="4">
      <t>カサンベッシ</t>
    </rPh>
    <phoneticPr fontId="6"/>
  </si>
  <si>
    <t>心理担当職員配置加算・要支援児童加算に関する届出書</t>
  </si>
  <si>
    <t>　１　施設の名称</t>
    <rPh sb="3" eb="5">
      <t>シセツ</t>
    </rPh>
    <rPh sb="6" eb="8">
      <t>メイショウ</t>
    </rPh>
    <phoneticPr fontId="6"/>
  </si>
  <si>
    <t>　２　施設種別</t>
    <rPh sb="3" eb="5">
      <t>シセツ</t>
    </rPh>
    <rPh sb="5" eb="7">
      <t>シュベツ</t>
    </rPh>
    <phoneticPr fontId="84"/>
  </si>
  <si>
    <t>１　福祉型障害児入所施設　　　　２　医療型障害児入所施設</t>
    <rPh sb="2" eb="12">
      <t>フクシガタショウガイジニュウショシセツ</t>
    </rPh>
    <rPh sb="18" eb="20">
      <t>イリョウ</t>
    </rPh>
    <rPh sb="20" eb="21">
      <t>ガタ</t>
    </rPh>
    <rPh sb="21" eb="28">
      <t>ショウガイジニュウショシセツ</t>
    </rPh>
    <phoneticPr fontId="84"/>
  </si>
  <si>
    <t>　３　届け出る加算</t>
    <rPh sb="3" eb="4">
      <t>トド</t>
    </rPh>
    <rPh sb="5" eb="6">
      <t>デ</t>
    </rPh>
    <rPh sb="7" eb="9">
      <t>カサン</t>
    </rPh>
    <phoneticPr fontId="84"/>
  </si>
  <si>
    <t>１　心理担当職員配置加算　　　２　要支援児童加算　　３　１及び２</t>
    <rPh sb="2" eb="12">
      <t>シンリタントウショクインハイチカサン</t>
    </rPh>
    <rPh sb="17" eb="20">
      <t>ヨウシエン</t>
    </rPh>
    <rPh sb="20" eb="22">
      <t>ジドウ</t>
    </rPh>
    <rPh sb="22" eb="24">
      <t>カサン</t>
    </rPh>
    <rPh sb="29" eb="30">
      <t>オヨ</t>
    </rPh>
    <phoneticPr fontId="84"/>
  </si>
  <si>
    <t>　４　異動区分</t>
    <rPh sb="3" eb="5">
      <t>イドウ</t>
    </rPh>
    <rPh sb="5" eb="7">
      <t>クブン</t>
    </rPh>
    <phoneticPr fontId="6"/>
  </si>
  <si>
    <t>　５　心理担当職員</t>
    <rPh sb="3" eb="5">
      <t>シンリ</t>
    </rPh>
    <rPh sb="5" eb="7">
      <t>タントウ</t>
    </rPh>
    <rPh sb="7" eb="9">
      <t>ショクイン</t>
    </rPh>
    <phoneticPr fontId="6"/>
  </si>
  <si>
    <t>障害児支援に従事した
経験年数</t>
    <phoneticPr fontId="84"/>
  </si>
  <si>
    <t>　６　心理支援に必要
　　　な部屋・設備</t>
    <rPh sb="3" eb="5">
      <t>シンリ</t>
    </rPh>
    <rPh sb="5" eb="7">
      <t>シエン</t>
    </rPh>
    <rPh sb="8" eb="10">
      <t>ヒツヨウ</t>
    </rPh>
    <rPh sb="15" eb="17">
      <t>ヘヤ</t>
    </rPh>
    <rPh sb="18" eb="20">
      <t>セツビ</t>
    </rPh>
    <phoneticPr fontId="6"/>
  </si>
  <si>
    <t>備考１　</t>
    <rPh sb="0" eb="2">
      <t>ビコウ</t>
    </rPh>
    <phoneticPr fontId="6"/>
  </si>
  <si>
    <t>「施設種別」欄、「届け出る加算」欄、「移動区分」欄については、該当する番号に
○を付してください。</t>
    <phoneticPr fontId="84"/>
  </si>
  <si>
    <t>２</t>
    <phoneticPr fontId="84"/>
  </si>
  <si>
    <t>心理支援を行う部屋・設備については、具体的に記載するほか、図面等を添付して
ください。</t>
    <phoneticPr fontId="84"/>
  </si>
  <si>
    <t>３</t>
    <phoneticPr fontId="84"/>
  </si>
  <si>
    <t>心理担当職員配置加算に関する届出にあっては、心的外傷のため心理支援を必要と
する障害児について、別紙名簿を提出し、対象児童に変更があった場合は、その
都度、別紙名簿のみを提出してください。</t>
    <phoneticPr fontId="84"/>
  </si>
  <si>
    <t>４</t>
    <phoneticPr fontId="84"/>
  </si>
  <si>
    <t>心理担当職員配置加算を算定する場合には、「５　心理担当職員」欄の「障害児支援
に従事した経験年数」を記載するとともに、実務経験を証明する書類を添付してくだ
さい。</t>
    <phoneticPr fontId="84"/>
  </si>
  <si>
    <t>５</t>
    <phoneticPr fontId="84"/>
  </si>
  <si>
    <t>資格等を求める配置については、配置する職員の資格等を証明する書類を添付してく
ださい。</t>
    <phoneticPr fontId="84"/>
  </si>
  <si>
    <t>加算別紙６５-２</t>
    <rPh sb="0" eb="4">
      <t>カサンベッシ</t>
    </rPh>
    <phoneticPr fontId="6"/>
  </si>
  <si>
    <r>
      <t xml:space="preserve">「心的外傷のため心理支援を必要とする障害児名簿」
</t>
    </r>
    <r>
      <rPr>
        <sz val="11"/>
        <rFont val="HGｺﾞｼｯｸM"/>
        <family val="3"/>
        <charset val="128"/>
      </rPr>
      <t>（心理担当職員配置加算関係）</t>
    </r>
    <rPh sb="1" eb="3">
      <t>シンテキ</t>
    </rPh>
    <rPh sb="3" eb="5">
      <t>ガイショウ</t>
    </rPh>
    <rPh sb="8" eb="10">
      <t>シンリ</t>
    </rPh>
    <rPh sb="10" eb="12">
      <t>シエン</t>
    </rPh>
    <rPh sb="13" eb="15">
      <t>ヒツヨウ</t>
    </rPh>
    <rPh sb="18" eb="21">
      <t>ショウガイジ</t>
    </rPh>
    <rPh sb="21" eb="23">
      <t>メイボ</t>
    </rPh>
    <rPh sb="26" eb="28">
      <t>シンリ</t>
    </rPh>
    <rPh sb="28" eb="30">
      <t>タントウ</t>
    </rPh>
    <rPh sb="30" eb="32">
      <t>ショクイン</t>
    </rPh>
    <rPh sb="32" eb="34">
      <t>ハイチ</t>
    </rPh>
    <rPh sb="34" eb="36">
      <t>カサン</t>
    </rPh>
    <rPh sb="36" eb="38">
      <t>カンケイ</t>
    </rPh>
    <phoneticPr fontId="6"/>
  </si>
  <si>
    <t>施設の名称</t>
    <rPh sb="0" eb="2">
      <t>シセツ</t>
    </rPh>
    <rPh sb="3" eb="5">
      <t>メイショウ</t>
    </rPh>
    <phoneticPr fontId="6"/>
  </si>
  <si>
    <t>備考欄には、「契約による入所、措置による入所」の区別等を記入してください。</t>
    <phoneticPr fontId="84"/>
  </si>
  <si>
    <t>２</t>
    <phoneticPr fontId="84"/>
  </si>
  <si>
    <t>心的外傷のため心理療法を必要とする障がい児かどうかの判断のため、福祉総合相談センター又は各児童相談所が作成した対象児童名簿の写しを添付してください。
※福祉総合相談センター及び各児童相談所においては、対象児童について適宜名簿を作成し、各施設あて送付してください。</t>
    <phoneticPr fontId="84"/>
  </si>
  <si>
    <t>３</t>
    <phoneticPr fontId="84"/>
  </si>
  <si>
    <t>資格等を求める配置については、配置する職員の資格等を証明する書類を添付してください。</t>
    <phoneticPr fontId="84"/>
  </si>
  <si>
    <t>加算別紙６６</t>
    <rPh sb="0" eb="4">
      <t>カサンベッシ</t>
    </rPh>
    <phoneticPr fontId="6"/>
  </si>
  <si>
    <t>共生型サービス体制強化加算・共生型サービス医療的ケア児支援加算に関する届出書</t>
    <rPh sb="0" eb="3">
      <t>キョウセイガタ</t>
    </rPh>
    <rPh sb="7" eb="9">
      <t>タイセイ</t>
    </rPh>
    <rPh sb="9" eb="11">
      <t>キョウカ</t>
    </rPh>
    <rPh sb="11" eb="13">
      <t>カサン</t>
    </rPh>
    <rPh sb="14" eb="17">
      <t>キョウセイガタ</t>
    </rPh>
    <rPh sb="21" eb="24">
      <t>イリョウテキ</t>
    </rPh>
    <rPh sb="26" eb="27">
      <t>ジ</t>
    </rPh>
    <rPh sb="27" eb="29">
      <t>シエン</t>
    </rPh>
    <rPh sb="29" eb="31">
      <t>カサン</t>
    </rPh>
    <rPh sb="32" eb="33">
      <t>カン</t>
    </rPh>
    <rPh sb="35" eb="38">
      <t>トドケデショ</t>
    </rPh>
    <phoneticPr fontId="6"/>
  </si>
  <si>
    <t>サービス種別</t>
    <rPh sb="4" eb="6">
      <t>シュベツ</t>
    </rPh>
    <phoneticPr fontId="84"/>
  </si>
  <si>
    <t>①児童発達支援　　　②放課後等デイサービス</t>
    <rPh sb="1" eb="3">
      <t>ジドウ</t>
    </rPh>
    <rPh sb="3" eb="5">
      <t>ハッタツ</t>
    </rPh>
    <rPh sb="5" eb="7">
      <t>シエン</t>
    </rPh>
    <rPh sb="11" eb="15">
      <t>ホウカゴトウ</t>
    </rPh>
    <phoneticPr fontId="84"/>
  </si>
  <si>
    <t>①　新規　　　　　　　②　変更　　　　　　　　③　終了</t>
    <rPh sb="2" eb="4">
      <t>シンキ</t>
    </rPh>
    <rPh sb="13" eb="15">
      <t>ヘンコウ</t>
    </rPh>
    <rPh sb="25" eb="27">
      <t>シュウリョウ</t>
    </rPh>
    <phoneticPr fontId="6"/>
  </si>
  <si>
    <t>　２　児童発達支援管理責任
　　　者等の配置の状況</t>
    <rPh sb="3" eb="5">
      <t>ジドウ</t>
    </rPh>
    <rPh sb="5" eb="7">
      <t>ハッタツ</t>
    </rPh>
    <rPh sb="7" eb="9">
      <t>シエン</t>
    </rPh>
    <rPh sb="9" eb="11">
      <t>カンリ</t>
    </rPh>
    <rPh sb="11" eb="13">
      <t>セキニン</t>
    </rPh>
    <rPh sb="17" eb="18">
      <t>シャ</t>
    </rPh>
    <rPh sb="18" eb="19">
      <t>トウ</t>
    </rPh>
    <rPh sb="20" eb="22">
      <t>ハイチ</t>
    </rPh>
    <rPh sb="23" eb="25">
      <t>ジョウキョウ</t>
    </rPh>
    <phoneticPr fontId="6"/>
  </si>
  <si>
    <t>（共生型サービス体制強化加算を算定する場合）</t>
    <phoneticPr fontId="84"/>
  </si>
  <si>
    <t>　３　看護職員の配置の状況</t>
    <rPh sb="3" eb="5">
      <t>カンゴ</t>
    </rPh>
    <rPh sb="5" eb="7">
      <t>ショクイン</t>
    </rPh>
    <rPh sb="8" eb="10">
      <t>ハイチ</t>
    </rPh>
    <rPh sb="11" eb="13">
      <t>ジョウキョウ</t>
    </rPh>
    <phoneticPr fontId="6"/>
  </si>
  <si>
    <t>（共生型サービス医療的ケア児支援加算を算定する場合）</t>
    <rPh sb="8" eb="11">
      <t>イリョウテキ</t>
    </rPh>
    <rPh sb="13" eb="18">
      <t>ジシエンカサン</t>
    </rPh>
    <phoneticPr fontId="84"/>
  </si>
  <si>
    <t>　４　地域に貢献する
　　　活動の内容</t>
    <rPh sb="3" eb="5">
      <t>チイキ</t>
    </rPh>
    <rPh sb="6" eb="8">
      <t>コウケン</t>
    </rPh>
    <rPh sb="14" eb="16">
      <t>カツドウ</t>
    </rPh>
    <rPh sb="17" eb="19">
      <t>ナイヨウ</t>
    </rPh>
    <phoneticPr fontId="84"/>
  </si>
  <si>
    <t>【自由記述】</t>
    <rPh sb="1" eb="3">
      <t>ジユウ</t>
    </rPh>
    <rPh sb="3" eb="5">
      <t>キジュツ</t>
    </rPh>
    <phoneticPr fontId="84"/>
  </si>
  <si>
    <t>　　２　資格等を求める配置については、配置する職員の資格等を証明する書類を添付してください。</t>
    <phoneticPr fontId="8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quot;人&quot;"/>
    <numFmt numFmtId="177" formatCode="##########.###&quot;人&quot;"/>
    <numFmt numFmtId="178" formatCode="&quot;（&quot;_ @_ &quot;）&quot;"/>
    <numFmt numFmtId="179" formatCode="##########.####&quot;人&quot;"/>
    <numFmt numFmtId="180" formatCode="0.0%"/>
    <numFmt numFmtId="181" formatCode="0.000_ "/>
    <numFmt numFmtId="182" formatCode="0.00_ "/>
    <numFmt numFmtId="183" formatCode="0_ "/>
    <numFmt numFmtId="184" formatCode="#,##0.0_ "/>
    <numFmt numFmtId="185" formatCode="#,##0_ "/>
    <numFmt numFmtId="186" formatCode="#,##0;&quot;▲ &quot;#,##0"/>
    <numFmt numFmtId="187" formatCode="0.0_ "/>
    <numFmt numFmtId="188" formatCode="0.0000_ "/>
    <numFmt numFmtId="189" formatCode="0_);[Red]\(0\)"/>
    <numFmt numFmtId="190" formatCode="0&quot;人&quot;"/>
  </numFmts>
  <fonts count="157"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14"/>
      <name val="ＭＳ Ｐゴシック"/>
      <family val="3"/>
      <charset val="128"/>
    </font>
    <font>
      <sz val="12"/>
      <name val="ＭＳ Ｐゴシック"/>
      <family val="3"/>
      <charset val="128"/>
    </font>
    <font>
      <sz val="14"/>
      <name val="ＭＳ ゴシック"/>
      <family val="3"/>
      <charset val="128"/>
    </font>
    <font>
      <sz val="11"/>
      <name val="ＭＳ ゴシック"/>
      <family val="3"/>
      <charset val="128"/>
    </font>
    <font>
      <sz val="10"/>
      <name val="ＭＳ ゴシック"/>
      <family val="3"/>
      <charset val="128"/>
    </font>
    <font>
      <sz val="9"/>
      <name val="ＭＳ ゴシック"/>
      <family val="3"/>
      <charset val="128"/>
    </font>
    <font>
      <sz val="11"/>
      <color indexed="10"/>
      <name val="ＭＳ ゴシック"/>
      <family val="3"/>
      <charset val="128"/>
    </font>
    <font>
      <sz val="16"/>
      <name val="ＭＳ Ｐゴシック"/>
      <family val="3"/>
      <charset val="128"/>
    </font>
    <font>
      <sz val="20"/>
      <name val="ＭＳ Ｐゴシック"/>
      <family val="3"/>
      <charset val="128"/>
    </font>
    <font>
      <b/>
      <sz val="12"/>
      <name val="ＭＳ Ｐゴシック"/>
      <family val="3"/>
      <charset val="128"/>
    </font>
    <font>
      <sz val="12"/>
      <name val="ＭＳ ゴシック"/>
      <family val="3"/>
      <charset val="128"/>
    </font>
    <font>
      <sz val="8"/>
      <name val="ＭＳ Ｐゴシック"/>
      <family val="3"/>
      <charset val="128"/>
    </font>
    <font>
      <sz val="9"/>
      <name val="ＭＳ Ｐゴシック"/>
      <family val="3"/>
      <charset val="128"/>
    </font>
    <font>
      <sz val="12"/>
      <color indexed="10"/>
      <name val="ＭＳ ゴシック"/>
      <family val="3"/>
      <charset val="128"/>
    </font>
    <font>
      <sz val="10"/>
      <name val="ＭＳ Ｐゴシック"/>
      <family val="3"/>
      <charset val="128"/>
    </font>
    <font>
      <sz val="8"/>
      <name val="ＭＳ ゴシック"/>
      <family val="3"/>
      <charset val="128"/>
    </font>
    <font>
      <sz val="11"/>
      <color indexed="8"/>
      <name val="ＭＳ Ｐゴシック"/>
      <family val="3"/>
      <charset val="128"/>
    </font>
    <font>
      <sz val="11"/>
      <color indexed="10"/>
      <name val="ＭＳ ゴシック"/>
      <family val="3"/>
      <charset val="128"/>
    </font>
    <font>
      <sz val="11"/>
      <color indexed="8"/>
      <name val="ＭＳ Ｐゴシック"/>
      <family val="3"/>
      <charset val="128"/>
    </font>
    <font>
      <sz val="16"/>
      <color indexed="8"/>
      <name val="ＭＳ Ｐゴシック"/>
      <family val="3"/>
      <charset val="128"/>
    </font>
    <font>
      <b/>
      <sz val="11"/>
      <color indexed="8"/>
      <name val="ＭＳ Ｐゴシック"/>
      <family val="3"/>
      <charset val="128"/>
    </font>
    <font>
      <sz val="12"/>
      <color indexed="8"/>
      <name val="ＭＳ Ｐゴシック"/>
      <family val="3"/>
      <charset val="128"/>
    </font>
    <font>
      <sz val="12"/>
      <color indexed="10"/>
      <name val="ＭＳ ゴシック"/>
      <family val="3"/>
      <charset val="128"/>
    </font>
    <font>
      <sz val="10"/>
      <color indexed="8"/>
      <name val="ＭＳ Ｐゴシック"/>
      <family val="3"/>
      <charset val="128"/>
    </font>
    <font>
      <u/>
      <sz val="10"/>
      <name val="ＭＳ ゴシック"/>
      <family val="3"/>
      <charset val="128"/>
    </font>
    <font>
      <sz val="14"/>
      <color indexed="8"/>
      <name val="ＭＳ Ｐゴシック"/>
      <family val="3"/>
      <charset val="128"/>
    </font>
    <font>
      <sz val="9"/>
      <color indexed="8"/>
      <name val="ＭＳ Ｐゴシック"/>
      <family val="3"/>
      <charset val="128"/>
    </font>
    <font>
      <sz val="11"/>
      <color theme="1"/>
      <name val="ＭＳ Ｐゴシック"/>
      <family val="3"/>
      <charset val="128"/>
      <scheme val="minor"/>
    </font>
    <font>
      <sz val="11"/>
      <color rgb="FFFF0000"/>
      <name val="ＭＳ Ｐゴシック"/>
      <family val="3"/>
      <charset val="128"/>
      <scheme val="minor"/>
    </font>
    <font>
      <sz val="10"/>
      <name val="ＭＳ Ｐゴシック"/>
      <family val="3"/>
      <charset val="128"/>
      <scheme val="minor"/>
    </font>
    <font>
      <sz val="11"/>
      <color theme="1"/>
      <name val="ＭＳ ゴシック"/>
      <family val="3"/>
      <charset val="128"/>
    </font>
    <font>
      <sz val="11"/>
      <color theme="1"/>
      <name val="ＭＳ Ｐゴシック"/>
      <family val="3"/>
      <charset val="128"/>
    </font>
    <font>
      <sz val="12"/>
      <color theme="1"/>
      <name val="ＭＳ Ｐゴシック"/>
      <family val="3"/>
      <charset val="128"/>
    </font>
    <font>
      <sz val="10"/>
      <color theme="1"/>
      <name val="ＭＳ ゴシック"/>
      <family val="3"/>
      <charset val="128"/>
    </font>
    <font>
      <sz val="10"/>
      <color theme="1"/>
      <name val="ＭＳ Ｐゴシック"/>
      <family val="3"/>
      <charset val="128"/>
    </font>
    <font>
      <sz val="10"/>
      <color theme="1"/>
      <name val="ＭＳ Ｐゴシック"/>
      <family val="3"/>
      <charset val="128"/>
      <scheme val="minor"/>
    </font>
    <font>
      <sz val="9"/>
      <color theme="1"/>
      <name val="ＭＳ Ｐゴシック"/>
      <family val="3"/>
      <charset val="128"/>
      <scheme val="minor"/>
    </font>
    <font>
      <sz val="12"/>
      <color theme="1"/>
      <name val="ＭＳ Ｐゴシック"/>
      <family val="3"/>
      <charset val="128"/>
      <scheme val="minor"/>
    </font>
    <font>
      <sz val="16"/>
      <color theme="1"/>
      <name val="ＭＳ Ｐゴシック"/>
      <family val="3"/>
      <charset val="128"/>
      <scheme val="minor"/>
    </font>
    <font>
      <sz val="8"/>
      <color theme="1"/>
      <name val="ＭＳ Ｐゴシック"/>
      <family val="3"/>
      <charset val="128"/>
      <scheme val="minor"/>
    </font>
    <font>
      <sz val="9"/>
      <name val="ＭＳ Ｐゴシック"/>
      <family val="3"/>
      <charset val="128"/>
      <scheme val="minor"/>
    </font>
    <font>
      <sz val="10"/>
      <color rgb="FFFF0000"/>
      <name val="ＭＳ Ｐゴシック"/>
      <family val="3"/>
      <charset val="128"/>
      <scheme val="minor"/>
    </font>
    <font>
      <sz val="12"/>
      <color theme="1"/>
      <name val="ＭＳ ゴシック"/>
      <family val="3"/>
      <charset val="128"/>
    </font>
    <font>
      <sz val="11"/>
      <color rgb="FFFF0000"/>
      <name val="ＭＳ Ｐゴシック"/>
      <family val="3"/>
      <charset val="128"/>
    </font>
    <font>
      <sz val="16"/>
      <color theme="1"/>
      <name val="ＭＳ Ｐゴシック"/>
      <family val="3"/>
      <charset val="128"/>
    </font>
    <font>
      <sz val="10"/>
      <color rgb="FFFF0000"/>
      <name val="ＭＳ Ｐゴシック"/>
      <family val="3"/>
      <charset val="128"/>
    </font>
    <font>
      <sz val="10"/>
      <color rgb="FFFF0000"/>
      <name val="ＭＳ ゴシック"/>
      <family val="3"/>
      <charset val="128"/>
    </font>
    <font>
      <sz val="9"/>
      <color rgb="FFFF0000"/>
      <name val="ＭＳ Ｐゴシック"/>
      <family val="3"/>
      <charset val="128"/>
    </font>
    <font>
      <sz val="14"/>
      <color theme="1"/>
      <name val="ＭＳ ゴシック"/>
      <family val="3"/>
      <charset val="128"/>
    </font>
    <font>
      <sz val="12"/>
      <color rgb="FFFF0000"/>
      <name val="ＭＳ ゴシック"/>
      <family val="3"/>
      <charset val="128"/>
    </font>
    <font>
      <sz val="11"/>
      <color rgb="FFFF0000"/>
      <name val="ＭＳ ゴシック"/>
      <family val="3"/>
      <charset val="128"/>
    </font>
    <font>
      <sz val="11"/>
      <name val="ＭＳ Ｐゴシック"/>
      <family val="3"/>
      <charset val="128"/>
      <scheme val="minor"/>
    </font>
    <font>
      <sz val="16"/>
      <name val="ＭＳ Ｐゴシック"/>
      <family val="3"/>
      <charset val="128"/>
      <scheme val="minor"/>
    </font>
    <font>
      <sz val="14"/>
      <name val="ＭＳ Ｐゴシック"/>
      <family val="3"/>
      <charset val="128"/>
      <scheme val="minor"/>
    </font>
    <font>
      <b/>
      <sz val="12"/>
      <name val="ＭＳ Ｐゴシック"/>
      <family val="3"/>
      <charset val="128"/>
      <scheme val="minor"/>
    </font>
    <font>
      <b/>
      <sz val="11"/>
      <name val="ＭＳ Ｐゴシック"/>
      <family val="3"/>
      <charset val="128"/>
      <scheme val="minor"/>
    </font>
    <font>
      <b/>
      <sz val="10"/>
      <name val="ＭＳ Ｐゴシック"/>
      <family val="3"/>
      <charset val="128"/>
      <scheme val="minor"/>
    </font>
    <font>
      <sz val="14"/>
      <color theme="1"/>
      <name val="ＭＳ Ｐゴシック"/>
      <family val="3"/>
      <charset val="128"/>
    </font>
    <font>
      <sz val="9"/>
      <color theme="1"/>
      <name val="ＭＳ ゴシック"/>
      <family val="3"/>
      <charset val="128"/>
    </font>
    <font>
      <sz val="9"/>
      <color theme="1"/>
      <name val="ＭＳ Ｐゴシック"/>
      <family val="3"/>
      <charset val="128"/>
    </font>
    <font>
      <sz val="11"/>
      <color theme="1"/>
      <name val="HGSｺﾞｼｯｸM"/>
      <family val="3"/>
      <charset val="128"/>
    </font>
    <font>
      <sz val="14"/>
      <color theme="1"/>
      <name val="ＭＳ Ｐゴシック"/>
      <family val="3"/>
      <charset val="128"/>
      <scheme val="minor"/>
    </font>
    <font>
      <sz val="8"/>
      <color theme="1"/>
      <name val="ＭＳ Ｐゴシック"/>
      <family val="3"/>
      <charset val="128"/>
    </font>
    <font>
      <sz val="11"/>
      <color theme="1"/>
      <name val="ＭＳ Ｐゴシック"/>
      <family val="3"/>
      <charset val="128"/>
      <scheme val="major"/>
    </font>
    <font>
      <sz val="8"/>
      <color theme="1"/>
      <name val="ＭＳ ゴシック"/>
      <family val="3"/>
      <charset val="128"/>
    </font>
    <font>
      <b/>
      <sz val="12"/>
      <color rgb="FFFF0000"/>
      <name val="ＭＳ Ｐゴシック"/>
      <family val="3"/>
      <charset val="128"/>
      <scheme val="minor"/>
    </font>
    <font>
      <sz val="18"/>
      <color theme="1"/>
      <name val="ＭＳ ゴシック"/>
      <family val="3"/>
      <charset val="128"/>
    </font>
    <font>
      <sz val="16"/>
      <color theme="1"/>
      <name val="ＭＳ ゴシック"/>
      <family val="3"/>
      <charset val="128"/>
    </font>
    <font>
      <sz val="20"/>
      <color theme="1"/>
      <name val="ＭＳ ゴシック"/>
      <family val="3"/>
      <charset val="128"/>
    </font>
    <font>
      <sz val="36"/>
      <color theme="1"/>
      <name val="ＭＳ ゴシック"/>
      <family val="3"/>
      <charset val="128"/>
    </font>
    <font>
      <b/>
      <sz val="18"/>
      <color theme="1"/>
      <name val="ＭＳ ゴシック"/>
      <family val="3"/>
      <charset val="128"/>
    </font>
    <font>
      <u/>
      <sz val="18"/>
      <color theme="1"/>
      <name val="ＭＳ ゴシック"/>
      <family val="3"/>
      <charset val="128"/>
    </font>
    <font>
      <b/>
      <sz val="20"/>
      <color theme="1"/>
      <name val="ＭＳ ゴシック"/>
      <family val="3"/>
      <charset val="128"/>
    </font>
    <font>
      <b/>
      <sz val="24"/>
      <color theme="1"/>
      <name val="ＭＳ ゴシック"/>
      <family val="3"/>
      <charset val="128"/>
    </font>
    <font>
      <sz val="8"/>
      <name val="ＭＳ Ｐゴシック"/>
      <family val="3"/>
      <charset val="128"/>
      <scheme val="minor"/>
    </font>
    <font>
      <sz val="12"/>
      <color rgb="FFFF0000"/>
      <name val="ＭＳ Ｐゴシック"/>
      <family val="3"/>
      <charset val="128"/>
    </font>
    <font>
      <u/>
      <sz val="10"/>
      <color indexed="8"/>
      <name val="ＭＳ Ｐゴシック"/>
      <family val="3"/>
      <charset val="128"/>
    </font>
    <font>
      <sz val="6"/>
      <name val="ＭＳ Ｐゴシック"/>
      <family val="2"/>
      <charset val="128"/>
      <scheme val="minor"/>
    </font>
    <font>
      <sz val="14"/>
      <color rgb="FFFF0000"/>
      <name val="ＭＳ Ｐゴシック"/>
      <family val="3"/>
      <charset val="128"/>
    </font>
    <font>
      <vertAlign val="superscript"/>
      <sz val="10"/>
      <name val="ＭＳ ゴシック"/>
      <family val="3"/>
      <charset val="128"/>
    </font>
    <font>
      <b/>
      <sz val="10"/>
      <color theme="1"/>
      <name val="ＭＳ ゴシック"/>
      <family val="3"/>
      <charset val="128"/>
    </font>
    <font>
      <sz val="7"/>
      <color theme="1"/>
      <name val="ＭＳ ゴシック"/>
      <family val="3"/>
      <charset val="128"/>
    </font>
    <font>
      <u/>
      <sz val="8"/>
      <color theme="1"/>
      <name val="ＭＳ ゴシック"/>
      <family val="3"/>
      <charset val="128"/>
    </font>
    <font>
      <sz val="6"/>
      <color theme="1"/>
      <name val="ＭＳ ゴシック"/>
      <family val="3"/>
      <charset val="128"/>
    </font>
    <font>
      <sz val="11"/>
      <name val="HGSｺﾞｼｯｸM"/>
      <family val="3"/>
      <charset val="128"/>
    </font>
    <font>
      <sz val="14"/>
      <name val="HGｺﾞｼｯｸM"/>
      <family val="3"/>
      <charset val="128"/>
    </font>
    <font>
      <sz val="9"/>
      <name val="HGｺﾞｼｯｸM"/>
      <family val="3"/>
      <charset val="128"/>
    </font>
    <font>
      <sz val="11"/>
      <name val="HGｺﾞｼｯｸM"/>
      <family val="3"/>
      <charset val="128"/>
    </font>
    <font>
      <b/>
      <sz val="14"/>
      <name val="HGｺﾞｼｯｸM"/>
      <family val="3"/>
      <charset val="128"/>
    </font>
    <font>
      <sz val="10"/>
      <name val="HGｺﾞｼｯｸM"/>
      <family val="3"/>
      <charset val="128"/>
    </font>
    <font>
      <sz val="11"/>
      <color theme="1"/>
      <name val="HGｺﾞｼｯｸM"/>
      <family val="3"/>
      <charset val="128"/>
    </font>
    <font>
      <sz val="11"/>
      <color rgb="FFFF0000"/>
      <name val="HGｺﾞｼｯｸM"/>
      <family val="3"/>
      <charset val="128"/>
    </font>
    <font>
      <b/>
      <sz val="14"/>
      <color theme="1"/>
      <name val="HGSｺﾞｼｯｸM"/>
      <family val="3"/>
      <charset val="128"/>
    </font>
    <font>
      <sz val="6"/>
      <name val="ＭＳ Ｐゴシック"/>
      <family val="3"/>
      <charset val="128"/>
      <scheme val="minor"/>
    </font>
    <font>
      <sz val="7"/>
      <name val="HGｺﾞｼｯｸM"/>
      <family val="3"/>
      <charset val="128"/>
    </font>
    <font>
      <sz val="11"/>
      <name val="HGPｺﾞｼｯｸM"/>
      <family val="3"/>
      <charset val="128"/>
    </font>
    <font>
      <sz val="10"/>
      <name val="HGPｺﾞｼｯｸM"/>
      <family val="3"/>
      <charset val="128"/>
    </font>
    <font>
      <sz val="14"/>
      <name val="HGPｺﾞｼｯｸM"/>
      <family val="3"/>
      <charset val="128"/>
    </font>
    <font>
      <strike/>
      <sz val="11"/>
      <name val="HGPｺﾞｼｯｸM"/>
      <family val="3"/>
      <charset val="128"/>
    </font>
    <font>
      <sz val="11"/>
      <name val="HGPｺﾞｼｯｸM"/>
      <family val="1"/>
      <charset val="128"/>
    </font>
    <font>
      <sz val="11"/>
      <name val="ＭＳ 明朝"/>
      <family val="1"/>
      <charset val="128"/>
    </font>
    <font>
      <sz val="11"/>
      <color rgb="FFFF0000"/>
      <name val="HGPｺﾞｼｯｸM"/>
      <family val="3"/>
      <charset val="128"/>
    </font>
    <font>
      <b/>
      <sz val="14"/>
      <name val="HGSｺﾞｼｯｸM"/>
      <family val="3"/>
      <charset val="128"/>
    </font>
    <font>
      <b/>
      <sz val="9"/>
      <name val="HGSｺﾞｼｯｸM"/>
      <family val="3"/>
      <charset val="128"/>
    </font>
    <font>
      <sz val="10"/>
      <name val="HGSｺﾞｼｯｸM"/>
      <family val="3"/>
      <charset val="128"/>
    </font>
    <font>
      <sz val="14"/>
      <name val="HGSｺﾞｼｯｸM"/>
      <family val="3"/>
      <charset val="128"/>
    </font>
    <font>
      <sz val="12"/>
      <color indexed="8"/>
      <name val="ＭＳ ゴシック"/>
      <family val="3"/>
      <charset val="128"/>
    </font>
    <font>
      <sz val="12"/>
      <color indexed="8"/>
      <name val="HGｺﾞｼｯｸM"/>
      <family val="3"/>
      <charset val="128"/>
    </font>
    <font>
      <sz val="6"/>
      <name val="ＭＳ Ｐゴシック"/>
      <family val="2"/>
      <charset val="128"/>
    </font>
    <font>
      <b/>
      <sz val="14"/>
      <color indexed="8"/>
      <name val="HGｺﾞｼｯｸM"/>
      <family val="3"/>
      <charset val="128"/>
    </font>
    <font>
      <sz val="14"/>
      <color indexed="8"/>
      <name val="HGｺﾞｼｯｸM"/>
      <family val="3"/>
      <charset val="128"/>
    </font>
    <font>
      <sz val="11"/>
      <color indexed="8"/>
      <name val="HGｺﾞｼｯｸM"/>
      <family val="3"/>
      <charset val="128"/>
    </font>
    <font>
      <sz val="10"/>
      <color indexed="8"/>
      <name val="HGｺﾞｼｯｸM"/>
      <family val="3"/>
      <charset val="128"/>
    </font>
    <font>
      <sz val="8"/>
      <color rgb="FF000000"/>
      <name val="HGｺﾞｼｯｸM"/>
      <family val="3"/>
      <charset val="128"/>
    </font>
    <font>
      <sz val="10"/>
      <name val="ＭＳ Ｐゴシック"/>
      <family val="2"/>
      <charset val="128"/>
    </font>
    <font>
      <sz val="9"/>
      <color indexed="8"/>
      <name val="HGｺﾞｼｯｸM"/>
      <family val="3"/>
      <charset val="128"/>
    </font>
    <font>
      <sz val="9"/>
      <color indexed="8"/>
      <name val="ＭＳ ゴシック"/>
      <family val="3"/>
      <charset val="128"/>
    </font>
    <font>
      <sz val="9"/>
      <name val="HGSｺﾞｼｯｸM"/>
      <family val="3"/>
      <charset val="128"/>
    </font>
    <font>
      <u/>
      <sz val="11"/>
      <color rgb="FFFF0000"/>
      <name val="HGｺﾞｼｯｸM"/>
      <family val="3"/>
      <charset val="128"/>
    </font>
    <font>
      <sz val="10"/>
      <color rgb="FFFF0000"/>
      <name val="HGｺﾞｼｯｸM"/>
      <family val="3"/>
      <charset val="128"/>
    </font>
    <font>
      <sz val="12"/>
      <color theme="1"/>
      <name val="HGｺﾞｼｯｸM"/>
      <family val="3"/>
      <charset val="128"/>
    </font>
    <font>
      <b/>
      <sz val="14"/>
      <color theme="1"/>
      <name val="HGｺﾞｼｯｸM"/>
      <family val="3"/>
      <charset val="128"/>
    </font>
    <font>
      <sz val="9"/>
      <color theme="1"/>
      <name val="HGｺﾞｼｯｸM"/>
      <family val="3"/>
      <charset val="128"/>
    </font>
    <font>
      <sz val="12"/>
      <name val="HGｺﾞｼｯｸM"/>
      <family val="3"/>
      <charset val="128"/>
    </font>
    <font>
      <sz val="10"/>
      <color theme="1"/>
      <name val="HGｺﾞｼｯｸM"/>
      <family val="3"/>
      <charset val="128"/>
    </font>
    <font>
      <sz val="12"/>
      <color rgb="FFFF0000"/>
      <name val="HGｺﾞｼｯｸM"/>
      <family val="3"/>
      <charset val="128"/>
    </font>
    <font>
      <u/>
      <sz val="11"/>
      <name val="HGｺﾞｼｯｸM"/>
      <family val="3"/>
      <charset val="128"/>
    </font>
    <font>
      <sz val="11"/>
      <color indexed="8"/>
      <name val="HGSｺﾞｼｯｸM"/>
      <family val="3"/>
      <charset val="128"/>
    </font>
    <font>
      <b/>
      <sz val="11"/>
      <name val="HGSｺﾞｼｯｸM"/>
      <family val="3"/>
      <charset val="128"/>
    </font>
    <font>
      <sz val="7"/>
      <name val="HGSｺﾞｼｯｸM"/>
      <family val="3"/>
      <charset val="128"/>
    </font>
    <font>
      <sz val="11"/>
      <color rgb="FFFF0000"/>
      <name val="HGSｺﾞｼｯｸM"/>
      <family val="3"/>
      <charset val="128"/>
    </font>
    <font>
      <b/>
      <sz val="11"/>
      <color theme="1"/>
      <name val="HGSｺﾞｼｯｸM"/>
      <family val="3"/>
      <charset val="128"/>
    </font>
    <font>
      <sz val="10"/>
      <color theme="1"/>
      <name val="HGSｺﾞｼｯｸM"/>
      <family val="3"/>
      <charset val="128"/>
    </font>
    <font>
      <sz val="7"/>
      <color theme="1"/>
      <name val="HGSｺﾞｼｯｸM"/>
      <family val="3"/>
      <charset val="128"/>
    </font>
    <font>
      <b/>
      <sz val="36"/>
      <color theme="1"/>
      <name val="ＭＳ ゴシック"/>
      <family val="3"/>
      <charset val="128"/>
    </font>
    <font>
      <sz val="16"/>
      <color theme="1"/>
      <name val="メイリオ"/>
      <family val="3"/>
      <charset val="128"/>
    </font>
    <font>
      <sz val="24"/>
      <color theme="1"/>
      <name val="メイリオ"/>
      <family val="3"/>
      <charset val="128"/>
    </font>
    <font>
      <sz val="20"/>
      <color theme="1"/>
      <name val="メイリオ"/>
      <family val="3"/>
      <charset val="128"/>
    </font>
    <font>
      <sz val="18"/>
      <color theme="1"/>
      <name val="メイリオ"/>
      <family val="3"/>
      <charset val="128"/>
    </font>
    <font>
      <sz val="16"/>
      <color rgb="FFFF0000"/>
      <name val="メイリオ"/>
      <family val="3"/>
      <charset val="128"/>
    </font>
    <font>
      <sz val="20"/>
      <color theme="1"/>
      <name val="ＭＳ Ｐゴシック"/>
      <family val="2"/>
      <charset val="128"/>
      <scheme val="minor"/>
    </font>
    <font>
      <u/>
      <sz val="11"/>
      <name val="ＭＳ Ｐゴシック"/>
      <family val="3"/>
      <charset val="128"/>
      <scheme val="minor"/>
    </font>
    <font>
      <sz val="6"/>
      <color rgb="FFFF0000"/>
      <name val="ＭＳ Ｐゴシック"/>
      <family val="3"/>
      <charset val="128"/>
    </font>
    <font>
      <sz val="9"/>
      <color rgb="FFFF0000"/>
      <name val="ＭＳ ゴシック"/>
      <family val="3"/>
      <charset val="128"/>
    </font>
    <font>
      <sz val="8"/>
      <color rgb="FFFF0000"/>
      <name val="ＭＳ Ｐゴシック"/>
      <family val="3"/>
      <charset val="128"/>
      <scheme val="minor"/>
    </font>
    <font>
      <sz val="11"/>
      <name val="Segoe UI Symbol"/>
      <family val="3"/>
    </font>
    <font>
      <sz val="10.5"/>
      <name val="HGｺﾞｼｯｸM"/>
      <family val="3"/>
      <charset val="128"/>
    </font>
    <font>
      <sz val="10.5"/>
      <color rgb="FFFF0000"/>
      <name val="HGｺﾞｼｯｸM"/>
      <family val="3"/>
      <charset val="128"/>
    </font>
    <font>
      <sz val="11"/>
      <name val="HGｺﾞｼｯｸM"/>
      <family val="3"/>
    </font>
    <font>
      <sz val="11"/>
      <name val="Microsoft JhengHei"/>
      <family val="3"/>
      <charset val="136"/>
    </font>
  </fonts>
  <fills count="9">
    <fill>
      <patternFill patternType="none"/>
    </fill>
    <fill>
      <patternFill patternType="gray125"/>
    </fill>
    <fill>
      <patternFill patternType="solid">
        <fgColor indexed="22"/>
        <bgColor indexed="64"/>
      </patternFill>
    </fill>
    <fill>
      <patternFill patternType="solid">
        <fgColor rgb="FFFFFF00"/>
        <bgColor indexed="64"/>
      </patternFill>
    </fill>
    <fill>
      <patternFill patternType="solid">
        <fgColor theme="0" tint="-0.14999847407452621"/>
        <bgColor indexed="64"/>
      </patternFill>
    </fill>
    <fill>
      <patternFill patternType="solid">
        <fgColor theme="5" tint="0.79998168889431442"/>
        <bgColor indexed="64"/>
      </patternFill>
    </fill>
    <fill>
      <patternFill patternType="solid">
        <fgColor rgb="FFFFFFCC"/>
        <bgColor indexed="64"/>
      </patternFill>
    </fill>
    <fill>
      <patternFill patternType="solid">
        <fgColor theme="0"/>
        <bgColor indexed="64"/>
      </patternFill>
    </fill>
    <fill>
      <patternFill patternType="solid">
        <fgColor theme="7" tint="0.79998168889431442"/>
        <bgColor indexed="64"/>
      </patternFill>
    </fill>
  </fills>
  <borders count="29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double">
        <color indexed="64"/>
      </left>
      <right style="thin">
        <color indexed="64"/>
      </right>
      <top style="double">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bottom style="thin">
        <color indexed="64"/>
      </bottom>
      <diagonal/>
    </border>
    <border>
      <left/>
      <right style="double">
        <color indexed="64"/>
      </right>
      <top/>
      <bottom/>
      <diagonal/>
    </border>
    <border>
      <left/>
      <right style="double">
        <color indexed="64"/>
      </right>
      <top style="thin">
        <color indexed="64"/>
      </top>
      <bottom/>
      <diagonal/>
    </border>
    <border>
      <left style="medium">
        <color indexed="64"/>
      </left>
      <right/>
      <top style="medium">
        <color indexed="64"/>
      </top>
      <bottom/>
      <diagonal/>
    </border>
    <border>
      <left style="medium">
        <color indexed="64"/>
      </left>
      <right style="thin">
        <color indexed="64"/>
      </right>
      <top/>
      <bottom/>
      <diagonal/>
    </border>
    <border>
      <left style="medium">
        <color indexed="64"/>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top style="medium">
        <color indexed="64"/>
      </top>
      <bottom/>
      <diagonal/>
    </border>
    <border>
      <left/>
      <right style="thin">
        <color indexed="64"/>
      </right>
      <top style="medium">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double">
        <color indexed="64"/>
      </bottom>
      <diagonal/>
    </border>
    <border>
      <left/>
      <right style="thin">
        <color indexed="64"/>
      </right>
      <top style="double">
        <color indexed="64"/>
      </top>
      <bottom/>
      <diagonal/>
    </border>
    <border>
      <left/>
      <right style="thin">
        <color indexed="64"/>
      </right>
      <top style="double">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top/>
      <bottom/>
      <diagonal/>
    </border>
    <border>
      <left/>
      <right/>
      <top style="dashed">
        <color indexed="64"/>
      </top>
      <bottom/>
      <diagonal/>
    </border>
    <border>
      <left/>
      <right style="thin">
        <color indexed="64"/>
      </right>
      <top style="dashed">
        <color indexed="64"/>
      </top>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dashed">
        <color indexed="64"/>
      </right>
      <top style="thin">
        <color indexed="64"/>
      </top>
      <bottom style="medium">
        <color indexed="64"/>
      </bottom>
      <diagonal/>
    </border>
    <border>
      <left style="dashed">
        <color indexed="64"/>
      </left>
      <right style="dashed">
        <color indexed="64"/>
      </right>
      <top style="thin">
        <color indexed="64"/>
      </top>
      <bottom style="medium">
        <color indexed="64"/>
      </bottom>
      <diagonal/>
    </border>
    <border>
      <left style="thin">
        <color indexed="64"/>
      </left>
      <right style="thick">
        <color indexed="64"/>
      </right>
      <top style="thin">
        <color indexed="64"/>
      </top>
      <bottom style="medium">
        <color indexed="64"/>
      </bottom>
      <diagonal/>
    </border>
    <border>
      <left style="double">
        <color indexed="64"/>
      </left>
      <right style="thin">
        <color indexed="64"/>
      </right>
      <top style="thin">
        <color indexed="64"/>
      </top>
      <bottom style="double">
        <color indexed="64"/>
      </bottom>
      <diagonal/>
    </border>
    <border>
      <left style="double">
        <color indexed="64"/>
      </left>
      <right style="double">
        <color indexed="64"/>
      </right>
      <top style="double">
        <color indexed="64"/>
      </top>
      <bottom style="double">
        <color indexed="64"/>
      </bottom>
      <diagonal/>
    </border>
    <border>
      <left/>
      <right style="double">
        <color indexed="64"/>
      </right>
      <top style="double">
        <color indexed="64"/>
      </top>
      <bottom style="double">
        <color indexed="64"/>
      </bottom>
      <diagonal/>
    </border>
    <border>
      <left style="double">
        <color indexed="64"/>
      </left>
      <right style="thin">
        <color indexed="64"/>
      </right>
      <top style="thin">
        <color indexed="64"/>
      </top>
      <bottom/>
      <diagonal/>
    </border>
    <border>
      <left style="double">
        <color indexed="64"/>
      </left>
      <right style="thin">
        <color indexed="64"/>
      </right>
      <top style="double">
        <color indexed="64"/>
      </top>
      <bottom style="double">
        <color indexed="64"/>
      </bottom>
      <diagonal/>
    </border>
    <border>
      <left style="dashed">
        <color indexed="64"/>
      </left>
      <right/>
      <top style="thin">
        <color indexed="64"/>
      </top>
      <bottom style="medium">
        <color indexed="64"/>
      </bottom>
      <diagonal/>
    </border>
    <border>
      <left style="medium">
        <color indexed="64"/>
      </left>
      <right/>
      <top style="thin">
        <color indexed="64"/>
      </top>
      <bottom/>
      <diagonal/>
    </border>
    <border>
      <left style="medium">
        <color indexed="64"/>
      </left>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medium">
        <color indexed="64"/>
      </right>
      <top style="double">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medium">
        <color indexed="64"/>
      </left>
      <right/>
      <top style="thin">
        <color indexed="64"/>
      </top>
      <bottom style="thin">
        <color indexed="64"/>
      </bottom>
      <diagonal/>
    </border>
    <border>
      <left/>
      <right style="medium">
        <color indexed="64"/>
      </right>
      <top style="thin">
        <color indexed="64"/>
      </top>
      <bottom/>
      <diagonal/>
    </border>
    <border>
      <left/>
      <right style="medium">
        <color indexed="64"/>
      </right>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diagonal/>
    </border>
    <border>
      <left/>
      <right style="medium">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style="medium">
        <color indexed="64"/>
      </right>
      <top style="thin">
        <color indexed="64"/>
      </top>
      <bottom style="double">
        <color indexed="64"/>
      </bottom>
      <diagonal/>
    </border>
    <border>
      <left style="thin">
        <color indexed="64"/>
      </left>
      <right style="medium">
        <color indexed="64"/>
      </right>
      <top/>
      <bottom style="thin">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diagonal/>
    </border>
    <border>
      <left style="thin">
        <color indexed="64"/>
      </left>
      <right/>
      <top style="thin">
        <color indexed="64"/>
      </top>
      <bottom style="medium">
        <color indexed="64"/>
      </bottom>
      <diagonal/>
    </border>
    <border>
      <left/>
      <right style="thin">
        <color indexed="64"/>
      </right>
      <top style="medium">
        <color indexed="64"/>
      </top>
      <bottom/>
      <diagonal/>
    </border>
    <border diagonalDown="1">
      <left style="thin">
        <color indexed="64"/>
      </left>
      <right/>
      <top style="thin">
        <color indexed="64"/>
      </top>
      <bottom/>
      <diagonal style="thin">
        <color indexed="64"/>
      </diagonal>
    </border>
    <border diagonalDown="1">
      <left style="thin">
        <color indexed="64"/>
      </left>
      <right/>
      <top/>
      <bottom/>
      <diagonal style="thin">
        <color indexed="64"/>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style="medium">
        <color indexed="64"/>
      </right>
      <top style="thin">
        <color indexed="64"/>
      </top>
      <bottom style="double">
        <color indexed="64"/>
      </bottom>
      <diagonal/>
    </border>
    <border>
      <left style="medium">
        <color indexed="64"/>
      </left>
      <right style="thin">
        <color indexed="64"/>
      </right>
      <top style="double">
        <color indexed="64"/>
      </top>
      <bottom/>
      <diagonal/>
    </border>
    <border>
      <left style="medium">
        <color indexed="64"/>
      </left>
      <right style="thin">
        <color indexed="64"/>
      </right>
      <top/>
      <bottom style="medium">
        <color indexed="64"/>
      </bottom>
      <diagonal/>
    </border>
    <border>
      <left style="medium">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double">
        <color indexed="64"/>
      </top>
      <bottom style="double">
        <color indexed="64"/>
      </bottom>
      <diagonal/>
    </border>
    <border>
      <left/>
      <right style="medium">
        <color indexed="64"/>
      </right>
      <top style="double">
        <color indexed="64"/>
      </top>
      <bottom style="double">
        <color indexed="64"/>
      </bottom>
      <diagonal/>
    </border>
    <border>
      <left style="thin">
        <color indexed="64"/>
      </left>
      <right/>
      <top style="double">
        <color indexed="64"/>
      </top>
      <bottom/>
      <diagonal/>
    </border>
    <border>
      <left style="thin">
        <color indexed="64"/>
      </left>
      <right style="thin">
        <color indexed="64"/>
      </right>
      <top/>
      <bottom style="double">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right/>
      <top/>
      <bottom style="thick">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style="thin">
        <color indexed="64"/>
      </left>
      <right style="thin">
        <color indexed="64"/>
      </right>
      <top style="thick">
        <color indexed="64"/>
      </top>
      <bottom style="medium">
        <color indexed="64"/>
      </bottom>
      <diagonal/>
    </border>
    <border>
      <left style="thin">
        <color indexed="64"/>
      </left>
      <right style="thick">
        <color indexed="64"/>
      </right>
      <top style="thick">
        <color indexed="64"/>
      </top>
      <bottom style="medium">
        <color indexed="64"/>
      </bottom>
      <diagonal/>
    </border>
    <border>
      <left style="thick">
        <color indexed="64"/>
      </left>
      <right/>
      <top style="medium">
        <color indexed="64"/>
      </top>
      <bottom style="thin">
        <color indexed="64"/>
      </bottom>
      <diagonal/>
    </border>
    <border>
      <left/>
      <right style="thick">
        <color indexed="64"/>
      </right>
      <top style="medium">
        <color indexed="64"/>
      </top>
      <bottom style="thin">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bottom/>
      <diagonal/>
    </border>
    <border>
      <left style="thick">
        <color indexed="64"/>
      </left>
      <right/>
      <top/>
      <bottom style="double">
        <color indexed="64"/>
      </bottom>
      <diagonal/>
    </border>
    <border>
      <left/>
      <right style="thick">
        <color indexed="64"/>
      </right>
      <top style="thin">
        <color indexed="64"/>
      </top>
      <bottom/>
      <diagonal/>
    </border>
    <border>
      <left/>
      <right style="thick">
        <color indexed="64"/>
      </right>
      <top/>
      <bottom style="double">
        <color indexed="64"/>
      </bottom>
      <diagonal/>
    </border>
    <border>
      <left style="thick">
        <color indexed="64"/>
      </left>
      <right style="thin">
        <color indexed="64"/>
      </right>
      <top style="double">
        <color indexed="64"/>
      </top>
      <bottom/>
      <diagonal/>
    </border>
    <border>
      <left style="thick">
        <color indexed="64"/>
      </left>
      <right style="thin">
        <color indexed="64"/>
      </right>
      <top/>
      <bottom/>
      <diagonal/>
    </border>
    <border>
      <left style="thick">
        <color indexed="64"/>
      </left>
      <right style="thin">
        <color indexed="64"/>
      </right>
      <top/>
      <bottom style="medium">
        <color indexed="64"/>
      </bottom>
      <diagonal/>
    </border>
    <border>
      <left style="thin">
        <color indexed="64"/>
      </left>
      <right style="thick">
        <color indexed="64"/>
      </right>
      <top style="double">
        <color indexed="64"/>
      </top>
      <bottom/>
      <diagonal/>
    </border>
    <border>
      <left style="thin">
        <color indexed="64"/>
      </left>
      <right style="thick">
        <color indexed="64"/>
      </right>
      <top style="medium">
        <color indexed="64"/>
      </top>
      <bottom/>
      <diagonal/>
    </border>
    <border>
      <left style="thin">
        <color indexed="64"/>
      </left>
      <right style="thick">
        <color indexed="64"/>
      </right>
      <top/>
      <bottom style="thin">
        <color indexed="64"/>
      </bottom>
      <diagonal/>
    </border>
    <border>
      <left/>
      <right style="thick">
        <color indexed="64"/>
      </right>
      <top/>
      <bottom/>
      <diagonal/>
    </border>
    <border>
      <left/>
      <right style="thick">
        <color indexed="64"/>
      </right>
      <top/>
      <bottom style="thin">
        <color indexed="64"/>
      </bottom>
      <diagonal/>
    </border>
    <border>
      <left/>
      <right style="thick">
        <color indexed="64"/>
      </right>
      <top/>
      <bottom style="medium">
        <color indexed="64"/>
      </bottom>
      <diagonal/>
    </border>
    <border>
      <left style="medium">
        <color indexed="64"/>
      </left>
      <right style="thin">
        <color indexed="64"/>
      </right>
      <top style="thin">
        <color indexed="64"/>
      </top>
      <bottom style="double">
        <color indexed="64"/>
      </bottom>
      <diagonal/>
    </border>
    <border>
      <left/>
      <right style="medium">
        <color indexed="64"/>
      </right>
      <top style="medium">
        <color indexed="64"/>
      </top>
      <bottom/>
      <diagonal/>
    </border>
    <border>
      <left/>
      <right style="medium">
        <color indexed="64"/>
      </right>
      <top style="double">
        <color indexed="64"/>
      </top>
      <bottom/>
      <diagonal/>
    </border>
    <border>
      <left style="thin">
        <color indexed="64"/>
      </left>
      <right/>
      <top style="medium">
        <color indexed="64"/>
      </top>
      <bottom/>
      <diagonal/>
    </border>
    <border>
      <left/>
      <right style="medium">
        <color indexed="64"/>
      </right>
      <top/>
      <bottom style="medium">
        <color indexed="64"/>
      </bottom>
      <diagonal/>
    </border>
    <border>
      <left style="medium">
        <color indexed="64"/>
      </left>
      <right/>
      <top style="thin">
        <color indexed="64"/>
      </top>
      <bottom style="double">
        <color indexed="64"/>
      </bottom>
      <diagonal/>
    </border>
    <border>
      <left/>
      <right style="double">
        <color indexed="64"/>
      </right>
      <top/>
      <bottom style="double">
        <color indexed="64"/>
      </bottom>
      <diagonal/>
    </border>
    <border>
      <left/>
      <right style="double">
        <color indexed="64"/>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top style="thin">
        <color indexed="64"/>
      </top>
      <bottom/>
      <diagonal/>
    </border>
    <border>
      <left/>
      <right style="double">
        <color indexed="64"/>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style="double">
        <color indexed="64"/>
      </right>
      <top style="thin">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double">
        <color indexed="64"/>
      </right>
      <top style="double">
        <color indexed="64"/>
      </top>
      <bottom style="double">
        <color indexed="64"/>
      </bottom>
      <diagonal/>
    </border>
    <border>
      <left/>
      <right style="thin">
        <color indexed="64"/>
      </right>
      <top style="double">
        <color indexed="64"/>
      </top>
      <bottom style="double">
        <color indexed="64"/>
      </bottom>
      <diagonal/>
    </border>
    <border>
      <left style="double">
        <color indexed="64"/>
      </left>
      <right style="double">
        <color indexed="64"/>
      </right>
      <top style="double">
        <color indexed="64"/>
      </top>
      <bottom/>
      <diagonal/>
    </border>
    <border>
      <left style="double">
        <color indexed="64"/>
      </left>
      <right style="double">
        <color indexed="64"/>
      </right>
      <top/>
      <bottom style="double">
        <color indexed="64"/>
      </bottom>
      <diagonal/>
    </border>
    <border>
      <left style="thin">
        <color indexed="64"/>
      </left>
      <right style="thin">
        <color indexed="64"/>
      </right>
      <top style="hair">
        <color indexed="64"/>
      </top>
      <bottom style="thin">
        <color indexed="64"/>
      </bottom>
      <diagonal/>
    </border>
    <border>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diagonalDown="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bottom style="dashed">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style="double">
        <color indexed="64"/>
      </left>
      <right/>
      <top/>
      <bottom style="double">
        <color indexed="64"/>
      </bottom>
      <diagonal/>
    </border>
    <border>
      <left style="double">
        <color indexed="64"/>
      </left>
      <right/>
      <top/>
      <bottom/>
      <diagonal/>
    </border>
    <border>
      <left style="thin">
        <color indexed="64"/>
      </left>
      <right/>
      <top style="dotted">
        <color indexed="64"/>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right style="double">
        <color indexed="64"/>
      </right>
      <top style="double">
        <color indexed="64"/>
      </top>
      <bottom style="thin">
        <color indexed="64"/>
      </bottom>
      <diagonal/>
    </border>
    <border>
      <left style="double">
        <color indexed="64"/>
      </left>
      <right/>
      <top style="double">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hair">
        <color indexed="64"/>
      </bottom>
      <diagonal/>
    </border>
    <border>
      <left/>
      <right/>
      <top style="thin">
        <color indexed="64"/>
      </top>
      <bottom style="hair">
        <color indexed="64"/>
      </bottom>
      <diagonal/>
    </border>
    <border>
      <left style="double">
        <color indexed="64"/>
      </left>
      <right style="thin">
        <color indexed="64"/>
      </right>
      <top/>
      <bottom/>
      <diagonal/>
    </border>
    <border>
      <left style="thin">
        <color indexed="64"/>
      </left>
      <right/>
      <top/>
      <bottom style="dotted">
        <color indexed="64"/>
      </bottom>
      <diagonal/>
    </border>
    <border>
      <left style="thin">
        <color indexed="64"/>
      </left>
      <right/>
      <top style="dotted">
        <color indexed="64"/>
      </top>
      <bottom/>
      <diagonal/>
    </border>
    <border>
      <left/>
      <right style="thin">
        <color indexed="64"/>
      </right>
      <top style="dotted">
        <color indexed="64"/>
      </top>
      <bottom/>
      <diagonal/>
    </border>
    <border>
      <left/>
      <right/>
      <top style="dotted">
        <color indexed="64"/>
      </top>
      <bottom/>
      <diagonal/>
    </border>
    <border>
      <left/>
      <right style="thin">
        <color indexed="64"/>
      </right>
      <top/>
      <bottom style="dotted">
        <color indexed="64"/>
      </bottom>
      <diagonal/>
    </border>
    <border>
      <left/>
      <right/>
      <top/>
      <bottom style="dotted">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diagonalDown="1">
      <left style="thin">
        <color indexed="64"/>
      </left>
      <right style="medium">
        <color indexed="64"/>
      </right>
      <top/>
      <bottom style="thin">
        <color indexed="64"/>
      </bottom>
      <diagonal style="thin">
        <color indexed="64"/>
      </diagonal>
    </border>
    <border diagonalDown="1">
      <left style="thin">
        <color indexed="64"/>
      </left>
      <right style="medium">
        <color indexed="64"/>
      </right>
      <top/>
      <bottom/>
      <diagonal style="thin">
        <color indexed="64"/>
      </diagonal>
    </border>
    <border diagonalDown="1">
      <left style="thin">
        <color indexed="64"/>
      </left>
      <right style="medium">
        <color indexed="64"/>
      </right>
      <top style="medium">
        <color indexed="64"/>
      </top>
      <bottom/>
      <diagonal style="thin">
        <color indexed="64"/>
      </diagonal>
    </border>
    <border>
      <left style="thin">
        <color indexed="64"/>
      </left>
      <right style="thin">
        <color indexed="64"/>
      </right>
      <top style="medium">
        <color indexed="64"/>
      </top>
      <bottom/>
      <diagonal/>
    </border>
    <border diagonalDown="1">
      <left/>
      <right style="medium">
        <color indexed="64"/>
      </right>
      <top style="thin">
        <color indexed="64"/>
      </top>
      <bottom style="medium">
        <color indexed="64"/>
      </bottom>
      <diagonal style="thin">
        <color indexed="64"/>
      </diagonal>
    </border>
    <border>
      <left style="dotted">
        <color indexed="64"/>
      </left>
      <right style="thin">
        <color indexed="64"/>
      </right>
      <top style="thin">
        <color indexed="64"/>
      </top>
      <bottom style="medium">
        <color indexed="64"/>
      </bottom>
      <diagonal/>
    </border>
    <border>
      <left style="dotted">
        <color indexed="64"/>
      </left>
      <right style="dotted">
        <color indexed="64"/>
      </right>
      <top style="thin">
        <color indexed="64"/>
      </top>
      <bottom style="medium">
        <color indexed="64"/>
      </bottom>
      <diagonal/>
    </border>
    <border>
      <left style="dotted">
        <color indexed="64"/>
      </left>
      <right style="thin">
        <color indexed="64"/>
      </right>
      <top style="thin">
        <color indexed="64"/>
      </top>
      <bottom style="thin">
        <color indexed="64"/>
      </bottom>
      <diagonal/>
    </border>
    <border>
      <left style="dotted">
        <color indexed="64"/>
      </left>
      <right/>
      <top style="thin">
        <color indexed="64"/>
      </top>
      <bottom style="thin">
        <color indexed="64"/>
      </bottom>
      <diagonal/>
    </border>
    <border>
      <left style="dashed">
        <color indexed="64"/>
      </left>
      <right/>
      <top style="thin">
        <color indexed="64"/>
      </top>
      <bottom/>
      <diagonal/>
    </border>
    <border>
      <left style="dashed">
        <color indexed="64"/>
      </left>
      <right style="dashed">
        <color indexed="64"/>
      </right>
      <top style="thin">
        <color indexed="64"/>
      </top>
      <bottom/>
      <diagonal/>
    </border>
    <border>
      <left style="thin">
        <color indexed="64"/>
      </left>
      <right style="dashed">
        <color indexed="64"/>
      </right>
      <top style="thin">
        <color indexed="64"/>
      </top>
      <bottom/>
      <diagonal/>
    </border>
    <border>
      <left style="dashed">
        <color indexed="64"/>
      </left>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otted">
        <color indexed="64"/>
      </left>
      <right style="dashed">
        <color indexed="64"/>
      </right>
      <top style="thin">
        <color indexed="64"/>
      </top>
      <bottom style="thin">
        <color indexed="64"/>
      </bottom>
      <diagonal/>
    </border>
    <border diagonalUp="1">
      <left style="thin">
        <color indexed="64"/>
      </left>
      <right style="thin">
        <color indexed="64"/>
      </right>
      <top style="hair">
        <color indexed="64"/>
      </top>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diagonalDown="1">
      <left/>
      <right style="thin">
        <color indexed="64"/>
      </right>
      <top/>
      <bottom style="thin">
        <color indexed="64"/>
      </bottom>
      <diagonal style="thin">
        <color indexed="64"/>
      </diagonal>
    </border>
    <border diagonalDown="1">
      <left/>
      <right/>
      <top/>
      <bottom style="thin">
        <color indexed="64"/>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diagonal style="thin">
        <color indexed="64"/>
      </diagonal>
    </border>
    <border diagonalDown="1">
      <left/>
      <right/>
      <top/>
      <bottom/>
      <diagonal style="thin">
        <color indexed="64"/>
      </diagonal>
    </border>
    <border diagonalDown="1">
      <left/>
      <right style="thin">
        <color indexed="64"/>
      </right>
      <top style="thin">
        <color indexed="64"/>
      </top>
      <bottom/>
      <diagonal style="thin">
        <color indexed="64"/>
      </diagonal>
    </border>
    <border diagonalDown="1">
      <left/>
      <right/>
      <top style="thin">
        <color indexed="64"/>
      </top>
      <bottom/>
      <diagonal style="thin">
        <color indexed="64"/>
      </diagonal>
    </border>
    <border diagonalUp="1">
      <left/>
      <right style="thin">
        <color indexed="64"/>
      </right>
      <top/>
      <bottom style="double">
        <color indexed="64"/>
      </bottom>
      <diagonal style="thin">
        <color indexed="64"/>
      </diagonal>
    </border>
    <border diagonalUp="1">
      <left style="thin">
        <color indexed="64"/>
      </left>
      <right/>
      <top/>
      <bottom style="double">
        <color indexed="64"/>
      </bottom>
      <diagonal style="thin">
        <color indexed="64"/>
      </diagonal>
    </border>
    <border diagonalUp="1">
      <left/>
      <right style="thin">
        <color indexed="64"/>
      </right>
      <top/>
      <bottom/>
      <diagonal style="thin">
        <color indexed="64"/>
      </diagonal>
    </border>
    <border diagonalUp="1">
      <left style="thin">
        <color indexed="64"/>
      </left>
      <right/>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style="thin">
        <color indexed="64"/>
      </top>
      <bottom/>
      <diagonal style="thin">
        <color indexed="64"/>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indexed="8"/>
      </left>
      <right/>
      <top style="thin">
        <color indexed="8"/>
      </top>
      <bottom style="thin">
        <color indexed="8"/>
      </bottom>
      <diagonal/>
    </border>
    <border>
      <left style="thin">
        <color indexed="8"/>
      </left>
      <right style="thin">
        <color indexed="8"/>
      </right>
      <top style="thin">
        <color indexed="8"/>
      </top>
      <bottom style="thin">
        <color indexed="8"/>
      </bottom>
      <diagonal/>
    </border>
    <border>
      <left style="thin">
        <color indexed="8"/>
      </left>
      <right style="thin">
        <color indexed="8"/>
      </right>
      <top/>
      <bottom/>
      <diagonal/>
    </border>
    <border>
      <left/>
      <right/>
      <top style="thin">
        <color indexed="8"/>
      </top>
      <bottom style="thin">
        <color indexed="8"/>
      </bottom>
      <diagonal/>
    </border>
    <border>
      <left/>
      <right style="dotted">
        <color indexed="8"/>
      </right>
      <top style="thin">
        <color indexed="8"/>
      </top>
      <bottom style="thin">
        <color indexed="8"/>
      </bottom>
      <diagonal/>
    </border>
    <border>
      <left style="dotted">
        <color indexed="8"/>
      </left>
      <right style="thin">
        <color indexed="8"/>
      </right>
      <top style="thin">
        <color indexed="8"/>
      </top>
      <bottom style="thin">
        <color indexed="8"/>
      </bottom>
      <diagonal/>
    </border>
    <border>
      <left style="thin">
        <color indexed="8"/>
      </left>
      <right style="thin">
        <color indexed="8"/>
      </right>
      <top style="thin">
        <color indexed="8"/>
      </top>
      <bottom/>
      <diagonal/>
    </border>
    <border>
      <left style="thin">
        <color indexed="8"/>
      </left>
      <right/>
      <top style="thin">
        <color indexed="8"/>
      </top>
      <bottom style="double">
        <color indexed="8"/>
      </bottom>
      <diagonal/>
    </border>
    <border>
      <left/>
      <right/>
      <top style="thin">
        <color indexed="8"/>
      </top>
      <bottom/>
      <diagonal/>
    </border>
    <border>
      <left style="dotted">
        <color indexed="8"/>
      </left>
      <right style="thin">
        <color indexed="8"/>
      </right>
      <top style="thin">
        <color indexed="8"/>
      </top>
      <bottom/>
      <diagonal/>
    </border>
    <border>
      <left style="thin">
        <color indexed="8"/>
      </left>
      <right style="thin">
        <color indexed="8"/>
      </right>
      <top style="double">
        <color indexed="8"/>
      </top>
      <bottom style="thin">
        <color indexed="8"/>
      </bottom>
      <diagonal/>
    </border>
    <border>
      <left style="thin">
        <color indexed="8"/>
      </left>
      <right/>
      <top style="double">
        <color indexed="8"/>
      </top>
      <bottom style="thin">
        <color indexed="8"/>
      </bottom>
      <diagonal/>
    </border>
    <border>
      <left/>
      <right/>
      <top style="double">
        <color indexed="8"/>
      </top>
      <bottom style="thin">
        <color indexed="8"/>
      </bottom>
      <diagonal/>
    </border>
    <border>
      <left style="dotted">
        <color indexed="8"/>
      </left>
      <right style="thin">
        <color indexed="8"/>
      </right>
      <top style="double">
        <color indexed="8"/>
      </top>
      <bottom style="thin">
        <color indexed="8"/>
      </bottom>
      <diagonal/>
    </border>
    <border>
      <left/>
      <right style="thin">
        <color indexed="8"/>
      </right>
      <top style="thin">
        <color indexed="8"/>
      </top>
      <bottom style="thin">
        <color indexed="8"/>
      </bottom>
      <diagonal/>
    </border>
    <border>
      <left/>
      <right/>
      <top style="thin">
        <color indexed="8"/>
      </top>
      <bottom style="double">
        <color indexed="8"/>
      </bottom>
      <diagonal/>
    </border>
    <border>
      <left/>
      <right style="dotted">
        <color indexed="8"/>
      </right>
      <top style="thin">
        <color indexed="8"/>
      </top>
      <bottom style="double">
        <color indexed="8"/>
      </bottom>
      <diagonal/>
    </border>
    <border>
      <left/>
      <right style="dotted">
        <color indexed="8"/>
      </right>
      <top style="double">
        <color indexed="8"/>
      </top>
      <bottom style="thin">
        <color indexed="8"/>
      </bottom>
      <diagonal/>
    </border>
    <border>
      <left style="thin">
        <color indexed="8"/>
      </left>
      <right style="thin">
        <color indexed="8"/>
      </right>
      <top/>
      <bottom style="thin">
        <color indexed="8"/>
      </bottom>
      <diagonal/>
    </border>
    <border>
      <left style="double">
        <color indexed="64"/>
      </left>
      <right/>
      <top style="thin">
        <color indexed="64"/>
      </top>
      <bottom style="thin">
        <color indexed="64"/>
      </bottom>
      <diagonal/>
    </border>
    <border>
      <left style="double">
        <color indexed="64"/>
      </left>
      <right/>
      <top style="thin">
        <color indexed="64"/>
      </top>
      <bottom style="double">
        <color indexed="64"/>
      </bottom>
      <diagonal/>
    </border>
    <border>
      <left/>
      <right style="double">
        <color indexed="64"/>
      </right>
      <top style="thin">
        <color indexed="64"/>
      </top>
      <bottom style="double">
        <color indexed="64"/>
      </bottom>
      <diagonal/>
    </border>
    <border>
      <left style="hair">
        <color indexed="64"/>
      </left>
      <right/>
      <top style="thin">
        <color indexed="64"/>
      </top>
      <bottom style="thin">
        <color indexed="64"/>
      </bottom>
      <diagonal/>
    </border>
    <border>
      <left style="hair">
        <color indexed="64"/>
      </left>
      <right/>
      <top style="thin">
        <color indexed="64"/>
      </top>
      <bottom/>
      <diagonal/>
    </border>
    <border>
      <left/>
      <right style="hair">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thin">
        <color auto="1"/>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style="thin">
        <color auto="1"/>
      </left>
      <right/>
      <top/>
      <bottom/>
      <diagonal/>
    </border>
    <border>
      <left style="thin">
        <color auto="1"/>
      </left>
      <right style="thin">
        <color auto="1"/>
      </right>
      <top/>
      <bottom/>
      <diagonal/>
    </border>
    <border>
      <left style="double">
        <color auto="1"/>
      </left>
      <right style="thin">
        <color auto="1"/>
      </right>
      <top/>
      <bottom style="thin">
        <color auto="1"/>
      </bottom>
      <diagonal/>
    </border>
    <border>
      <left style="thin">
        <color auto="1"/>
      </left>
      <right/>
      <top/>
      <bottom style="thin">
        <color auto="1"/>
      </bottom>
      <diagonal/>
    </border>
    <border>
      <left/>
      <right style="thin">
        <color auto="1"/>
      </right>
      <top/>
      <bottom style="thin">
        <color auto="1"/>
      </bottom>
      <diagonal/>
    </border>
    <border>
      <left style="thin">
        <color auto="1"/>
      </left>
      <right style="thin">
        <color auto="1"/>
      </right>
      <top/>
      <bottom style="thin">
        <color auto="1"/>
      </bottom>
      <diagonal/>
    </border>
    <border>
      <left style="thin">
        <color auto="1"/>
      </left>
      <right style="double">
        <color auto="1"/>
      </right>
      <top/>
      <bottom/>
      <diagonal/>
    </border>
    <border>
      <left style="thin">
        <color auto="1"/>
      </left>
      <right style="double">
        <color auto="1"/>
      </right>
      <top/>
      <bottom style="thin">
        <color auto="1"/>
      </bottom>
      <diagonal/>
    </border>
    <border>
      <left style="thin">
        <color auto="1"/>
      </left>
      <right style="double">
        <color auto="1"/>
      </right>
      <top style="thin">
        <color auto="1"/>
      </top>
      <bottom style="thin">
        <color auto="1"/>
      </bottom>
      <diagonal/>
    </border>
    <border>
      <left style="double">
        <color auto="1"/>
      </left>
      <right style="thin">
        <color auto="1"/>
      </right>
      <top style="thin">
        <color auto="1"/>
      </top>
      <bottom style="thin">
        <color auto="1"/>
      </bottom>
      <diagonal/>
    </border>
    <border>
      <left style="double">
        <color auto="1"/>
      </left>
      <right/>
      <top style="double">
        <color auto="1"/>
      </top>
      <bottom style="thin">
        <color auto="1"/>
      </bottom>
      <diagonal/>
    </border>
    <border>
      <left/>
      <right/>
      <top style="double">
        <color auto="1"/>
      </top>
      <bottom style="thin">
        <color auto="1"/>
      </bottom>
      <diagonal/>
    </border>
    <border>
      <left/>
      <right style="double">
        <color auto="1"/>
      </right>
      <top style="double">
        <color auto="1"/>
      </top>
      <bottom style="thin">
        <color auto="1"/>
      </bottom>
      <diagonal/>
    </border>
    <border>
      <left/>
      <right style="thin">
        <color auto="1"/>
      </right>
      <top/>
      <bottom style="hair">
        <color auto="1"/>
      </bottom>
      <diagonal/>
    </border>
    <border>
      <left style="thin">
        <color auto="1"/>
      </left>
      <right/>
      <top/>
      <bottom style="hair">
        <color auto="1"/>
      </bottom>
      <diagonal/>
    </border>
    <border>
      <left/>
      <right/>
      <top/>
      <bottom style="hair">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thin">
        <color auto="1"/>
      </top>
      <bottom/>
      <diagonal/>
    </border>
    <border>
      <left/>
      <right style="thin">
        <color auto="1"/>
      </right>
      <top style="thin">
        <color auto="1"/>
      </top>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top style="thin">
        <color auto="1"/>
      </top>
      <bottom style="dotted">
        <color auto="1"/>
      </bottom>
      <diagonal/>
    </border>
  </borders>
  <cellStyleXfs count="18">
    <xf numFmtId="0" fontId="0" fillId="0" borderId="0">
      <alignment vertical="center"/>
    </xf>
    <xf numFmtId="0" fontId="5" fillId="0" borderId="0"/>
    <xf numFmtId="0" fontId="5" fillId="0" borderId="0">
      <alignment vertical="center"/>
    </xf>
    <xf numFmtId="0" fontId="34" fillId="0" borderId="0">
      <alignment vertical="center"/>
    </xf>
    <xf numFmtId="0" fontId="34" fillId="0" borderId="0">
      <alignment vertical="center"/>
    </xf>
    <xf numFmtId="0" fontId="5" fillId="0" borderId="0">
      <alignment vertical="center"/>
    </xf>
    <xf numFmtId="0" fontId="5" fillId="0" borderId="0">
      <alignment vertical="center"/>
    </xf>
    <xf numFmtId="0" fontId="5" fillId="0" borderId="0">
      <alignment vertical="center"/>
    </xf>
    <xf numFmtId="0" fontId="5" fillId="0" borderId="0">
      <alignment vertical="center"/>
    </xf>
    <xf numFmtId="0" fontId="5" fillId="0" borderId="0">
      <alignment vertical="center"/>
    </xf>
    <xf numFmtId="0" fontId="34" fillId="0" borderId="0">
      <alignment vertical="center"/>
    </xf>
    <xf numFmtId="0" fontId="5" fillId="0" borderId="0"/>
    <xf numFmtId="0" fontId="4" fillId="0" borderId="0">
      <alignment vertical="center"/>
    </xf>
    <xf numFmtId="0" fontId="3" fillId="0" borderId="0">
      <alignment vertical="center"/>
    </xf>
    <xf numFmtId="38" fontId="121" fillId="0" borderId="0" applyFont="0" applyFill="0" applyBorder="0" applyAlignment="0" applyProtection="0"/>
    <xf numFmtId="0" fontId="2" fillId="0" borderId="0">
      <alignment vertical="center"/>
    </xf>
    <xf numFmtId="0" fontId="1" fillId="0" borderId="0">
      <alignment vertical="center"/>
    </xf>
    <xf numFmtId="0" fontId="5" fillId="0" borderId="0">
      <alignment vertical="center"/>
    </xf>
  </cellStyleXfs>
  <cellXfs count="3332">
    <xf numFmtId="0" fontId="0" fillId="0" borderId="0" xfId="0">
      <alignment vertical="center"/>
    </xf>
    <xf numFmtId="0" fontId="0" fillId="0" borderId="2" xfId="0" applyBorder="1">
      <alignment vertical="center"/>
    </xf>
    <xf numFmtId="0" fontId="0" fillId="0" borderId="0" xfId="0" applyBorder="1">
      <alignment vertical="center"/>
    </xf>
    <xf numFmtId="0" fontId="0" fillId="0" borderId="3" xfId="0" applyBorder="1">
      <alignment vertical="center"/>
    </xf>
    <xf numFmtId="0" fontId="0" fillId="0" borderId="4" xfId="0" applyBorder="1">
      <alignment vertical="center"/>
    </xf>
    <xf numFmtId="0" fontId="0" fillId="0" borderId="5" xfId="0" applyBorder="1">
      <alignment vertical="center"/>
    </xf>
    <xf numFmtId="0" fontId="0" fillId="0" borderId="8" xfId="0" applyBorder="1">
      <alignment vertical="center"/>
    </xf>
    <xf numFmtId="0" fontId="0" fillId="0" borderId="9" xfId="0" applyBorder="1">
      <alignment vertical="center"/>
    </xf>
    <xf numFmtId="0" fontId="0" fillId="0" borderId="0" xfId="0" applyBorder="1" applyAlignment="1">
      <alignment horizontal="right" vertical="center"/>
    </xf>
    <xf numFmtId="0" fontId="0" fillId="0" borderId="1" xfId="0" applyBorder="1" applyAlignment="1">
      <alignment horizontal="center" vertical="center"/>
    </xf>
    <xf numFmtId="0" fontId="0" fillId="0" borderId="10" xfId="0" applyBorder="1">
      <alignment vertical="center"/>
    </xf>
    <xf numFmtId="0" fontId="0" fillId="0" borderId="11" xfId="0" applyBorder="1">
      <alignment vertical="center"/>
    </xf>
    <xf numFmtId="0" fontId="7" fillId="0" borderId="0" xfId="0" applyFont="1" applyBorder="1" applyAlignment="1">
      <alignment horizontal="center" vertical="center"/>
    </xf>
    <xf numFmtId="0" fontId="0" fillId="0" borderId="12" xfId="0" applyBorder="1" applyAlignment="1">
      <alignment horizontal="center" vertical="center"/>
    </xf>
    <xf numFmtId="0" fontId="7" fillId="0" borderId="0" xfId="0" applyFont="1">
      <alignment vertical="center"/>
    </xf>
    <xf numFmtId="0" fontId="0" fillId="0" borderId="0" xfId="0" applyAlignment="1">
      <alignment horizontal="left" vertical="center" indent="3"/>
    </xf>
    <xf numFmtId="0" fontId="7" fillId="0" borderId="13"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0" fillId="0" borderId="0" xfId="0" applyBorder="1" applyAlignment="1">
      <alignment horizontal="center" vertical="center"/>
    </xf>
    <xf numFmtId="0" fontId="0" fillId="0" borderId="1" xfId="0" applyBorder="1" applyAlignment="1">
      <alignment horizontal="right" vertical="center" indent="1"/>
    </xf>
    <xf numFmtId="0" fontId="8" fillId="0" borderId="13" xfId="0" applyFont="1" applyBorder="1" applyAlignment="1">
      <alignment horizontal="center" vertical="center"/>
    </xf>
    <xf numFmtId="0" fontId="5" fillId="0" borderId="13" xfId="0" applyFont="1" applyBorder="1" applyAlignment="1">
      <alignment horizontal="center" vertical="center"/>
    </xf>
    <xf numFmtId="0" fontId="0" fillId="0" borderId="14" xfId="0" applyBorder="1">
      <alignment vertical="center"/>
    </xf>
    <xf numFmtId="0" fontId="0" fillId="0" borderId="15" xfId="0" applyBorder="1">
      <alignment vertical="center"/>
    </xf>
    <xf numFmtId="0" fontId="0" fillId="0" borderId="0" xfId="0" applyAlignment="1">
      <alignment horizontal="left" vertical="center"/>
    </xf>
    <xf numFmtId="0" fontId="0" fillId="0" borderId="12" xfId="0" applyBorder="1" applyAlignment="1">
      <alignment horizontal="left" vertical="center" indent="1"/>
    </xf>
    <xf numFmtId="0" fontId="0" fillId="0" borderId="10" xfId="0" applyBorder="1" applyAlignment="1">
      <alignment horizontal="left" vertical="center" indent="1"/>
    </xf>
    <xf numFmtId="0" fontId="0" fillId="0" borderId="11" xfId="0" applyBorder="1" applyAlignment="1">
      <alignment horizontal="left" vertical="center" indent="1"/>
    </xf>
    <xf numFmtId="0" fontId="0" fillId="0" borderId="14" xfId="0" applyBorder="1" applyAlignment="1">
      <alignment horizontal="left" vertical="center" indent="1"/>
    </xf>
    <xf numFmtId="0" fontId="0" fillId="0" borderId="4" xfId="0" applyBorder="1" applyAlignment="1">
      <alignment horizontal="left" vertical="center" indent="1"/>
    </xf>
    <xf numFmtId="0" fontId="0" fillId="0" borderId="13" xfId="0" applyBorder="1" applyAlignment="1">
      <alignment horizontal="right" vertical="center"/>
    </xf>
    <xf numFmtId="0" fontId="0" fillId="0" borderId="7" xfId="0" applyBorder="1" applyAlignment="1">
      <alignment horizontal="right" vertical="center"/>
    </xf>
    <xf numFmtId="0" fontId="0" fillId="0" borderId="0" xfId="0" applyBorder="1" applyAlignment="1">
      <alignment horizontal="left" vertical="center"/>
    </xf>
    <xf numFmtId="0" fontId="0" fillId="0" borderId="0" xfId="0" applyBorder="1" applyAlignment="1">
      <alignment horizontal="right" vertical="center" indent="1"/>
    </xf>
    <xf numFmtId="0" fontId="0" fillId="0" borderId="1" xfId="0" applyBorder="1" applyAlignment="1">
      <alignment horizontal="right" vertical="center"/>
    </xf>
    <xf numFmtId="0" fontId="10" fillId="0" borderId="0" xfId="0" applyFont="1">
      <alignment vertical="center"/>
    </xf>
    <xf numFmtId="0" fontId="10" fillId="0" borderId="0" xfId="0" applyFont="1" applyAlignment="1">
      <alignment horizontal="left" vertical="center"/>
    </xf>
    <xf numFmtId="0" fontId="0" fillId="0" borderId="0" xfId="0" applyAlignment="1">
      <alignment horizontal="right" vertical="center"/>
    </xf>
    <xf numFmtId="0" fontId="0" fillId="0" borderId="1" xfId="0" applyBorder="1" applyAlignment="1">
      <alignment horizontal="distributed" vertical="center"/>
    </xf>
    <xf numFmtId="0" fontId="0" fillId="0" borderId="12" xfId="0" applyBorder="1" applyAlignment="1">
      <alignment horizontal="distributed" vertical="center"/>
    </xf>
    <xf numFmtId="0" fontId="0" fillId="0" borderId="16" xfId="0" applyBorder="1" applyAlignment="1">
      <alignment horizontal="center" vertical="center"/>
    </xf>
    <xf numFmtId="0" fontId="0" fillId="0" borderId="17" xfId="0" applyBorder="1">
      <alignment vertical="center"/>
    </xf>
    <xf numFmtId="0" fontId="0" fillId="0" borderId="18" xfId="0" applyBorder="1">
      <alignment vertical="center"/>
    </xf>
    <xf numFmtId="0" fontId="0" fillId="0" borderId="19" xfId="0" applyBorder="1" applyAlignment="1">
      <alignment horizontal="left" vertical="center" wrapText="1"/>
    </xf>
    <xf numFmtId="0" fontId="0" fillId="0" borderId="6" xfId="0" applyBorder="1" applyAlignment="1">
      <alignment horizontal="left"/>
    </xf>
    <xf numFmtId="0" fontId="0" fillId="0" borderId="0" xfId="0" applyBorder="1" applyAlignment="1">
      <alignment horizontal="left"/>
    </xf>
    <xf numFmtId="0" fontId="0" fillId="0" borderId="20" xfId="0" applyBorder="1" applyAlignment="1">
      <alignment horizontal="left"/>
    </xf>
    <xf numFmtId="0" fontId="0" fillId="0" borderId="18" xfId="0" applyBorder="1" applyAlignment="1">
      <alignment horizontal="left" vertical="center"/>
    </xf>
    <xf numFmtId="0" fontId="0" fillId="0" borderId="21" xfId="0" applyBorder="1">
      <alignment vertical="center"/>
    </xf>
    <xf numFmtId="0" fontId="0" fillId="0" borderId="1" xfId="0" applyBorder="1" applyAlignment="1">
      <alignment horizontal="left" vertical="center"/>
    </xf>
    <xf numFmtId="0" fontId="10" fillId="0" borderId="0" xfId="0" applyFont="1" applyAlignment="1">
      <alignment horizontal="left" vertical="center" indent="3"/>
    </xf>
    <xf numFmtId="0" fontId="12" fillId="0" borderId="0" xfId="0" applyFont="1">
      <alignment vertical="center"/>
    </xf>
    <xf numFmtId="0" fontId="8" fillId="0" borderId="0" xfId="0" applyFont="1">
      <alignment vertical="center"/>
    </xf>
    <xf numFmtId="0" fontId="24" fillId="0" borderId="0" xfId="0" applyFont="1" applyFill="1" applyAlignment="1">
      <alignment horizontal="left" vertical="center"/>
    </xf>
    <xf numFmtId="0" fontId="7" fillId="0" borderId="0" xfId="2" applyFont="1">
      <alignment vertical="center"/>
    </xf>
    <xf numFmtId="0" fontId="5" fillId="0" borderId="0" xfId="2">
      <alignment vertical="center"/>
    </xf>
    <xf numFmtId="0" fontId="5" fillId="0" borderId="6" xfId="2" applyBorder="1">
      <alignment vertical="center"/>
    </xf>
    <xf numFmtId="0" fontId="5" fillId="0" borderId="0" xfId="2" applyBorder="1">
      <alignment vertical="center"/>
    </xf>
    <xf numFmtId="0" fontId="5" fillId="0" borderId="3" xfId="2" applyBorder="1">
      <alignment vertical="center"/>
    </xf>
    <xf numFmtId="0" fontId="5" fillId="0" borderId="7" xfId="2" applyBorder="1">
      <alignment vertical="center"/>
    </xf>
    <xf numFmtId="0" fontId="5" fillId="0" borderId="5" xfId="2" applyBorder="1">
      <alignment vertical="center"/>
    </xf>
    <xf numFmtId="0" fontId="5" fillId="0" borderId="8" xfId="2" applyBorder="1">
      <alignment vertical="center"/>
    </xf>
    <xf numFmtId="0" fontId="5" fillId="0" borderId="9" xfId="2" applyBorder="1">
      <alignment vertical="center"/>
    </xf>
    <xf numFmtId="0" fontId="10" fillId="0" borderId="0" xfId="2" applyFont="1">
      <alignment vertical="center"/>
    </xf>
    <xf numFmtId="0" fontId="8" fillId="0" borderId="13" xfId="2" applyFont="1" applyBorder="1" applyAlignment="1">
      <alignment horizontal="center" vertical="center"/>
    </xf>
    <xf numFmtId="0" fontId="5" fillId="0" borderId="1" xfId="2" applyBorder="1" applyAlignment="1">
      <alignment horizontal="left" vertical="center"/>
    </xf>
    <xf numFmtId="0" fontId="5" fillId="0" borderId="0" xfId="2" applyFont="1">
      <alignment vertical="center"/>
    </xf>
    <xf numFmtId="0" fontId="5" fillId="0" borderId="0" xfId="2" applyFont="1" applyAlignment="1">
      <alignment horizontal="right" vertical="center"/>
    </xf>
    <xf numFmtId="0" fontId="8" fillId="0" borderId="0" xfId="2" applyFont="1">
      <alignment vertical="center"/>
    </xf>
    <xf numFmtId="0" fontId="5" fillId="0" borderId="1" xfId="2" applyFont="1" applyBorder="1" applyAlignment="1">
      <alignment horizontal="distributed" vertical="center"/>
    </xf>
    <xf numFmtId="0" fontId="5" fillId="0" borderId="12" xfId="2" applyFont="1" applyBorder="1" applyAlignment="1">
      <alignment horizontal="distributed" vertical="center"/>
    </xf>
    <xf numFmtId="0" fontId="5" fillId="0" borderId="1" xfId="2" applyFont="1" applyBorder="1" applyAlignment="1">
      <alignment horizontal="center" vertical="center"/>
    </xf>
    <xf numFmtId="0" fontId="5" fillId="0" borderId="16" xfId="2" applyFont="1" applyBorder="1" applyAlignment="1">
      <alignment horizontal="center" vertical="center"/>
    </xf>
    <xf numFmtId="0" fontId="12" fillId="0" borderId="0" xfId="2" applyFont="1">
      <alignment vertical="center"/>
    </xf>
    <xf numFmtId="0" fontId="5" fillId="0" borderId="0" xfId="2" applyBorder="1" applyAlignment="1">
      <alignment vertical="center"/>
    </xf>
    <xf numFmtId="0" fontId="25" fillId="0" borderId="0" xfId="2" applyFont="1">
      <alignment vertical="center"/>
    </xf>
    <xf numFmtId="178" fontId="25" fillId="0" borderId="33" xfId="2" applyNumberFormat="1" applyFont="1" applyBorder="1" applyAlignment="1">
      <alignment horizontal="center" vertical="center"/>
    </xf>
    <xf numFmtId="178" fontId="25" fillId="0" borderId="15" xfId="2" applyNumberFormat="1" applyFont="1" applyBorder="1" applyAlignment="1">
      <alignment horizontal="center" vertical="center"/>
    </xf>
    <xf numFmtId="10" fontId="26" fillId="0" borderId="12" xfId="2" applyNumberFormat="1" applyFont="1" applyBorder="1" applyAlignment="1">
      <alignment horizontal="center" vertical="center"/>
    </xf>
    <xf numFmtId="0" fontId="26" fillId="0" borderId="34" xfId="2" applyFont="1" applyBorder="1" applyAlignment="1">
      <alignment horizontal="center" vertical="center"/>
    </xf>
    <xf numFmtId="0" fontId="25" fillId="0" borderId="35" xfId="2" applyFont="1" applyBorder="1">
      <alignment vertical="center"/>
    </xf>
    <xf numFmtId="0" fontId="26" fillId="0" borderId="36" xfId="2" applyFont="1" applyBorder="1" applyAlignment="1">
      <alignment horizontal="center" vertical="center"/>
    </xf>
    <xf numFmtId="0" fontId="26" fillId="0" borderId="37" xfId="2" applyFont="1" applyBorder="1" applyAlignment="1">
      <alignment horizontal="center" vertical="center"/>
    </xf>
    <xf numFmtId="0" fontId="25" fillId="0" borderId="27" xfId="2" applyFont="1" applyBorder="1">
      <alignment vertical="center"/>
    </xf>
    <xf numFmtId="0" fontId="26" fillId="0" borderId="1" xfId="2" applyFont="1" applyBorder="1" applyAlignment="1">
      <alignment vertical="center"/>
    </xf>
    <xf numFmtId="0" fontId="26" fillId="0" borderId="38" xfId="2" applyFont="1" applyBorder="1" applyAlignment="1">
      <alignment vertical="center"/>
    </xf>
    <xf numFmtId="0" fontId="25" fillId="0" borderId="1" xfId="2" applyFont="1" applyBorder="1" applyAlignment="1">
      <alignment vertical="center"/>
    </xf>
    <xf numFmtId="0" fontId="25" fillId="0" borderId="38" xfId="2" applyFont="1" applyBorder="1" applyAlignment="1">
      <alignment vertical="center"/>
    </xf>
    <xf numFmtId="0" fontId="25" fillId="0" borderId="28" xfId="2" applyFont="1" applyBorder="1">
      <alignment vertical="center"/>
    </xf>
    <xf numFmtId="0" fontId="25" fillId="0" borderId="16" xfId="2" applyFont="1" applyBorder="1" applyAlignment="1">
      <alignment vertical="center"/>
    </xf>
    <xf numFmtId="0" fontId="25" fillId="0" borderId="39" xfId="2" applyFont="1" applyBorder="1" applyAlignment="1">
      <alignment vertical="center"/>
    </xf>
    <xf numFmtId="0" fontId="27" fillId="0" borderId="0" xfId="2" applyFont="1">
      <alignment vertical="center"/>
    </xf>
    <xf numFmtId="0" fontId="26" fillId="0" borderId="1" xfId="2" applyFont="1" applyBorder="1" applyAlignment="1">
      <alignment horizontal="center" vertical="center"/>
    </xf>
    <xf numFmtId="0" fontId="26" fillId="0" borderId="38" xfId="2" applyFont="1" applyBorder="1" applyAlignment="1">
      <alignment horizontal="center" vertical="center"/>
    </xf>
    <xf numFmtId="0" fontId="17" fillId="0" borderId="0" xfId="5" applyFont="1">
      <alignment vertical="center"/>
    </xf>
    <xf numFmtId="0" fontId="17" fillId="0" borderId="0" xfId="6" applyFont="1" applyFill="1">
      <alignment vertical="center"/>
    </xf>
    <xf numFmtId="0" fontId="17" fillId="0" borderId="14" xfId="6" applyFont="1" applyFill="1" applyBorder="1" applyAlignment="1">
      <alignment vertical="center"/>
    </xf>
    <xf numFmtId="0" fontId="17" fillId="0" borderId="41" xfId="6" applyFont="1" applyFill="1" applyBorder="1" applyAlignment="1">
      <alignment vertical="center"/>
    </xf>
    <xf numFmtId="0" fontId="11" fillId="0" borderId="0" xfId="6" applyFont="1" applyFill="1" applyBorder="1" applyAlignment="1"/>
    <xf numFmtId="0" fontId="17" fillId="0" borderId="0" xfId="6" applyFont="1" applyFill="1" applyBorder="1">
      <alignment vertical="center"/>
    </xf>
    <xf numFmtId="0" fontId="11" fillId="0" borderId="0" xfId="6" applyFont="1" applyFill="1" applyBorder="1">
      <alignment vertical="center"/>
    </xf>
    <xf numFmtId="0" fontId="10" fillId="0" borderId="0" xfId="5" applyFont="1" applyFill="1">
      <alignment vertical="center"/>
    </xf>
    <xf numFmtId="0" fontId="10" fillId="0" borderId="0" xfId="5" applyFont="1">
      <alignment vertical="center"/>
    </xf>
    <xf numFmtId="0" fontId="29" fillId="0" borderId="0" xfId="6" applyFont="1" applyFill="1" applyAlignment="1">
      <alignment horizontal="left" vertical="center"/>
    </xf>
    <xf numFmtId="0" fontId="13" fillId="0" borderId="0" xfId="0" applyFont="1" applyFill="1" applyAlignment="1">
      <alignment horizontal="left" vertical="center"/>
    </xf>
    <xf numFmtId="0" fontId="29" fillId="0" borderId="0" xfId="5" applyFont="1" applyAlignment="1">
      <alignment horizontal="left" vertical="center"/>
    </xf>
    <xf numFmtId="0" fontId="0" fillId="0" borderId="0" xfId="2" applyFont="1">
      <alignment vertical="center"/>
    </xf>
    <xf numFmtId="0" fontId="0" fillId="0" borderId="0" xfId="2" applyFont="1" applyAlignment="1">
      <alignment horizontal="right" vertical="center"/>
    </xf>
    <xf numFmtId="0" fontId="17" fillId="0" borderId="0" xfId="5" applyFont="1" applyAlignment="1">
      <alignment horizontal="left" vertical="center"/>
    </xf>
    <xf numFmtId="0" fontId="0" fillId="0" borderId="0" xfId="0" applyFont="1">
      <alignment vertical="center"/>
    </xf>
    <xf numFmtId="0" fontId="0" fillId="0" borderId="1" xfId="0" applyFont="1" applyBorder="1" applyAlignment="1">
      <alignment horizontal="left" vertical="center"/>
    </xf>
    <xf numFmtId="0" fontId="0" fillId="0" borderId="2" xfId="0" applyFont="1" applyBorder="1">
      <alignment vertical="center"/>
    </xf>
    <xf numFmtId="0" fontId="0" fillId="0" borderId="8" xfId="0" applyFont="1" applyBorder="1">
      <alignment vertical="center"/>
    </xf>
    <xf numFmtId="0" fontId="0" fillId="0" borderId="9" xfId="0" applyFont="1" applyBorder="1">
      <alignment vertical="center"/>
    </xf>
    <xf numFmtId="0" fontId="0" fillId="0" borderId="10" xfId="0" applyFont="1" applyBorder="1" applyAlignment="1">
      <alignment horizontal="left" vertical="center"/>
    </xf>
    <xf numFmtId="0" fontId="0" fillId="0" borderId="6" xfId="0" applyFont="1" applyBorder="1">
      <alignment vertical="center"/>
    </xf>
    <xf numFmtId="0" fontId="0" fillId="0" borderId="4" xfId="0" applyFont="1" applyBorder="1">
      <alignment vertical="center"/>
    </xf>
    <xf numFmtId="0" fontId="0" fillId="0" borderId="4" xfId="0" applyFont="1" applyBorder="1" applyAlignment="1">
      <alignment horizontal="center" vertical="center"/>
    </xf>
    <xf numFmtId="0" fontId="0" fillId="0" borderId="3" xfId="0" applyFont="1" applyBorder="1">
      <alignment vertical="center"/>
    </xf>
    <xf numFmtId="0" fontId="0" fillId="0" borderId="1" xfId="0" applyFont="1" applyBorder="1" applyAlignment="1">
      <alignment horizontal="distributed" vertical="center" justifyLastLine="1"/>
    </xf>
    <xf numFmtId="0" fontId="0" fillId="0" borderId="1" xfId="0" applyFont="1" applyBorder="1" applyAlignment="1">
      <alignment horizontal="right" vertical="center" indent="1"/>
    </xf>
    <xf numFmtId="0" fontId="0" fillId="0" borderId="7" xfId="0" applyFont="1" applyBorder="1">
      <alignment vertical="center"/>
    </xf>
    <xf numFmtId="0" fontId="0" fillId="0" borderId="5" xfId="0" applyFont="1" applyBorder="1">
      <alignment vertical="center"/>
    </xf>
    <xf numFmtId="0" fontId="0" fillId="0" borderId="12" xfId="0" applyFont="1" applyBorder="1" applyAlignment="1">
      <alignment horizontal="center" vertical="center"/>
    </xf>
    <xf numFmtId="0" fontId="0" fillId="0" borderId="0" xfId="0" applyFont="1" applyBorder="1">
      <alignment vertical="center"/>
    </xf>
    <xf numFmtId="0" fontId="0" fillId="0" borderId="6" xfId="0" applyFont="1" applyBorder="1" applyAlignment="1">
      <alignment horizontal="right" vertical="center"/>
    </xf>
    <xf numFmtId="0" fontId="0" fillId="0" borderId="10" xfId="0" applyFont="1" applyBorder="1">
      <alignment vertical="center"/>
    </xf>
    <xf numFmtId="0" fontId="0" fillId="0" borderId="1" xfId="0" applyFont="1" applyBorder="1" applyAlignment="1">
      <alignment horizontal="center" vertical="center"/>
    </xf>
    <xf numFmtId="0" fontId="0" fillId="0" borderId="1" xfId="0" applyFont="1" applyBorder="1">
      <alignment vertical="center"/>
    </xf>
    <xf numFmtId="0" fontId="0" fillId="0" borderId="11" xfId="0" applyFont="1" applyBorder="1">
      <alignment vertical="center"/>
    </xf>
    <xf numFmtId="0" fontId="0" fillId="0" borderId="0" xfId="0" applyFont="1" applyAlignment="1">
      <alignment horizontal="left" vertical="center" indent="3"/>
    </xf>
    <xf numFmtId="0" fontId="20" fillId="0" borderId="0" xfId="5" applyFont="1" applyAlignment="1">
      <alignment horizontal="left" vertical="center"/>
    </xf>
    <xf numFmtId="0" fontId="0" fillId="0" borderId="1" xfId="2" applyFont="1" applyBorder="1" applyAlignment="1">
      <alignment horizontal="distributed" vertical="center"/>
    </xf>
    <xf numFmtId="0" fontId="0" fillId="0" borderId="12" xfId="2" applyFont="1" applyBorder="1" applyAlignment="1">
      <alignment horizontal="distributed" vertical="center"/>
    </xf>
    <xf numFmtId="0" fontId="0" fillId="0" borderId="1" xfId="2" applyFont="1" applyBorder="1" applyAlignment="1">
      <alignment horizontal="center" vertical="center"/>
    </xf>
    <xf numFmtId="0" fontId="0" fillId="0" borderId="16" xfId="2" applyFont="1" applyBorder="1" applyAlignment="1">
      <alignment horizontal="center" vertical="center"/>
    </xf>
    <xf numFmtId="0" fontId="17" fillId="0" borderId="0" xfId="6" applyFont="1" applyFill="1" applyAlignment="1">
      <alignment horizontal="left" vertical="center"/>
    </xf>
    <xf numFmtId="10" fontId="28" fillId="0" borderId="12" xfId="2" applyNumberFormat="1" applyFont="1" applyBorder="1" applyAlignment="1">
      <alignment horizontal="center" vertical="center"/>
    </xf>
    <xf numFmtId="0" fontId="28" fillId="0" borderId="34" xfId="2" applyFont="1" applyBorder="1" applyAlignment="1">
      <alignment horizontal="center" vertical="center"/>
    </xf>
    <xf numFmtId="0" fontId="30" fillId="0" borderId="0" xfId="2" applyFont="1">
      <alignment vertical="center"/>
    </xf>
    <xf numFmtId="0" fontId="21" fillId="0" borderId="0" xfId="0" applyFont="1">
      <alignment vertical="center"/>
    </xf>
    <xf numFmtId="0" fontId="0" fillId="0" borderId="6" xfId="0" applyBorder="1" applyAlignment="1">
      <alignment horizontal="left" vertical="center"/>
    </xf>
    <xf numFmtId="0" fontId="21" fillId="0" borderId="1" xfId="8" applyFont="1" applyBorder="1" applyAlignment="1">
      <alignment horizontal="center" vertical="center" wrapText="1"/>
    </xf>
    <xf numFmtId="0" fontId="21" fillId="0" borderId="45" xfId="8" applyFont="1" applyBorder="1" applyAlignment="1">
      <alignment horizontal="center" vertical="center" wrapText="1"/>
    </xf>
    <xf numFmtId="0" fontId="0" fillId="0" borderId="13" xfId="0" applyBorder="1" applyAlignment="1">
      <alignment horizontal="center" vertical="center"/>
    </xf>
    <xf numFmtId="0" fontId="17" fillId="0" borderId="0" xfId="5" applyFont="1" applyFill="1">
      <alignment vertical="center"/>
    </xf>
    <xf numFmtId="0" fontId="11" fillId="0" borderId="1" xfId="5" applyFont="1" applyFill="1" applyBorder="1" applyAlignment="1">
      <alignment horizontal="center" vertical="center"/>
    </xf>
    <xf numFmtId="0" fontId="0" fillId="0" borderId="10" xfId="0" applyBorder="1" applyAlignment="1">
      <alignment vertical="center"/>
    </xf>
    <xf numFmtId="0" fontId="10" fillId="0" borderId="27" xfId="5" applyFont="1" applyBorder="1" applyAlignment="1">
      <alignment vertical="center" shrinkToFit="1"/>
    </xf>
    <xf numFmtId="0" fontId="10" fillId="0" borderId="28" xfId="5" applyFont="1" applyBorder="1" applyAlignment="1">
      <alignment vertical="center" shrinkToFit="1"/>
    </xf>
    <xf numFmtId="0" fontId="10" fillId="0" borderId="46" xfId="5" applyFont="1" applyFill="1" applyBorder="1" applyAlignment="1">
      <alignment vertical="center"/>
    </xf>
    <xf numFmtId="0" fontId="34" fillId="0" borderId="0" xfId="3">
      <alignment vertical="center"/>
    </xf>
    <xf numFmtId="0" fontId="38" fillId="0" borderId="0" xfId="8" applyFont="1">
      <alignment vertical="center"/>
    </xf>
    <xf numFmtId="0" fontId="38" fillId="0" borderId="0" xfId="8" applyFont="1" applyFill="1" applyBorder="1">
      <alignment vertical="center"/>
    </xf>
    <xf numFmtId="0" fontId="39" fillId="0" borderId="0" xfId="2" applyFont="1" applyAlignment="1">
      <alignment horizontal="right" vertical="center"/>
    </xf>
    <xf numFmtId="0" fontId="38" fillId="0" borderId="0" xfId="2" applyFont="1" applyAlignment="1">
      <alignment vertical="center"/>
    </xf>
    <xf numFmtId="0" fontId="40" fillId="0" borderId="11" xfId="5" applyFont="1" applyFill="1" applyBorder="1" applyAlignment="1">
      <alignment horizontal="distributed" vertical="center"/>
    </xf>
    <xf numFmtId="0" fontId="40" fillId="0" borderId="25" xfId="5" applyFont="1" applyFill="1" applyBorder="1" applyAlignment="1">
      <alignment horizontal="distributed" vertical="center"/>
    </xf>
    <xf numFmtId="0" fontId="41" fillId="0" borderId="43" xfId="8" applyFont="1" applyBorder="1" applyAlignment="1">
      <alignment horizontal="center" vertical="center" wrapText="1"/>
    </xf>
    <xf numFmtId="0" fontId="42" fillId="0" borderId="44" xfId="8" applyFont="1" applyBorder="1" applyAlignment="1">
      <alignment horizontal="center" vertical="center" wrapText="1"/>
    </xf>
    <xf numFmtId="0" fontId="38" fillId="0" borderId="0" xfId="8" applyFont="1" applyBorder="1">
      <alignment vertical="center"/>
    </xf>
    <xf numFmtId="0" fontId="43" fillId="0" borderId="49" xfId="8" applyFont="1" applyBorder="1" applyAlignment="1">
      <alignment horizontal="center" vertical="center" wrapText="1"/>
    </xf>
    <xf numFmtId="0" fontId="43" fillId="0" borderId="50" xfId="8" applyFont="1" applyBorder="1" applyAlignment="1">
      <alignment horizontal="center" vertical="center" wrapText="1"/>
    </xf>
    <xf numFmtId="0" fontId="43" fillId="0" borderId="14" xfId="8" applyFont="1" applyBorder="1" applyAlignment="1">
      <alignment horizontal="center" vertical="center" wrapText="1"/>
    </xf>
    <xf numFmtId="0" fontId="35" fillId="0" borderId="28" xfId="8" applyFont="1" applyBorder="1" applyAlignment="1">
      <alignment horizontal="center" vertical="center" shrinkToFit="1"/>
    </xf>
    <xf numFmtId="0" fontId="35" fillId="0" borderId="51" xfId="8" applyFont="1" applyBorder="1" applyAlignment="1">
      <alignment horizontal="center" vertical="center" shrinkToFit="1"/>
    </xf>
    <xf numFmtId="0" fontId="35" fillId="0" borderId="52" xfId="8" applyFont="1" applyBorder="1" applyAlignment="1">
      <alignment horizontal="center" vertical="center" shrinkToFit="1"/>
    </xf>
    <xf numFmtId="0" fontId="35" fillId="0" borderId="30" xfId="8" applyFont="1" applyBorder="1" applyAlignment="1">
      <alignment horizontal="center" vertical="center" shrinkToFit="1"/>
    </xf>
    <xf numFmtId="0" fontId="35" fillId="0" borderId="39" xfId="8" applyFont="1" applyBorder="1" applyAlignment="1">
      <alignment horizontal="center" vertical="center" shrinkToFit="1"/>
    </xf>
    <xf numFmtId="0" fontId="41" fillId="0" borderId="45" xfId="8" applyFont="1" applyBorder="1" applyAlignment="1">
      <alignment horizontal="center" vertical="center" wrapText="1"/>
    </xf>
    <xf numFmtId="0" fontId="41" fillId="0" borderId="1" xfId="8" applyFont="1" applyBorder="1" applyAlignment="1">
      <alignment horizontal="center" vertical="center" wrapText="1"/>
    </xf>
    <xf numFmtId="0" fontId="41" fillId="0" borderId="16" xfId="8" applyFont="1" applyBorder="1" applyAlignment="1">
      <alignment horizontal="center" vertical="center" wrapText="1"/>
    </xf>
    <xf numFmtId="0" fontId="41" fillId="0" borderId="45" xfId="8" applyFont="1" applyFill="1" applyBorder="1" applyAlignment="1">
      <alignment horizontal="center" vertical="center" wrapText="1"/>
    </xf>
    <xf numFmtId="0" fontId="41" fillId="0" borderId="1" xfId="8" applyFont="1" applyFill="1" applyBorder="1" applyAlignment="1">
      <alignment horizontal="center" vertical="center" wrapText="1"/>
    </xf>
    <xf numFmtId="0" fontId="35" fillId="0" borderId="53" xfId="8" applyFont="1" applyBorder="1" applyAlignment="1">
      <alignment horizontal="center" vertical="center" shrinkToFit="1"/>
    </xf>
    <xf numFmtId="0" fontId="34" fillId="0" borderId="0" xfId="3" applyAlignment="1">
      <alignment vertical="center"/>
    </xf>
    <xf numFmtId="0" fontId="42" fillId="0" borderId="0" xfId="3" applyFont="1">
      <alignment vertical="center"/>
    </xf>
    <xf numFmtId="0" fontId="43" fillId="0" borderId="0" xfId="3" applyFont="1">
      <alignment vertical="center"/>
    </xf>
    <xf numFmtId="0" fontId="45" fillId="0" borderId="0" xfId="3" applyFont="1" applyAlignment="1">
      <alignment vertical="center"/>
    </xf>
    <xf numFmtId="0" fontId="42" fillId="0" borderId="17" xfId="3" applyFont="1" applyBorder="1">
      <alignment vertical="center"/>
    </xf>
    <xf numFmtId="0" fontId="42" fillId="0" borderId="18" xfId="3" applyFont="1" applyBorder="1">
      <alignment vertical="center"/>
    </xf>
    <xf numFmtId="0" fontId="42" fillId="0" borderId="54" xfId="3" applyFont="1" applyBorder="1">
      <alignment vertical="center"/>
    </xf>
    <xf numFmtId="0" fontId="42" fillId="0" borderId="54" xfId="3" applyFont="1" applyBorder="1" applyAlignment="1">
      <alignment horizontal="right" vertical="center"/>
    </xf>
    <xf numFmtId="0" fontId="44" fillId="0" borderId="55" xfId="3" applyFont="1" applyBorder="1" applyAlignment="1">
      <alignment horizontal="center" vertical="center"/>
    </xf>
    <xf numFmtId="0" fontId="44" fillId="0" borderId="56" xfId="3" applyFont="1" applyBorder="1" applyAlignment="1">
      <alignment horizontal="center" vertical="center"/>
    </xf>
    <xf numFmtId="0" fontId="42" fillId="0" borderId="57" xfId="3" applyFont="1" applyBorder="1">
      <alignment vertical="center"/>
    </xf>
    <xf numFmtId="0" fontId="42" fillId="0" borderId="58" xfId="3" applyFont="1" applyFill="1" applyBorder="1" applyAlignment="1">
      <alignment horizontal="right" vertical="center"/>
    </xf>
    <xf numFmtId="0" fontId="46" fillId="0" borderId="0" xfId="3" applyFont="1">
      <alignment vertical="center"/>
    </xf>
    <xf numFmtId="0" fontId="34" fillId="0" borderId="0" xfId="3" applyAlignment="1">
      <alignment horizontal="left" vertical="center"/>
    </xf>
    <xf numFmtId="0" fontId="40" fillId="0" borderId="7" xfId="5" applyFont="1" applyFill="1" applyBorder="1" applyAlignment="1">
      <alignment horizontal="distributed" vertical="center"/>
    </xf>
    <xf numFmtId="0" fontId="36" fillId="0" borderId="45" xfId="8" applyFont="1" applyBorder="1" applyAlignment="1">
      <alignment horizontal="center" vertical="center" wrapText="1"/>
    </xf>
    <xf numFmtId="0" fontId="18" fillId="0" borderId="1" xfId="8" applyFont="1" applyBorder="1" applyAlignment="1">
      <alignment horizontal="center" vertical="center" wrapText="1"/>
    </xf>
    <xf numFmtId="0" fontId="21" fillId="0" borderId="16" xfId="8" applyFont="1" applyBorder="1" applyAlignment="1">
      <alignment horizontal="center" vertical="center" wrapText="1"/>
    </xf>
    <xf numFmtId="0" fontId="35" fillId="0" borderId="1" xfId="8" applyFont="1" applyBorder="1" applyAlignment="1">
      <alignment horizontal="center" vertical="center" wrapText="1"/>
    </xf>
    <xf numFmtId="0" fontId="35" fillId="0" borderId="49" xfId="8" applyFont="1" applyBorder="1" applyAlignment="1">
      <alignment horizontal="center" vertical="center" wrapText="1"/>
    </xf>
    <xf numFmtId="0" fontId="35" fillId="0" borderId="50" xfId="8" applyFont="1" applyBorder="1" applyAlignment="1">
      <alignment horizontal="center" vertical="center" wrapText="1"/>
    </xf>
    <xf numFmtId="0" fontId="49" fillId="0" borderId="0" xfId="5" applyFont="1">
      <alignment vertical="center"/>
    </xf>
    <xf numFmtId="0" fontId="37" fillId="0" borderId="0" xfId="5" applyFont="1">
      <alignment vertical="center"/>
    </xf>
    <xf numFmtId="0" fontId="5" fillId="0" borderId="2" xfId="2" applyBorder="1">
      <alignment vertical="center"/>
    </xf>
    <xf numFmtId="0" fontId="5" fillId="0" borderId="4" xfId="2" applyBorder="1" applyAlignment="1">
      <alignment vertical="center"/>
    </xf>
    <xf numFmtId="0" fontId="21" fillId="0" borderId="0" xfId="2" applyFont="1" applyAlignment="1">
      <alignment vertical="top" wrapText="1"/>
    </xf>
    <xf numFmtId="0" fontId="23" fillId="0" borderId="0" xfId="2" applyFont="1">
      <alignment vertical="center"/>
    </xf>
    <xf numFmtId="0" fontId="23" fillId="0" borderId="22" xfId="2" applyFont="1" applyBorder="1" applyAlignment="1">
      <alignment vertical="center"/>
    </xf>
    <xf numFmtId="178" fontId="23" fillId="0" borderId="33" xfId="2" applyNumberFormat="1" applyFont="1" applyBorder="1" applyAlignment="1">
      <alignment horizontal="center" vertical="center"/>
    </xf>
    <xf numFmtId="0" fontId="23" fillId="0" borderId="46" xfId="2" applyFont="1" applyBorder="1" applyAlignment="1">
      <alignment vertical="center"/>
    </xf>
    <xf numFmtId="178" fontId="23" fillId="0" borderId="15" xfId="2" applyNumberFormat="1" applyFont="1" applyBorder="1" applyAlignment="1">
      <alignment horizontal="center" vertical="center"/>
    </xf>
    <xf numFmtId="0" fontId="23" fillId="0" borderId="60" xfId="2" applyFont="1" applyBorder="1" applyAlignment="1">
      <alignment vertical="center"/>
    </xf>
    <xf numFmtId="0" fontId="23" fillId="0" borderId="61" xfId="2" applyFont="1" applyBorder="1" applyAlignment="1">
      <alignment vertical="center"/>
    </xf>
    <xf numFmtId="0" fontId="23" fillId="0" borderId="26" xfId="2" applyFont="1" applyBorder="1">
      <alignment vertical="center"/>
    </xf>
    <xf numFmtId="0" fontId="23" fillId="0" borderId="27" xfId="2" applyFont="1" applyBorder="1">
      <alignment vertical="center"/>
    </xf>
    <xf numFmtId="0" fontId="23" fillId="0" borderId="28" xfId="2" applyFont="1" applyBorder="1">
      <alignment vertical="center"/>
    </xf>
    <xf numFmtId="0" fontId="5" fillId="0" borderId="0" xfId="2" applyFill="1">
      <alignment vertical="center"/>
    </xf>
    <xf numFmtId="0" fontId="7" fillId="0" borderId="0" xfId="2" applyFont="1" applyFill="1">
      <alignment vertical="center"/>
    </xf>
    <xf numFmtId="0" fontId="7" fillId="0" borderId="0" xfId="2" applyFont="1" applyFill="1" applyBorder="1" applyAlignment="1">
      <alignment horizontal="center" vertical="center"/>
    </xf>
    <xf numFmtId="0" fontId="5" fillId="0" borderId="13" xfId="2" applyFont="1" applyFill="1" applyBorder="1" applyAlignment="1">
      <alignment horizontal="center" vertical="center"/>
    </xf>
    <xf numFmtId="0" fontId="5" fillId="0" borderId="1" xfId="2" applyFill="1" applyBorder="1" applyAlignment="1">
      <alignment horizontal="left" vertical="center" indent="1"/>
    </xf>
    <xf numFmtId="0" fontId="11" fillId="0" borderId="0" xfId="2" applyFont="1" applyFill="1">
      <alignment vertical="center"/>
    </xf>
    <xf numFmtId="0" fontId="21" fillId="0" borderId="0" xfId="2" applyFont="1" applyFill="1">
      <alignment vertical="center"/>
    </xf>
    <xf numFmtId="0" fontId="5" fillId="0" borderId="0" xfId="2" applyBorder="1" applyAlignment="1">
      <alignment horizontal="center" vertical="center"/>
    </xf>
    <xf numFmtId="0" fontId="0" fillId="0" borderId="0" xfId="0">
      <alignment vertical="center"/>
    </xf>
    <xf numFmtId="0" fontId="50" fillId="0" borderId="0" xfId="2" applyFont="1">
      <alignment vertical="center"/>
    </xf>
    <xf numFmtId="0" fontId="8" fillId="0" borderId="1" xfId="2" applyFont="1" applyBorder="1" applyAlignment="1">
      <alignment horizontal="center" vertical="center"/>
    </xf>
    <xf numFmtId="0" fontId="7" fillId="0" borderId="0" xfId="2" applyFont="1" applyBorder="1" applyAlignment="1">
      <alignment vertical="center"/>
    </xf>
    <xf numFmtId="0" fontId="5" fillId="0" borderId="0" xfId="2" applyFont="1" applyBorder="1" applyAlignment="1">
      <alignment vertical="center"/>
    </xf>
    <xf numFmtId="0" fontId="35" fillId="0" borderId="0" xfId="3" applyFont="1">
      <alignment vertical="center"/>
    </xf>
    <xf numFmtId="0" fontId="58" fillId="0" borderId="0" xfId="5" applyFont="1" applyFill="1" applyBorder="1" applyAlignment="1">
      <alignment horizontal="center" vertical="center" wrapText="1" shrinkToFit="1"/>
    </xf>
    <xf numFmtId="0" fontId="58" fillId="0" borderId="0" xfId="5" applyFont="1" applyFill="1" applyBorder="1" applyAlignment="1">
      <alignment horizontal="center" vertical="center" shrinkToFit="1"/>
    </xf>
    <xf numFmtId="0" fontId="58" fillId="0" borderId="39" xfId="5" applyFont="1" applyFill="1" applyBorder="1" applyAlignment="1">
      <alignment horizontal="center" vertical="center" wrapText="1" shrinkToFit="1"/>
    </xf>
    <xf numFmtId="0" fontId="58" fillId="0" borderId="30" xfId="5" applyFont="1" applyFill="1" applyBorder="1" applyAlignment="1">
      <alignment horizontal="center" vertical="center" wrapText="1" shrinkToFit="1"/>
    </xf>
    <xf numFmtId="0" fontId="58" fillId="0" borderId="38" xfId="5" applyFont="1" applyFill="1" applyBorder="1" applyAlignment="1">
      <alignment horizontal="center" vertical="center" wrapText="1"/>
    </xf>
    <xf numFmtId="0" fontId="58" fillId="0" borderId="72" xfId="5" applyFont="1" applyFill="1" applyBorder="1" applyAlignment="1">
      <alignment horizontal="center" vertical="center" wrapText="1"/>
    </xf>
    <xf numFmtId="0" fontId="58" fillId="0" borderId="99" xfId="5" applyFont="1" applyFill="1" applyBorder="1" applyAlignment="1">
      <alignment horizontal="center" vertical="center" shrinkToFit="1"/>
    </xf>
    <xf numFmtId="0" fontId="58" fillId="0" borderId="41" xfId="5" applyFont="1" applyFill="1" applyBorder="1" applyAlignment="1">
      <alignment horizontal="center" vertical="center" shrinkToFit="1"/>
    </xf>
    <xf numFmtId="0" fontId="35" fillId="0" borderId="41" xfId="5" applyFont="1" applyFill="1" applyBorder="1" applyAlignment="1">
      <alignment horizontal="center" vertical="center" shrinkToFit="1"/>
    </xf>
    <xf numFmtId="0" fontId="35" fillId="0" borderId="38" xfId="5" applyFont="1" applyFill="1" applyBorder="1" applyAlignment="1">
      <alignment horizontal="center" vertical="center" shrinkToFit="1"/>
    </xf>
    <xf numFmtId="0" fontId="34" fillId="0" borderId="14" xfId="3" applyFont="1" applyBorder="1" applyAlignment="1">
      <alignment horizontal="left" vertical="center"/>
    </xf>
    <xf numFmtId="0" fontId="34" fillId="0" borderId="0" xfId="3" applyFont="1" applyBorder="1" applyAlignment="1">
      <alignment horizontal="left" vertical="center"/>
    </xf>
    <xf numFmtId="0" fontId="5" fillId="0" borderId="0" xfId="2" applyBorder="1" applyAlignment="1">
      <alignment vertical="center" justifyLastLine="1"/>
    </xf>
    <xf numFmtId="0" fontId="5" fillId="0" borderId="0" xfId="2" applyBorder="1" applyAlignment="1">
      <alignment horizontal="center" vertical="center" justifyLastLine="1"/>
    </xf>
    <xf numFmtId="0" fontId="5" fillId="0" borderId="11" xfId="2" applyBorder="1" applyAlignment="1">
      <alignment vertical="center" justifyLastLine="1"/>
    </xf>
    <xf numFmtId="0" fontId="5" fillId="0" borderId="11" xfId="2" applyBorder="1" applyAlignment="1">
      <alignment horizontal="center" vertical="center" justifyLastLine="1"/>
    </xf>
    <xf numFmtId="0" fontId="5" fillId="0" borderId="25" xfId="2" applyBorder="1" applyAlignment="1">
      <alignment vertical="center"/>
    </xf>
    <xf numFmtId="0" fontId="57" fillId="0" borderId="0" xfId="0" applyFont="1" applyFill="1" applyAlignment="1">
      <alignment horizontal="left" vertical="center"/>
    </xf>
    <xf numFmtId="0" fontId="56" fillId="0" borderId="0" xfId="5" applyFont="1" applyAlignment="1">
      <alignment horizontal="left" vertical="center"/>
    </xf>
    <xf numFmtId="0" fontId="50" fillId="0" borderId="0" xfId="8" applyFont="1" applyFill="1" applyBorder="1">
      <alignment vertical="center"/>
    </xf>
    <xf numFmtId="0" fontId="56" fillId="0" borderId="0" xfId="6" applyFont="1" applyFill="1" applyAlignment="1">
      <alignment horizontal="left" vertical="center"/>
    </xf>
    <xf numFmtId="0" fontId="57" fillId="0" borderId="0" xfId="6" applyFont="1" applyFill="1" applyAlignment="1">
      <alignment horizontal="left" vertical="center"/>
    </xf>
    <xf numFmtId="0" fontId="20" fillId="0" borderId="0" xfId="6" applyFont="1" applyFill="1" applyAlignment="1">
      <alignment horizontal="left" vertical="center"/>
    </xf>
    <xf numFmtId="0" fontId="50" fillId="0" borderId="0" xfId="0" applyFont="1">
      <alignment vertical="center"/>
    </xf>
    <xf numFmtId="0" fontId="56" fillId="0" borderId="0" xfId="3" applyFont="1">
      <alignment vertical="center"/>
    </xf>
    <xf numFmtId="0" fontId="57" fillId="0" borderId="0" xfId="3" applyFont="1">
      <alignment vertical="center"/>
    </xf>
    <xf numFmtId="0" fontId="35" fillId="0" borderId="0" xfId="3" applyFont="1" applyAlignment="1">
      <alignment horizontal="center" vertical="center"/>
    </xf>
    <xf numFmtId="0" fontId="50" fillId="0" borderId="0" xfId="7" applyFont="1">
      <alignment vertical="center"/>
    </xf>
    <xf numFmtId="0" fontId="5" fillId="0" borderId="0" xfId="2" applyAlignment="1">
      <alignment horizontal="right" vertical="center"/>
    </xf>
    <xf numFmtId="0" fontId="7" fillId="0" borderId="0" xfId="2" applyFont="1" applyBorder="1" applyAlignment="1">
      <alignment horizontal="center" vertical="center"/>
    </xf>
    <xf numFmtId="0" fontId="41" fillId="0" borderId="1" xfId="8" applyFont="1" applyBorder="1" applyAlignment="1">
      <alignment horizontal="center" vertical="center" wrapText="1"/>
    </xf>
    <xf numFmtId="0" fontId="41" fillId="0" borderId="16" xfId="8" applyFont="1" applyBorder="1" applyAlignment="1">
      <alignment horizontal="center" vertical="center" wrapText="1"/>
    </xf>
    <xf numFmtId="0" fontId="52" fillId="0" borderId="13" xfId="8" applyFont="1" applyBorder="1" applyAlignment="1">
      <alignment horizontal="center" vertical="center" wrapText="1"/>
    </xf>
    <xf numFmtId="0" fontId="52" fillId="0" borderId="1" xfId="8" applyFont="1" applyBorder="1" applyAlignment="1">
      <alignment horizontal="center" vertical="center" wrapText="1"/>
    </xf>
    <xf numFmtId="0" fontId="40" fillId="0" borderId="0" xfId="5" applyFont="1" applyFill="1" applyAlignment="1">
      <alignment horizontal="left" vertical="center" wrapText="1"/>
    </xf>
    <xf numFmtId="0" fontId="53" fillId="0" borderId="0" xfId="5" applyFont="1" applyFill="1" applyAlignment="1">
      <alignment horizontal="left" vertical="center" wrapText="1"/>
    </xf>
    <xf numFmtId="0" fontId="5" fillId="0" borderId="0" xfId="2" applyAlignment="1">
      <alignment vertical="center"/>
    </xf>
    <xf numFmtId="0" fontId="34" fillId="0" borderId="0" xfId="3" applyFont="1" applyAlignment="1">
      <alignment horizontal="right" vertical="center"/>
    </xf>
    <xf numFmtId="0" fontId="34" fillId="0" borderId="0" xfId="3" applyFont="1" applyAlignment="1">
      <alignment vertical="center"/>
    </xf>
    <xf numFmtId="0" fontId="35" fillId="0" borderId="1" xfId="5" applyFont="1" applyFill="1" applyBorder="1" applyAlignment="1">
      <alignment horizontal="center" vertical="center" shrinkToFit="1"/>
    </xf>
    <xf numFmtId="0" fontId="58" fillId="0" borderId="1" xfId="5" applyFont="1" applyFill="1" applyBorder="1" applyAlignment="1">
      <alignment horizontal="center" vertical="center" shrinkToFit="1"/>
    </xf>
    <xf numFmtId="0" fontId="58" fillId="0" borderId="16" xfId="5" applyFont="1" applyFill="1" applyBorder="1" applyAlignment="1">
      <alignment horizontal="center" vertical="center" shrinkToFit="1"/>
    </xf>
    <xf numFmtId="0" fontId="36" fillId="0" borderId="0" xfId="5" applyFont="1" applyFill="1" applyBorder="1" applyAlignment="1">
      <alignment horizontal="left" vertical="center" wrapText="1"/>
    </xf>
    <xf numFmtId="0" fontId="5" fillId="0" borderId="1" xfId="2" applyBorder="1" applyAlignment="1">
      <alignment horizontal="center" vertical="center"/>
    </xf>
    <xf numFmtId="0" fontId="5" fillId="0" borderId="1" xfId="2" applyBorder="1" applyAlignment="1">
      <alignment horizontal="center" vertical="center" justifyLastLine="1"/>
    </xf>
    <xf numFmtId="0" fontId="5" fillId="0" borderId="1" xfId="2" applyBorder="1" applyAlignment="1">
      <alignment horizontal="center" vertical="center" wrapText="1" justifyLastLine="1"/>
    </xf>
    <xf numFmtId="0" fontId="5" fillId="0" borderId="25" xfId="2" applyBorder="1" applyAlignment="1">
      <alignment horizontal="center" vertical="center"/>
    </xf>
    <xf numFmtId="0" fontId="5" fillId="0" borderId="1" xfId="2" applyFont="1" applyBorder="1" applyAlignment="1">
      <alignment horizontal="center" vertical="center"/>
    </xf>
    <xf numFmtId="0" fontId="38" fillId="0" borderId="0" xfId="2" applyFont="1">
      <alignment vertical="center"/>
    </xf>
    <xf numFmtId="0" fontId="38" fillId="0" borderId="0" xfId="2" applyFont="1" applyAlignment="1">
      <alignment horizontal="right" vertical="center"/>
    </xf>
    <xf numFmtId="0" fontId="38" fillId="0" borderId="1" xfId="2" applyFont="1" applyBorder="1" applyAlignment="1">
      <alignment horizontal="center" vertical="center"/>
    </xf>
    <xf numFmtId="0" fontId="38" fillId="0" borderId="0" xfId="2" applyFont="1" applyBorder="1">
      <alignment vertical="center"/>
    </xf>
    <xf numFmtId="0" fontId="38" fillId="0" borderId="0" xfId="2" applyFont="1" applyBorder="1" applyAlignment="1">
      <alignment vertical="center"/>
    </xf>
    <xf numFmtId="0" fontId="64" fillId="0" borderId="0" xfId="2" applyFont="1">
      <alignment vertical="center"/>
    </xf>
    <xf numFmtId="0" fontId="64" fillId="0" borderId="0" xfId="2" applyFont="1" applyBorder="1" applyAlignment="1">
      <alignment vertical="center"/>
    </xf>
    <xf numFmtId="0" fontId="64" fillId="0" borderId="0" xfId="2" applyFont="1" applyBorder="1" applyAlignment="1">
      <alignment horizontal="center" vertical="center"/>
    </xf>
    <xf numFmtId="0" fontId="38" fillId="0" borderId="13" xfId="2" applyFont="1" applyBorder="1" applyAlignment="1">
      <alignment horizontal="center" vertical="center"/>
    </xf>
    <xf numFmtId="0" fontId="38" fillId="0" borderId="1" xfId="2" applyFont="1" applyBorder="1" applyAlignment="1">
      <alignment horizontal="left" vertical="center"/>
    </xf>
    <xf numFmtId="0" fontId="38" fillId="0" borderId="6" xfId="2" applyFont="1" applyBorder="1" applyAlignment="1">
      <alignment vertical="center"/>
    </xf>
    <xf numFmtId="0" fontId="38" fillId="0" borderId="2" xfId="2" applyFont="1" applyBorder="1">
      <alignment vertical="center"/>
    </xf>
    <xf numFmtId="0" fontId="38" fillId="0" borderId="8" xfId="2" applyFont="1" applyBorder="1">
      <alignment vertical="center"/>
    </xf>
    <xf numFmtId="0" fontId="38" fillId="0" borderId="9" xfId="2" applyFont="1" applyBorder="1">
      <alignment vertical="center"/>
    </xf>
    <xf numFmtId="0" fontId="38" fillId="0" borderId="6" xfId="2" applyFont="1" applyBorder="1">
      <alignment vertical="center"/>
    </xf>
    <xf numFmtId="0" fontId="38" fillId="0" borderId="3" xfId="2" applyFont="1" applyBorder="1">
      <alignment vertical="center"/>
    </xf>
    <xf numFmtId="0" fontId="38" fillId="0" borderId="12" xfId="2" applyFont="1" applyBorder="1" applyAlignment="1">
      <alignment horizontal="left" vertical="center" wrapText="1" justifyLastLine="1"/>
    </xf>
    <xf numFmtId="0" fontId="38" fillId="0" borderId="7" xfId="2" applyFont="1" applyBorder="1">
      <alignment vertical="center"/>
    </xf>
    <xf numFmtId="0" fontId="38" fillId="0" borderId="159" xfId="2" applyFont="1" applyBorder="1" applyAlignment="1">
      <alignment horizontal="left" vertical="center" wrapText="1" justifyLastLine="1"/>
    </xf>
    <xf numFmtId="0" fontId="38" fillId="0" borderId="4" xfId="2" applyFont="1" applyBorder="1">
      <alignment vertical="center"/>
    </xf>
    <xf numFmtId="0" fontId="38" fillId="0" borderId="5" xfId="2" applyFont="1" applyBorder="1">
      <alignment vertical="center"/>
    </xf>
    <xf numFmtId="0" fontId="38" fillId="0" borderId="1" xfId="2" applyFont="1" applyBorder="1" applyAlignment="1">
      <alignment vertical="center" wrapText="1"/>
    </xf>
    <xf numFmtId="0" fontId="34" fillId="0" borderId="9" xfId="3" applyFont="1" applyBorder="1" applyAlignment="1">
      <alignment horizontal="left" vertical="center"/>
    </xf>
    <xf numFmtId="0" fontId="34" fillId="0" borderId="0" xfId="3" applyFont="1" applyBorder="1" applyAlignment="1">
      <alignment vertical="center"/>
    </xf>
    <xf numFmtId="0" fontId="34" fillId="0" borderId="5" xfId="3" applyFont="1" applyBorder="1" applyAlignment="1">
      <alignment horizontal="left" vertical="center"/>
    </xf>
    <xf numFmtId="0" fontId="64" fillId="0" borderId="0" xfId="3" applyFont="1">
      <alignment vertical="center"/>
    </xf>
    <xf numFmtId="0" fontId="34" fillId="0" borderId="0" xfId="3" applyFont="1">
      <alignment vertical="center"/>
    </xf>
    <xf numFmtId="0" fontId="64" fillId="0" borderId="0" xfId="3" applyFont="1" applyBorder="1" applyAlignment="1">
      <alignment horizontal="center" vertical="center"/>
    </xf>
    <xf numFmtId="0" fontId="38" fillId="0" borderId="13" xfId="3" applyFont="1" applyBorder="1" applyAlignment="1">
      <alignment horizontal="center" vertical="center"/>
    </xf>
    <xf numFmtId="0" fontId="34" fillId="0" borderId="1" xfId="3" applyFont="1" applyBorder="1" applyAlignment="1">
      <alignment horizontal="left" vertical="center" wrapText="1"/>
    </xf>
    <xf numFmtId="0" fontId="34" fillId="0" borderId="11" xfId="3" applyFont="1" applyBorder="1" applyAlignment="1">
      <alignment horizontal="left" vertical="center" wrapText="1"/>
    </xf>
    <xf numFmtId="0" fontId="40" fillId="0" borderId="0" xfId="3" applyFont="1">
      <alignment vertical="center"/>
    </xf>
    <xf numFmtId="0" fontId="41" fillId="0" borderId="0" xfId="3" applyFont="1">
      <alignment vertical="center"/>
    </xf>
    <xf numFmtId="0" fontId="40" fillId="0" borderId="0" xfId="3" applyFont="1" applyAlignment="1">
      <alignment horizontal="left" vertical="center"/>
    </xf>
    <xf numFmtId="0" fontId="34" fillId="0" borderId="12" xfId="3" applyFont="1" applyBorder="1" applyAlignment="1">
      <alignment horizontal="left" vertical="center" indent="1"/>
    </xf>
    <xf numFmtId="0" fontId="34" fillId="0" borderId="2" xfId="3" applyFont="1" applyBorder="1" applyAlignment="1">
      <alignment horizontal="left" vertical="center" wrapText="1"/>
    </xf>
    <xf numFmtId="0" fontId="34" fillId="0" borderId="10" xfId="3" applyFont="1" applyBorder="1" applyAlignment="1">
      <alignment horizontal="left" vertical="center" wrapText="1"/>
    </xf>
    <xf numFmtId="0" fontId="34" fillId="0" borderId="1" xfId="3" applyFont="1" applyBorder="1" applyAlignment="1">
      <alignment horizontal="center" vertical="center"/>
    </xf>
    <xf numFmtId="0" fontId="34" fillId="0" borderId="10" xfId="3" applyFont="1" applyBorder="1" applyAlignment="1">
      <alignment horizontal="left" vertical="center"/>
    </xf>
    <xf numFmtId="0" fontId="34" fillId="0" borderId="1" xfId="3" applyFont="1" applyBorder="1" applyAlignment="1">
      <alignment horizontal="left" vertical="center"/>
    </xf>
    <xf numFmtId="0" fontId="34" fillId="0" borderId="7" xfId="3" applyFont="1" applyBorder="1" applyAlignment="1">
      <alignment horizontal="left" vertical="center" wrapText="1"/>
    </xf>
    <xf numFmtId="0" fontId="40" fillId="0" borderId="0" xfId="3" applyFont="1" applyAlignment="1">
      <alignment vertical="center"/>
    </xf>
    <xf numFmtId="0" fontId="34" fillId="0" borderId="1" xfId="5" applyFont="1" applyFill="1" applyBorder="1" applyAlignment="1">
      <alignment horizontal="center" vertical="center" shrinkToFit="1"/>
    </xf>
    <xf numFmtId="0" fontId="34" fillId="0" borderId="38" xfId="5" applyFont="1" applyFill="1" applyBorder="1" applyAlignment="1">
      <alignment horizontal="center" vertical="center" shrinkToFit="1"/>
    </xf>
    <xf numFmtId="0" fontId="34" fillId="0" borderId="41" xfId="5" applyFont="1" applyFill="1" applyBorder="1" applyAlignment="1">
      <alignment horizontal="center" vertical="center" shrinkToFit="1"/>
    </xf>
    <xf numFmtId="0" fontId="34" fillId="0" borderId="16" xfId="5" applyFont="1" applyFill="1" applyBorder="1" applyAlignment="1">
      <alignment horizontal="center" vertical="center" shrinkToFit="1"/>
    </xf>
    <xf numFmtId="0" fontId="34" fillId="0" borderId="99" xfId="5" applyFont="1" applyFill="1" applyBorder="1" applyAlignment="1">
      <alignment horizontal="center" vertical="center" shrinkToFit="1"/>
    </xf>
    <xf numFmtId="0" fontId="34" fillId="0" borderId="0" xfId="5" applyFont="1" applyFill="1" applyBorder="1" applyAlignment="1">
      <alignment horizontal="center" vertical="center" shrinkToFit="1"/>
    </xf>
    <xf numFmtId="0" fontId="34" fillId="0" borderId="72" xfId="5" applyFont="1" applyFill="1" applyBorder="1" applyAlignment="1">
      <alignment horizontal="center" vertical="center" wrapText="1"/>
    </xf>
    <xf numFmtId="0" fontId="34" fillId="0" borderId="38" xfId="5" applyFont="1" applyFill="1" applyBorder="1" applyAlignment="1">
      <alignment horizontal="center" vertical="center" wrapText="1"/>
    </xf>
    <xf numFmtId="0" fontId="34" fillId="0" borderId="30" xfId="5" applyFont="1" applyFill="1" applyBorder="1" applyAlignment="1">
      <alignment horizontal="center" vertical="center" wrapText="1" shrinkToFit="1"/>
    </xf>
    <xf numFmtId="0" fontId="34" fillId="0" borderId="39" xfId="5" applyFont="1" applyFill="1" applyBorder="1" applyAlignment="1">
      <alignment horizontal="center" vertical="center" wrapText="1" shrinkToFit="1"/>
    </xf>
    <xf numFmtId="0" fontId="34" fillId="0" borderId="0" xfId="3" applyFont="1" applyBorder="1" applyAlignment="1">
      <alignment horizontal="center" vertical="center" shrinkToFit="1"/>
    </xf>
    <xf numFmtId="0" fontId="34" fillId="0" borderId="0" xfId="5" applyFont="1" applyFill="1" applyBorder="1" applyAlignment="1">
      <alignment horizontal="center" vertical="center" wrapText="1" shrinkToFit="1"/>
    </xf>
    <xf numFmtId="0" fontId="42" fillId="0" borderId="0" xfId="5" applyFont="1" applyFill="1" applyBorder="1" applyAlignment="1">
      <alignment horizontal="left" vertical="center" wrapText="1"/>
    </xf>
    <xf numFmtId="0" fontId="34" fillId="0" borderId="0" xfId="3" applyFont="1" applyAlignment="1">
      <alignment horizontal="left" vertical="center" wrapText="1"/>
    </xf>
    <xf numFmtId="0" fontId="34" fillId="0" borderId="0" xfId="3" applyFont="1" applyBorder="1">
      <alignment vertical="center"/>
    </xf>
    <xf numFmtId="0" fontId="34" fillId="0" borderId="13" xfId="3" applyFont="1" applyBorder="1" applyAlignment="1">
      <alignment horizontal="left" vertical="center" wrapText="1" indent="1"/>
    </xf>
    <xf numFmtId="0" fontId="34" fillId="0" borderId="0" xfId="3" applyFont="1" applyAlignment="1">
      <alignment horizontal="center" vertical="center"/>
    </xf>
    <xf numFmtId="49" fontId="34" fillId="0" borderId="0" xfId="3" applyNumberFormat="1" applyFont="1" applyBorder="1" applyAlignment="1">
      <alignment vertical="center"/>
    </xf>
    <xf numFmtId="0" fontId="34" fillId="0" borderId="0" xfId="3" applyFont="1" applyFill="1" applyBorder="1" applyAlignment="1">
      <alignment vertical="center"/>
    </xf>
    <xf numFmtId="0" fontId="34" fillId="0" borderId="0" xfId="3" applyNumberFormat="1" applyFont="1" applyBorder="1" applyAlignment="1">
      <alignment vertical="center"/>
    </xf>
    <xf numFmtId="0" fontId="70" fillId="0" borderId="0" xfId="3" applyFont="1">
      <alignment vertical="center"/>
    </xf>
    <xf numFmtId="0" fontId="34" fillId="0" borderId="0" xfId="3" applyFont="1" applyBorder="1" applyAlignment="1">
      <alignment vertical="center" textRotation="255" wrapText="1"/>
    </xf>
    <xf numFmtId="0" fontId="34" fillId="0" borderId="0" xfId="3" applyNumberFormat="1" applyFont="1" applyBorder="1" applyAlignment="1">
      <alignment vertical="center" textRotation="255" wrapText="1"/>
    </xf>
    <xf numFmtId="0" fontId="38" fillId="0" borderId="12" xfId="2" applyFont="1" applyBorder="1" applyAlignment="1">
      <alignment horizontal="left" vertical="center" indent="1"/>
    </xf>
    <xf numFmtId="0" fontId="38" fillId="0" borderId="12" xfId="2" applyFont="1" applyBorder="1" applyAlignment="1">
      <alignment horizontal="left" vertical="center" wrapText="1" indent="1"/>
    </xf>
    <xf numFmtId="0" fontId="38" fillId="0" borderId="8" xfId="2" applyFont="1" applyBorder="1" applyAlignment="1">
      <alignment horizontal="center" vertical="center"/>
    </xf>
    <xf numFmtId="0" fontId="38" fillId="0" borderId="4" xfId="2" applyFont="1" applyBorder="1" applyAlignment="1">
      <alignment horizontal="center" vertical="center"/>
    </xf>
    <xf numFmtId="0" fontId="38" fillId="0" borderId="4" xfId="2" applyFont="1" applyBorder="1" applyAlignment="1">
      <alignment horizontal="left" vertical="center"/>
    </xf>
    <xf numFmtId="0" fontId="37" fillId="0" borderId="0" xfId="3" applyFont="1">
      <alignment vertical="center"/>
    </xf>
    <xf numFmtId="0" fontId="55" fillId="0" borderId="0" xfId="3" applyFont="1">
      <alignment vertical="center"/>
    </xf>
    <xf numFmtId="0" fontId="55" fillId="0" borderId="0" xfId="3" applyFont="1" applyBorder="1" applyAlignment="1">
      <alignment horizontal="center" vertical="center"/>
    </xf>
    <xf numFmtId="0" fontId="37" fillId="0" borderId="13" xfId="3" applyFont="1" applyBorder="1" applyAlignment="1">
      <alignment horizontal="left" vertical="center"/>
    </xf>
    <xf numFmtId="0" fontId="37" fillId="0" borderId="12" xfId="3" applyFont="1" applyBorder="1" applyAlignment="1">
      <alignment horizontal="left" vertical="center" indent="1"/>
    </xf>
    <xf numFmtId="0" fontId="37" fillId="0" borderId="1" xfId="3" applyFont="1" applyBorder="1" applyAlignment="1">
      <alignment horizontal="left" vertical="center" indent="1"/>
    </xf>
    <xf numFmtId="0" fontId="37" fillId="0" borderId="4" xfId="3" applyFont="1" applyBorder="1" applyAlignment="1">
      <alignment horizontal="left" vertical="center" indent="1"/>
    </xf>
    <xf numFmtId="0" fontId="37" fillId="0" borderId="4" xfId="3" applyFont="1" applyBorder="1">
      <alignment vertical="center"/>
    </xf>
    <xf numFmtId="0" fontId="37" fillId="0" borderId="0" xfId="3" applyFont="1" applyBorder="1">
      <alignment vertical="center"/>
    </xf>
    <xf numFmtId="0" fontId="37" fillId="0" borderId="2" xfId="3" applyFont="1" applyBorder="1">
      <alignment vertical="center"/>
    </xf>
    <xf numFmtId="0" fontId="37" fillId="0" borderId="8" xfId="3" applyFont="1" applyBorder="1">
      <alignment vertical="center"/>
    </xf>
    <xf numFmtId="0" fontId="37" fillId="0" borderId="6" xfId="3" applyFont="1" applyBorder="1">
      <alignment vertical="center"/>
    </xf>
    <xf numFmtId="0" fontId="37" fillId="0" borderId="1" xfId="3" applyFont="1" applyBorder="1" applyAlignment="1">
      <alignment horizontal="center" vertical="center"/>
    </xf>
    <xf numFmtId="0" fontId="37" fillId="0" borderId="1" xfId="3" applyFont="1" applyBorder="1" applyAlignment="1">
      <alignment vertical="center" wrapText="1"/>
    </xf>
    <xf numFmtId="0" fontId="37" fillId="0" borderId="1" xfId="3" applyFont="1" applyBorder="1" applyAlignment="1">
      <alignment horizontal="right" vertical="center"/>
    </xf>
    <xf numFmtId="0" fontId="37" fillId="0" borderId="0" xfId="3" applyFont="1" applyBorder="1" applyAlignment="1">
      <alignment horizontal="right" vertical="center"/>
    </xf>
    <xf numFmtId="0" fontId="37" fillId="0" borderId="0" xfId="3" applyFont="1" applyBorder="1" applyAlignment="1">
      <alignment vertical="center" wrapText="1"/>
    </xf>
    <xf numFmtId="0" fontId="37" fillId="0" borderId="7" xfId="3" applyFont="1" applyBorder="1">
      <alignment vertical="center"/>
    </xf>
    <xf numFmtId="0" fontId="37" fillId="0" borderId="9" xfId="3" applyFont="1" applyBorder="1">
      <alignment vertical="center"/>
    </xf>
    <xf numFmtId="0" fontId="37" fillId="0" borderId="3" xfId="3" applyFont="1" applyBorder="1">
      <alignment vertical="center"/>
    </xf>
    <xf numFmtId="0" fontId="37" fillId="0" borderId="0" xfId="3" applyFont="1" applyBorder="1" applyAlignment="1">
      <alignment horizontal="center" vertical="center"/>
    </xf>
    <xf numFmtId="0" fontId="37" fillId="0" borderId="3" xfId="3" applyFont="1" applyBorder="1" applyAlignment="1">
      <alignment vertical="center" wrapText="1"/>
    </xf>
    <xf numFmtId="0" fontId="37" fillId="0" borderId="5" xfId="3" applyFont="1" applyBorder="1">
      <alignment vertical="center"/>
    </xf>
    <xf numFmtId="0" fontId="37" fillId="0" borderId="0" xfId="3" applyFont="1" applyFill="1" applyAlignment="1">
      <alignment horizontal="left" vertical="center"/>
    </xf>
    <xf numFmtId="0" fontId="37" fillId="0" borderId="0" xfId="3" applyFont="1" applyAlignment="1">
      <alignment horizontal="left" vertical="center"/>
    </xf>
    <xf numFmtId="0" fontId="38" fillId="0" borderId="13" xfId="2" applyFont="1" applyBorder="1" applyAlignment="1">
      <alignment vertical="center"/>
    </xf>
    <xf numFmtId="0" fontId="38" fillId="0" borderId="1" xfId="2" applyFont="1" applyBorder="1" applyAlignment="1">
      <alignment horizontal="center" vertical="center" wrapText="1"/>
    </xf>
    <xf numFmtId="0" fontId="50" fillId="0" borderId="0" xfId="2" applyFont="1" applyFill="1">
      <alignment vertical="center"/>
    </xf>
    <xf numFmtId="0" fontId="58" fillId="0" borderId="0" xfId="10" applyFont="1">
      <alignment vertical="center"/>
    </xf>
    <xf numFmtId="0" fontId="58" fillId="0" borderId="0" xfId="10" applyFont="1" applyAlignment="1">
      <alignment horizontal="center" vertical="center"/>
    </xf>
    <xf numFmtId="0" fontId="58" fillId="0" borderId="0" xfId="10" applyFont="1" applyAlignment="1">
      <alignment vertical="center"/>
    </xf>
    <xf numFmtId="0" fontId="58" fillId="0" borderId="8" xfId="10" applyFont="1" applyBorder="1">
      <alignment vertical="center"/>
    </xf>
    <xf numFmtId="0" fontId="58" fillId="0" borderId="2" xfId="10" applyFont="1" applyBorder="1">
      <alignment vertical="center"/>
    </xf>
    <xf numFmtId="0" fontId="58" fillId="0" borderId="9" xfId="10" applyFont="1" applyBorder="1">
      <alignment vertical="center"/>
    </xf>
    <xf numFmtId="0" fontId="58" fillId="0" borderId="0" xfId="10" applyFont="1" applyBorder="1">
      <alignment vertical="center"/>
    </xf>
    <xf numFmtId="0" fontId="58" fillId="0" borderId="6" xfId="10" applyFont="1" applyBorder="1">
      <alignment vertical="center"/>
    </xf>
    <xf numFmtId="0" fontId="58" fillId="0" borderId="3" xfId="10" applyFont="1" applyBorder="1" applyAlignment="1">
      <alignment horizontal="left" vertical="center"/>
    </xf>
    <xf numFmtId="49" fontId="58" fillId="0" borderId="0" xfId="10" applyNumberFormat="1" applyFont="1" applyBorder="1" applyAlignment="1">
      <alignment vertical="center"/>
    </xf>
    <xf numFmtId="0" fontId="58" fillId="0" borderId="0" xfId="10" applyFont="1" applyBorder="1" applyAlignment="1">
      <alignment vertical="center"/>
    </xf>
    <xf numFmtId="0" fontId="58" fillId="0" borderId="3" xfId="10" applyFont="1" applyBorder="1" applyAlignment="1">
      <alignment vertical="center"/>
    </xf>
    <xf numFmtId="0" fontId="58" fillId="0" borderId="4" xfId="10" applyFont="1" applyBorder="1">
      <alignment vertical="center"/>
    </xf>
    <xf numFmtId="0" fontId="58" fillId="0" borderId="7" xfId="10" applyFont="1" applyBorder="1">
      <alignment vertical="center"/>
    </xf>
    <xf numFmtId="0" fontId="58" fillId="0" borderId="4" xfId="10" applyFont="1" applyFill="1" applyBorder="1" applyAlignment="1">
      <alignment vertical="center"/>
    </xf>
    <xf numFmtId="0" fontId="58" fillId="0" borderId="4" xfId="10" applyFont="1" applyBorder="1" applyAlignment="1">
      <alignment vertical="center"/>
    </xf>
    <xf numFmtId="0" fontId="58" fillId="0" borderId="5" xfId="10" applyFont="1" applyBorder="1" applyAlignment="1">
      <alignment horizontal="left" vertical="center"/>
    </xf>
    <xf numFmtId="0" fontId="58" fillId="0" borderId="8" xfId="10" applyNumberFormat="1" applyFont="1" applyBorder="1" applyAlignment="1">
      <alignment horizontal="center" vertical="center" textRotation="255" wrapText="1"/>
    </xf>
    <xf numFmtId="0" fontId="58" fillId="0" borderId="8" xfId="10" applyFont="1" applyBorder="1" applyAlignment="1">
      <alignment horizontal="center" vertical="center"/>
    </xf>
    <xf numFmtId="0" fontId="36" fillId="0" borderId="1" xfId="10" applyFont="1" applyBorder="1" applyAlignment="1">
      <alignment vertical="center"/>
    </xf>
    <xf numFmtId="0" fontId="36" fillId="0" borderId="6" xfId="10" applyFont="1" applyBorder="1" applyAlignment="1">
      <alignment vertical="center"/>
    </xf>
    <xf numFmtId="0" fontId="58" fillId="0" borderId="3" xfId="10" applyFont="1" applyBorder="1">
      <alignment vertical="center"/>
    </xf>
    <xf numFmtId="0" fontId="58" fillId="0" borderId="6" xfId="10" applyFont="1" applyBorder="1" applyAlignment="1">
      <alignment vertical="center"/>
    </xf>
    <xf numFmtId="0" fontId="62" fillId="0" borderId="0" xfId="10" applyFont="1" applyBorder="1" applyAlignment="1">
      <alignment vertical="center"/>
    </xf>
    <xf numFmtId="0" fontId="58" fillId="0" borderId="5" xfId="10" applyFont="1" applyBorder="1">
      <alignment vertical="center"/>
    </xf>
    <xf numFmtId="0" fontId="58" fillId="0" borderId="0" xfId="10" applyFont="1" applyBorder="1" applyAlignment="1">
      <alignment vertical="top"/>
    </xf>
    <xf numFmtId="0" fontId="35" fillId="3" borderId="0" xfId="3" applyFont="1" applyFill="1">
      <alignment vertical="center"/>
    </xf>
    <xf numFmtId="0" fontId="58" fillId="3" borderId="0" xfId="10" applyFont="1" applyFill="1">
      <alignment vertical="center"/>
    </xf>
    <xf numFmtId="0" fontId="36" fillId="0" borderId="0" xfId="10" applyFont="1">
      <alignment vertical="center"/>
    </xf>
    <xf numFmtId="0" fontId="36" fillId="0" borderId="15" xfId="10" applyFont="1" applyFill="1" applyBorder="1" applyAlignment="1">
      <alignment vertical="center"/>
    </xf>
    <xf numFmtId="0" fontId="36" fillId="0" borderId="1" xfId="10" applyFont="1" applyBorder="1">
      <alignment vertical="center"/>
    </xf>
    <xf numFmtId="0" fontId="36" fillId="0" borderId="15" xfId="10" applyFont="1" applyFill="1" applyBorder="1" applyAlignment="1">
      <alignment horizontal="center" vertical="center"/>
    </xf>
    <xf numFmtId="0" fontId="36" fillId="0" borderId="15" xfId="10" applyFont="1" applyFill="1" applyBorder="1">
      <alignment vertical="center"/>
    </xf>
    <xf numFmtId="56" fontId="36" fillId="0" borderId="15" xfId="10" applyNumberFormat="1" applyFont="1" applyBorder="1" applyAlignment="1">
      <alignment horizontal="center" vertical="center"/>
    </xf>
    <xf numFmtId="0" fontId="58" fillId="0" borderId="0" xfId="10" applyFont="1" applyBorder="1" applyAlignment="1">
      <alignment horizontal="center" vertical="center" wrapText="1"/>
    </xf>
    <xf numFmtId="0" fontId="58" fillId="0" borderId="0" xfId="10" applyFont="1" applyBorder="1" applyAlignment="1">
      <alignment horizontal="center" vertical="center"/>
    </xf>
    <xf numFmtId="0" fontId="59" fillId="0" borderId="0" xfId="10" applyFont="1" applyAlignment="1">
      <alignment vertical="center"/>
    </xf>
    <xf numFmtId="0" fontId="61" fillId="0" borderId="46" xfId="10" applyFont="1" applyBorder="1" applyAlignment="1">
      <alignment vertical="center"/>
    </xf>
    <xf numFmtId="0" fontId="72" fillId="3" borderId="173" xfId="10" applyFont="1" applyFill="1" applyBorder="1" applyAlignment="1">
      <alignment horizontal="center" vertical="center"/>
    </xf>
    <xf numFmtId="0" fontId="58" fillId="0" borderId="0" xfId="10" applyFont="1" applyAlignment="1">
      <alignment horizontal="right" vertical="center"/>
    </xf>
    <xf numFmtId="0" fontId="36" fillId="0" borderId="4" xfId="10" applyFont="1" applyBorder="1" applyAlignment="1">
      <alignment vertical="center"/>
    </xf>
    <xf numFmtId="0" fontId="58" fillId="0" borderId="0" xfId="10" applyFont="1" applyFill="1" applyBorder="1" applyAlignment="1">
      <alignment vertical="center"/>
    </xf>
    <xf numFmtId="0" fontId="36" fillId="0" borderId="0" xfId="10" applyFont="1" applyBorder="1" applyAlignment="1">
      <alignment vertical="center"/>
    </xf>
    <xf numFmtId="0" fontId="47" fillId="0" borderId="0" xfId="10" applyFont="1" applyBorder="1" applyAlignment="1">
      <alignment vertical="center"/>
    </xf>
    <xf numFmtId="0" fontId="58" fillId="0" borderId="0" xfId="10" applyFont="1" applyBorder="1" applyAlignment="1">
      <alignment vertical="center" wrapText="1"/>
    </xf>
    <xf numFmtId="0" fontId="47" fillId="0" borderId="8" xfId="10" applyFont="1" applyBorder="1">
      <alignment vertical="center"/>
    </xf>
    <xf numFmtId="0" fontId="58" fillId="0" borderId="4" xfId="10" applyNumberFormat="1" applyFont="1" applyBorder="1" applyAlignment="1">
      <alignment vertical="center" textRotation="255" wrapText="1"/>
    </xf>
    <xf numFmtId="0" fontId="58" fillId="0" borderId="0" xfId="10" applyNumberFormat="1" applyFont="1" applyBorder="1" applyAlignment="1">
      <alignment vertical="center"/>
    </xf>
    <xf numFmtId="0" fontId="58" fillId="0" borderId="0" xfId="10" applyNumberFormat="1" applyFont="1" applyBorder="1" applyAlignment="1">
      <alignment vertical="center" textRotation="255" wrapText="1"/>
    </xf>
    <xf numFmtId="0" fontId="58" fillId="0" borderId="8" xfId="10" applyNumberFormat="1" applyFont="1" applyBorder="1" applyAlignment="1">
      <alignment vertical="center" textRotation="255" wrapText="1"/>
    </xf>
    <xf numFmtId="58" fontId="36" fillId="0" borderId="192" xfId="10" applyNumberFormat="1" applyFont="1" applyFill="1" applyBorder="1" applyAlignment="1">
      <alignment horizontal="center" vertical="center"/>
    </xf>
    <xf numFmtId="0" fontId="36" fillId="0" borderId="1" xfId="10" applyFont="1" applyFill="1" applyBorder="1" applyAlignment="1">
      <alignment horizontal="center" vertical="center"/>
    </xf>
    <xf numFmtId="58" fontId="36" fillId="0" borderId="193" xfId="10" applyNumberFormat="1" applyFont="1" applyFill="1" applyBorder="1" applyAlignment="1">
      <alignment horizontal="center" vertical="center"/>
    </xf>
    <xf numFmtId="0" fontId="36" fillId="0" borderId="13" xfId="10" applyFont="1" applyFill="1" applyBorder="1" applyAlignment="1">
      <alignment horizontal="center" vertical="center"/>
    </xf>
    <xf numFmtId="0" fontId="36" fillId="0" borderId="193" xfId="10" applyFont="1" applyFill="1" applyBorder="1" applyAlignment="1">
      <alignment horizontal="center" vertical="center"/>
    </xf>
    <xf numFmtId="0" fontId="36" fillId="0" borderId="194" xfId="10" applyFont="1" applyBorder="1" applyAlignment="1">
      <alignment horizontal="center" vertical="center" wrapText="1"/>
    </xf>
    <xf numFmtId="0" fontId="36" fillId="0" borderId="1" xfId="10" applyFont="1" applyBorder="1" applyAlignment="1">
      <alignment horizontal="center" vertical="center"/>
    </xf>
    <xf numFmtId="0" fontId="36" fillId="0" borderId="4" xfId="10" applyFont="1" applyBorder="1" applyAlignment="1">
      <alignment horizontal="right" vertical="center"/>
    </xf>
    <xf numFmtId="0" fontId="36" fillId="0" borderId="7" xfId="10" applyFont="1" applyBorder="1" applyAlignment="1">
      <alignment horizontal="right" vertical="center"/>
    </xf>
    <xf numFmtId="0" fontId="47" fillId="0" borderId="0" xfId="10" applyFont="1" applyBorder="1" applyAlignment="1">
      <alignment horizontal="left" vertical="center" wrapText="1"/>
    </xf>
    <xf numFmtId="0" fontId="58" fillId="0" borderId="6" xfId="10" applyFont="1" applyFill="1" applyBorder="1" applyAlignment="1">
      <alignment vertical="center"/>
    </xf>
    <xf numFmtId="0" fontId="36" fillId="0" borderId="8" xfId="10" applyFont="1" applyBorder="1" applyAlignment="1">
      <alignment horizontal="right" vertical="center"/>
    </xf>
    <xf numFmtId="0" fontId="36" fillId="0" borderId="2" xfId="10" applyFont="1" applyBorder="1" applyAlignment="1">
      <alignment horizontal="right" vertical="center"/>
    </xf>
    <xf numFmtId="0" fontId="36" fillId="0" borderId="0" xfId="10" applyFont="1" applyBorder="1" applyAlignment="1">
      <alignment horizontal="right" vertical="center"/>
    </xf>
    <xf numFmtId="0" fontId="36" fillId="0" borderId="0" xfId="10" applyFont="1" applyBorder="1" applyAlignment="1">
      <alignment horizontal="center" vertical="center" wrapText="1"/>
    </xf>
    <xf numFmtId="0" fontId="61" fillId="0" borderId="0" xfId="10" applyFont="1" applyBorder="1" applyAlignment="1">
      <alignment vertical="center"/>
    </xf>
    <xf numFmtId="0" fontId="35" fillId="3" borderId="0" xfId="3" applyFont="1" applyFill="1" applyBorder="1" applyAlignment="1">
      <alignment vertical="center"/>
    </xf>
    <xf numFmtId="0" fontId="58" fillId="0" borderId="8" xfId="10" applyFont="1" applyBorder="1" applyAlignment="1">
      <alignment vertical="center"/>
    </xf>
    <xf numFmtId="0" fontId="58" fillId="0" borderId="4" xfId="10" applyFont="1" applyBorder="1" applyAlignment="1">
      <alignment vertical="center" wrapText="1"/>
    </xf>
    <xf numFmtId="0" fontId="58" fillId="0" borderId="7" xfId="10" applyFont="1" applyBorder="1" applyAlignment="1">
      <alignment vertical="center" wrapText="1"/>
    </xf>
    <xf numFmtId="0" fontId="58" fillId="0" borderId="6" xfId="10" applyFont="1" applyBorder="1" applyAlignment="1">
      <alignment vertical="center" wrapText="1"/>
    </xf>
    <xf numFmtId="0" fontId="58" fillId="0" borderId="8" xfId="10" applyFont="1" applyBorder="1" applyAlignment="1">
      <alignment vertical="center" wrapText="1"/>
    </xf>
    <xf numFmtId="0" fontId="58" fillId="0" borderId="2" xfId="10" applyFont="1" applyBorder="1" applyAlignment="1">
      <alignment vertical="center" wrapText="1"/>
    </xf>
    <xf numFmtId="0" fontId="58" fillId="0" borderId="7" xfId="10" applyFont="1" applyBorder="1" applyAlignment="1">
      <alignment vertical="center"/>
    </xf>
    <xf numFmtId="0" fontId="58" fillId="0" borderId="2" xfId="10" applyFont="1" applyBorder="1" applyAlignment="1">
      <alignment vertical="center"/>
    </xf>
    <xf numFmtId="0" fontId="34" fillId="0" borderId="0" xfId="10">
      <alignment vertical="center"/>
    </xf>
    <xf numFmtId="0" fontId="11" fillId="0" borderId="0" xfId="10" applyFont="1" applyAlignment="1">
      <alignment vertical="center"/>
    </xf>
    <xf numFmtId="0" fontId="21" fillId="0" borderId="0" xfId="10" applyFont="1">
      <alignment vertical="center"/>
    </xf>
    <xf numFmtId="0" fontId="7" fillId="0" borderId="0" xfId="10" applyFont="1" applyBorder="1" applyAlignment="1">
      <alignment horizontal="center" vertical="center"/>
    </xf>
    <xf numFmtId="0" fontId="7" fillId="0" borderId="0" xfId="10" applyFont="1">
      <alignment vertical="center"/>
    </xf>
    <xf numFmtId="56" fontId="36" fillId="0" borderId="15" xfId="10" applyNumberFormat="1" applyFont="1" applyBorder="1" applyAlignment="1">
      <alignment horizontal="center" vertical="center" wrapText="1"/>
    </xf>
    <xf numFmtId="0" fontId="60" fillId="0" borderId="46" xfId="10" applyFont="1" applyBorder="1" applyAlignment="1">
      <alignment vertical="center"/>
    </xf>
    <xf numFmtId="9" fontId="58" fillId="0" borderId="0" xfId="10" applyNumberFormat="1" applyFont="1" applyBorder="1" applyAlignment="1">
      <alignment vertical="center"/>
    </xf>
    <xf numFmtId="58" fontId="36" fillId="0" borderId="15" xfId="10" applyNumberFormat="1" applyFont="1" applyFill="1" applyBorder="1" applyAlignment="1">
      <alignment horizontal="center" vertical="center"/>
    </xf>
    <xf numFmtId="0" fontId="36" fillId="0" borderId="15" xfId="10" applyFont="1" applyBorder="1" applyAlignment="1">
      <alignment horizontal="center" vertical="center" wrapText="1"/>
    </xf>
    <xf numFmtId="0" fontId="60" fillId="0" borderId="0" xfId="10" applyFont="1" applyBorder="1" applyAlignment="1">
      <alignment vertical="center"/>
    </xf>
    <xf numFmtId="0" fontId="59" fillId="0" borderId="0" xfId="10" applyFont="1" applyAlignment="1">
      <alignment horizontal="center" vertical="center"/>
    </xf>
    <xf numFmtId="0" fontId="59" fillId="0" borderId="0" xfId="10" applyFont="1" applyAlignment="1">
      <alignment horizontal="center" vertical="center" wrapText="1"/>
    </xf>
    <xf numFmtId="0" fontId="58" fillId="0" borderId="0" xfId="10" applyFont="1" applyFill="1">
      <alignment vertical="center"/>
    </xf>
    <xf numFmtId="0" fontId="35" fillId="3" borderId="0" xfId="10" applyFont="1" applyFill="1">
      <alignment vertical="center"/>
    </xf>
    <xf numFmtId="0" fontId="11" fillId="0" borderId="0" xfId="10" applyFont="1">
      <alignment vertical="center"/>
    </xf>
    <xf numFmtId="0" fontId="50" fillId="3" borderId="0" xfId="9" applyFont="1" applyFill="1">
      <alignment vertical="center"/>
    </xf>
    <xf numFmtId="0" fontId="41" fillId="0" borderId="0" xfId="8" applyFont="1">
      <alignment vertical="center"/>
    </xf>
    <xf numFmtId="0" fontId="41" fillId="0" borderId="12" xfId="8" applyFont="1" applyBorder="1" applyAlignment="1">
      <alignment horizontal="center" vertical="center" wrapText="1"/>
    </xf>
    <xf numFmtId="0" fontId="41" fillId="0" borderId="11" xfId="8" applyFont="1" applyBorder="1" applyAlignment="1">
      <alignment horizontal="center" vertical="center" wrapText="1"/>
    </xf>
    <xf numFmtId="0" fontId="41" fillId="0" borderId="13" xfId="8" applyFont="1" applyBorder="1" applyAlignment="1">
      <alignment vertical="center" wrapText="1"/>
    </xf>
    <xf numFmtId="0" fontId="66" fillId="0" borderId="71" xfId="8" applyFont="1" applyBorder="1" applyAlignment="1">
      <alignment horizontal="center" vertical="center" wrapText="1"/>
    </xf>
    <xf numFmtId="0" fontId="41" fillId="0" borderId="70" xfId="8" applyFont="1" applyBorder="1" applyAlignment="1">
      <alignment horizontal="center" vertical="center" wrapText="1"/>
    </xf>
    <xf numFmtId="0" fontId="41" fillId="0" borderId="198" xfId="8" applyFont="1" applyBorder="1" applyAlignment="1">
      <alignment horizontal="center" vertical="center" wrapText="1"/>
    </xf>
    <xf numFmtId="0" fontId="42" fillId="0" borderId="199" xfId="8" applyFont="1" applyBorder="1" applyAlignment="1">
      <alignment vertical="center" wrapText="1"/>
    </xf>
    <xf numFmtId="0" fontId="35" fillId="0" borderId="200" xfId="8" applyFont="1" applyBorder="1" applyAlignment="1">
      <alignment horizontal="center" vertical="center" wrapText="1"/>
    </xf>
    <xf numFmtId="0" fontId="35" fillId="0" borderId="201" xfId="8" applyFont="1" applyBorder="1" applyAlignment="1">
      <alignment horizontal="center" vertical="center" wrapText="1"/>
    </xf>
    <xf numFmtId="0" fontId="35" fillId="0" borderId="59" xfId="8" applyFont="1" applyBorder="1" applyAlignment="1">
      <alignment horizontal="center" vertical="center" wrapText="1"/>
    </xf>
    <xf numFmtId="0" fontId="35" fillId="0" borderId="52" xfId="8" applyFont="1" applyBorder="1" applyAlignment="1">
      <alignment horizontal="center" vertical="center" wrapText="1"/>
    </xf>
    <xf numFmtId="0" fontId="35" fillId="0" borderId="51" xfId="8" applyFont="1" applyBorder="1" applyAlignment="1">
      <alignment horizontal="center" vertical="center" wrapText="1"/>
    </xf>
    <xf numFmtId="0" fontId="35" fillId="0" borderId="16" xfId="8" applyFont="1" applyBorder="1" applyAlignment="1">
      <alignment horizontal="center" vertical="center" wrapText="1"/>
    </xf>
    <xf numFmtId="0" fontId="35" fillId="0" borderId="41" xfId="8" applyFont="1" applyBorder="1" applyAlignment="1">
      <alignment horizontal="center" vertical="center" wrapText="1"/>
    </xf>
    <xf numFmtId="0" fontId="35" fillId="0" borderId="202" xfId="8" applyFont="1" applyBorder="1" applyAlignment="1">
      <alignment horizontal="center" vertical="center" wrapText="1"/>
    </xf>
    <xf numFmtId="0" fontId="35" fillId="0" borderId="203" xfId="8" applyFont="1" applyBorder="1" applyAlignment="1">
      <alignment horizontal="center" vertical="center" wrapText="1"/>
    </xf>
    <xf numFmtId="0" fontId="35" fillId="0" borderId="204" xfId="8" applyFont="1" applyBorder="1" applyAlignment="1">
      <alignment horizontal="center" vertical="center" wrapText="1"/>
    </xf>
    <xf numFmtId="0" fontId="35" fillId="0" borderId="205" xfId="8" applyFont="1" applyBorder="1" applyAlignment="1">
      <alignment horizontal="center" vertical="center" wrapText="1"/>
    </xf>
    <xf numFmtId="0" fontId="35" fillId="0" borderId="206" xfId="8" applyFont="1" applyBorder="1" applyAlignment="1">
      <alignment horizontal="center" vertical="center" wrapText="1"/>
    </xf>
    <xf numFmtId="0" fontId="35" fillId="0" borderId="12" xfId="8" applyFont="1" applyBorder="1" applyAlignment="1">
      <alignment horizontal="center" vertical="center" wrapText="1"/>
    </xf>
    <xf numFmtId="0" fontId="35" fillId="0" borderId="202" xfId="8" applyFont="1" applyBorder="1" applyAlignment="1">
      <alignment vertical="center" wrapText="1"/>
    </xf>
    <xf numFmtId="0" fontId="35" fillId="0" borderId="203" xfId="8" applyFont="1" applyBorder="1" applyAlignment="1">
      <alignment vertical="center" wrapText="1"/>
    </xf>
    <xf numFmtId="0" fontId="35" fillId="0" borderId="207" xfId="8" applyFont="1" applyBorder="1" applyAlignment="1">
      <alignment horizontal="center" vertical="center" wrapText="1"/>
    </xf>
    <xf numFmtId="0" fontId="43" fillId="0" borderId="208" xfId="8" applyFont="1" applyBorder="1" applyAlignment="1">
      <alignment horizontal="center" vertical="center" wrapText="1"/>
    </xf>
    <xf numFmtId="0" fontId="43" fillId="0" borderId="209" xfId="8" applyFont="1" applyBorder="1" applyAlignment="1">
      <alignment horizontal="center" vertical="center" wrapText="1"/>
    </xf>
    <xf numFmtId="0" fontId="43" fillId="0" borderId="207" xfId="8" applyFont="1" applyBorder="1" applyAlignment="1">
      <alignment horizontal="center" vertical="center" wrapText="1"/>
    </xf>
    <xf numFmtId="0" fontId="43" fillId="0" borderId="44" xfId="8" applyFont="1" applyBorder="1" applyAlignment="1">
      <alignment horizontal="center" vertical="center" wrapText="1"/>
    </xf>
    <xf numFmtId="0" fontId="65" fillId="0" borderId="42" xfId="5" applyFont="1" applyFill="1" applyBorder="1" applyAlignment="1">
      <alignment horizontal="distributed" vertical="center"/>
    </xf>
    <xf numFmtId="0" fontId="39" fillId="0" borderId="0" xfId="2" applyFont="1" applyAlignment="1">
      <alignment vertical="center"/>
    </xf>
    <xf numFmtId="0" fontId="82" fillId="3" borderId="0" xfId="2" applyFont="1" applyFill="1" applyAlignment="1">
      <alignment vertical="center"/>
    </xf>
    <xf numFmtId="0" fontId="39" fillId="3" borderId="0" xfId="2" applyFont="1" applyFill="1" applyAlignment="1">
      <alignment vertical="center"/>
    </xf>
    <xf numFmtId="0" fontId="56" fillId="3" borderId="0" xfId="5" applyFont="1" applyFill="1">
      <alignment vertical="center"/>
    </xf>
    <xf numFmtId="0" fontId="34" fillId="0" borderId="5" xfId="10" applyBorder="1" applyAlignment="1">
      <alignment vertical="center"/>
    </xf>
    <xf numFmtId="0" fontId="34" fillId="0" borderId="4" xfId="10" applyBorder="1" applyAlignment="1">
      <alignment vertical="center"/>
    </xf>
    <xf numFmtId="0" fontId="34" fillId="0" borderId="7" xfId="10" applyBorder="1" applyAlignment="1">
      <alignment vertical="center"/>
    </xf>
    <xf numFmtId="0" fontId="34" fillId="0" borderId="3" xfId="10" applyBorder="1" applyAlignment="1">
      <alignment vertical="center"/>
    </xf>
    <xf numFmtId="0" fontId="34" fillId="0" borderId="0" xfId="10" applyAlignment="1">
      <alignment vertical="center"/>
    </xf>
    <xf numFmtId="0" fontId="34" fillId="0" borderId="1" xfId="10" applyBorder="1" applyAlignment="1">
      <alignment vertical="center"/>
    </xf>
    <xf numFmtId="0" fontId="34" fillId="0" borderId="6" xfId="10" applyBorder="1" applyAlignment="1">
      <alignment horizontal="left" vertical="center"/>
    </xf>
    <xf numFmtId="0" fontId="34" fillId="0" borderId="9" xfId="10" applyBorder="1" applyAlignment="1">
      <alignment vertical="center"/>
    </xf>
    <xf numFmtId="0" fontId="34" fillId="0" borderId="8" xfId="10" applyBorder="1" applyAlignment="1">
      <alignment vertical="center"/>
    </xf>
    <xf numFmtId="0" fontId="34" fillId="0" borderId="2" xfId="10" applyBorder="1" applyAlignment="1">
      <alignment horizontal="left" vertical="center" wrapText="1"/>
    </xf>
    <xf numFmtId="0" fontId="34" fillId="0" borderId="5" xfId="10" applyBorder="1" applyAlignment="1">
      <alignment horizontal="left" vertical="center"/>
    </xf>
    <xf numFmtId="0" fontId="34" fillId="0" borderId="4" xfId="10" applyBorder="1" applyAlignment="1">
      <alignment horizontal="left" vertical="center"/>
    </xf>
    <xf numFmtId="0" fontId="34" fillId="0" borderId="14" xfId="10" applyBorder="1" applyAlignment="1">
      <alignment horizontal="left" vertical="center"/>
    </xf>
    <xf numFmtId="0" fontId="34" fillId="0" borderId="7" xfId="10" applyBorder="1" applyAlignment="1">
      <alignment horizontal="left" vertical="center" wrapText="1"/>
    </xf>
    <xf numFmtId="0" fontId="34" fillId="0" borderId="3" xfId="10" applyBorder="1" applyAlignment="1">
      <alignment horizontal="left" vertical="center"/>
    </xf>
    <xf numFmtId="0" fontId="34" fillId="0" borderId="55" xfId="10" applyBorder="1" applyAlignment="1">
      <alignment horizontal="right" vertical="center"/>
    </xf>
    <xf numFmtId="0" fontId="34" fillId="0" borderId="13" xfId="10" applyBorder="1" applyAlignment="1">
      <alignment horizontal="right" vertical="center"/>
    </xf>
    <xf numFmtId="0" fontId="34" fillId="0" borderId="1" xfId="10" applyBorder="1" applyAlignment="1">
      <alignment horizontal="right" vertical="center"/>
    </xf>
    <xf numFmtId="0" fontId="34" fillId="0" borderId="1" xfId="10" applyBorder="1" applyAlignment="1">
      <alignment horizontal="center" vertical="center" wrapText="1"/>
    </xf>
    <xf numFmtId="0" fontId="34" fillId="0" borderId="6" xfId="10" applyBorder="1" applyAlignment="1">
      <alignment horizontal="left" vertical="center" wrapText="1"/>
    </xf>
    <xf numFmtId="0" fontId="34" fillId="0" borderId="10" xfId="10" applyBorder="1" applyAlignment="1">
      <alignment horizontal="left" vertical="center"/>
    </xf>
    <xf numFmtId="0" fontId="34" fillId="0" borderId="12" xfId="10" applyBorder="1" applyAlignment="1">
      <alignment horizontal="right" vertical="center"/>
    </xf>
    <xf numFmtId="0" fontId="34" fillId="0" borderId="1" xfId="10" applyBorder="1" applyAlignment="1">
      <alignment horizontal="center" vertical="center"/>
    </xf>
    <xf numFmtId="0" fontId="34" fillId="0" borderId="10" xfId="10" applyBorder="1" applyAlignment="1">
      <alignment horizontal="left" vertical="center" wrapText="1"/>
    </xf>
    <xf numFmtId="0" fontId="34" fillId="0" borderId="9" xfId="10" applyBorder="1" applyAlignment="1">
      <alignment horizontal="left" vertical="center"/>
    </xf>
    <xf numFmtId="0" fontId="34" fillId="0" borderId="12" xfId="10" applyBorder="1" applyAlignment="1">
      <alignment horizontal="left" vertical="center" indent="1"/>
    </xf>
    <xf numFmtId="0" fontId="5" fillId="0" borderId="13" xfId="10" applyFont="1" applyBorder="1" applyAlignment="1">
      <alignment horizontal="center" vertical="center"/>
    </xf>
    <xf numFmtId="0" fontId="58" fillId="0" borderId="0" xfId="10" applyFont="1" applyAlignment="1">
      <alignment horizontal="left" vertical="center" wrapText="1"/>
    </xf>
    <xf numFmtId="0" fontId="58" fillId="0" borderId="0" xfId="10" applyFont="1" applyBorder="1" applyAlignment="1">
      <alignment horizontal="center" vertical="center" shrinkToFit="1"/>
    </xf>
    <xf numFmtId="0" fontId="34" fillId="0" borderId="0" xfId="10" applyFont="1" applyAlignment="1">
      <alignment vertical="center"/>
    </xf>
    <xf numFmtId="0" fontId="34" fillId="0" borderId="0" xfId="10" applyFont="1" applyAlignment="1">
      <alignment horizontal="right" vertical="center"/>
    </xf>
    <xf numFmtId="0" fontId="34" fillId="3" borderId="0" xfId="10" applyFont="1" applyFill="1" applyAlignment="1">
      <alignment vertical="center"/>
    </xf>
    <xf numFmtId="0" fontId="5" fillId="0" borderId="12" xfId="2" applyBorder="1" applyAlignment="1">
      <alignment horizontal="center" vertical="center"/>
    </xf>
    <xf numFmtId="0" fontId="38" fillId="7" borderId="1" xfId="2" applyFont="1" applyFill="1" applyBorder="1" applyAlignment="1">
      <alignment horizontal="center" vertical="center"/>
    </xf>
    <xf numFmtId="0" fontId="57" fillId="3" borderId="0" xfId="3" applyFont="1" applyFill="1" applyAlignment="1">
      <alignment horizontal="left" vertical="center"/>
    </xf>
    <xf numFmtId="0" fontId="50" fillId="3" borderId="0" xfId="2" applyFont="1" applyFill="1">
      <alignment vertical="center"/>
    </xf>
    <xf numFmtId="183" fontId="41" fillId="0" borderId="159" xfId="10" applyNumberFormat="1" applyFont="1" applyBorder="1" applyAlignment="1">
      <alignment horizontal="center" vertical="center" shrinkToFit="1"/>
    </xf>
    <xf numFmtId="0" fontId="41" fillId="0" borderId="13" xfId="10" applyFont="1" applyBorder="1" applyAlignment="1">
      <alignment horizontal="center" vertical="center" shrinkToFit="1"/>
    </xf>
    <xf numFmtId="0" fontId="41" fillId="0" borderId="1" xfId="10" applyFont="1" applyBorder="1" applyAlignment="1">
      <alignment horizontal="center" vertical="center" shrinkToFit="1"/>
    </xf>
    <xf numFmtId="0" fontId="41" fillId="0" borderId="159" xfId="10" applyFont="1" applyBorder="1" applyAlignment="1">
      <alignment horizontal="center" vertical="center" shrinkToFit="1"/>
    </xf>
    <xf numFmtId="0" fontId="41" fillId="0" borderId="210" xfId="10" applyFont="1" applyFill="1" applyBorder="1" applyAlignment="1">
      <alignment horizontal="center" vertical="center" shrinkToFit="1"/>
    </xf>
    <xf numFmtId="0" fontId="41" fillId="0" borderId="161" xfId="10" applyFont="1" applyBorder="1" applyAlignment="1">
      <alignment horizontal="center" vertical="center" shrinkToFit="1"/>
    </xf>
    <xf numFmtId="0" fontId="41" fillId="0" borderId="211" xfId="10" applyFont="1" applyBorder="1" applyAlignment="1">
      <alignment horizontal="center" vertical="center" shrinkToFit="1"/>
    </xf>
    <xf numFmtId="0" fontId="41" fillId="0" borderId="212" xfId="10" applyFont="1" applyBorder="1" applyAlignment="1">
      <alignment horizontal="center" vertical="center" shrinkToFit="1"/>
    </xf>
    <xf numFmtId="0" fontId="41" fillId="0" borderId="164" xfId="10" applyFont="1" applyBorder="1" applyAlignment="1">
      <alignment horizontal="center" vertical="center" shrinkToFit="1"/>
    </xf>
    <xf numFmtId="0" fontId="41" fillId="0" borderId="210" xfId="10" applyFont="1" applyBorder="1" applyAlignment="1">
      <alignment horizontal="center" vertical="center" shrinkToFit="1"/>
    </xf>
    <xf numFmtId="0" fontId="41" fillId="0" borderId="93" xfId="10" applyFont="1" applyBorder="1" applyAlignment="1">
      <alignment horizontal="center" vertical="center" shrinkToFit="1"/>
    </xf>
    <xf numFmtId="0" fontId="41" fillId="0" borderId="12" xfId="10" applyFont="1" applyBorder="1" applyAlignment="1">
      <alignment horizontal="center" vertical="center" shrinkToFit="1"/>
    </xf>
    <xf numFmtId="0" fontId="41" fillId="0" borderId="1" xfId="10" applyFont="1" applyBorder="1" applyAlignment="1">
      <alignment horizontal="right" vertical="center"/>
    </xf>
    <xf numFmtId="0" fontId="41" fillId="0" borderId="1" xfId="10" applyFont="1" applyFill="1" applyBorder="1" applyAlignment="1">
      <alignment horizontal="center" vertical="center" shrinkToFit="1"/>
    </xf>
    <xf numFmtId="182" fontId="41" fillId="0" borderId="93" xfId="10" applyNumberFormat="1" applyFont="1" applyBorder="1" applyAlignment="1">
      <alignment horizontal="center" vertical="center" shrinkToFit="1"/>
    </xf>
    <xf numFmtId="0" fontId="41" fillId="0" borderId="181" xfId="10" applyFont="1" applyBorder="1" applyAlignment="1">
      <alignment horizontal="center" vertical="center" shrinkToFit="1"/>
    </xf>
    <xf numFmtId="0" fontId="82" fillId="3" borderId="0" xfId="2" applyFont="1" applyFill="1" applyAlignment="1">
      <alignment horizontal="right" vertical="center"/>
    </xf>
    <xf numFmtId="0" fontId="5" fillId="0" borderId="0" xfId="2" applyAlignment="1">
      <alignment vertical="top"/>
    </xf>
    <xf numFmtId="0" fontId="5" fillId="3" borderId="0" xfId="2" applyFill="1">
      <alignment vertical="center"/>
    </xf>
    <xf numFmtId="0" fontId="34" fillId="0" borderId="0" xfId="10" applyBorder="1">
      <alignment vertical="center"/>
    </xf>
    <xf numFmtId="0" fontId="34" fillId="0" borderId="1" xfId="10" applyBorder="1">
      <alignment vertical="center"/>
    </xf>
    <xf numFmtId="0" fontId="34" fillId="0" borderId="14" xfId="10" applyBorder="1" applyAlignment="1">
      <alignment horizontal="center" vertical="center"/>
    </xf>
    <xf numFmtId="0" fontId="34" fillId="0" borderId="0" xfId="10" applyFill="1" applyBorder="1">
      <alignment vertical="center"/>
    </xf>
    <xf numFmtId="0" fontId="34" fillId="0" borderId="0" xfId="10" applyBorder="1" applyAlignment="1">
      <alignment horizontal="center" vertical="center"/>
    </xf>
    <xf numFmtId="0" fontId="34" fillId="0" borderId="0" xfId="10" applyBorder="1" applyAlignment="1">
      <alignment horizontal="right" vertical="center"/>
    </xf>
    <xf numFmtId="0" fontId="34" fillId="0" borderId="0" xfId="10" applyBorder="1" applyAlignment="1">
      <alignment vertical="center"/>
    </xf>
    <xf numFmtId="0" fontId="13" fillId="3" borderId="0" xfId="0" applyFont="1" applyFill="1" applyAlignment="1">
      <alignment horizontal="left" vertical="center"/>
    </xf>
    <xf numFmtId="0" fontId="34" fillId="3" borderId="0" xfId="10" applyFill="1" applyBorder="1">
      <alignment vertical="center"/>
    </xf>
    <xf numFmtId="0" fontId="7" fillId="0" borderId="0" xfId="2" applyFont="1" applyBorder="1">
      <alignment vertical="center"/>
    </xf>
    <xf numFmtId="0" fontId="5" fillId="0" borderId="0" xfId="2" applyFont="1" applyAlignment="1">
      <alignment horizontal="right" vertical="top"/>
    </xf>
    <xf numFmtId="0" fontId="8" fillId="0" borderId="1" xfId="2" applyFont="1" applyBorder="1" applyAlignment="1">
      <alignment horizontal="center" vertical="center" wrapText="1"/>
    </xf>
    <xf numFmtId="0" fontId="8" fillId="0" borderId="165" xfId="2" applyFont="1" applyBorder="1" applyAlignment="1">
      <alignment horizontal="center" vertical="center"/>
    </xf>
    <xf numFmtId="0" fontId="8" fillId="0" borderId="1" xfId="2" applyFont="1" applyBorder="1" applyAlignment="1">
      <alignment horizontal="left" vertical="center"/>
    </xf>
    <xf numFmtId="0" fontId="7" fillId="0" borderId="0" xfId="2" applyFont="1" applyAlignment="1">
      <alignment horizontal="right" vertical="center"/>
    </xf>
    <xf numFmtId="0" fontId="5" fillId="0" borderId="0" xfId="2" applyAlignment="1">
      <alignment horizontal="right" vertical="center"/>
    </xf>
    <xf numFmtId="0" fontId="7" fillId="0" borderId="0" xfId="2" applyFont="1" applyBorder="1" applyAlignment="1">
      <alignment horizontal="center" vertical="center"/>
    </xf>
    <xf numFmtId="0" fontId="5" fillId="0" borderId="14" xfId="2" applyFont="1" applyBorder="1" applyAlignment="1">
      <alignment vertical="center"/>
    </xf>
    <xf numFmtId="0" fontId="5" fillId="0" borderId="15" xfId="2" applyFont="1" applyBorder="1" applyAlignment="1">
      <alignment vertical="center"/>
    </xf>
    <xf numFmtId="0" fontId="5" fillId="0" borderId="5" xfId="2" applyBorder="1" applyAlignment="1">
      <alignment horizontal="center" vertical="center"/>
    </xf>
    <xf numFmtId="0" fontId="5" fillId="0" borderId="4" xfId="2" applyBorder="1" applyAlignment="1">
      <alignment vertical="center" wrapText="1"/>
    </xf>
    <xf numFmtId="0" fontId="5" fillId="0" borderId="1" xfId="2" applyBorder="1" applyAlignment="1">
      <alignment horizontal="center" vertical="center"/>
    </xf>
    <xf numFmtId="0" fontId="5" fillId="0" borderId="1" xfId="2" applyBorder="1" applyAlignment="1">
      <alignment vertical="center"/>
    </xf>
    <xf numFmtId="0" fontId="8" fillId="0" borderId="13" xfId="2" applyFont="1" applyBorder="1" applyAlignment="1">
      <alignment horizontal="center" vertical="center"/>
    </xf>
    <xf numFmtId="0" fontId="5" fillId="0" borderId="12" xfId="2" applyBorder="1" applyAlignment="1">
      <alignment vertical="center"/>
    </xf>
    <xf numFmtId="0" fontId="5" fillId="0" borderId="2" xfId="2" applyBorder="1" applyAlignment="1">
      <alignment vertical="center"/>
    </xf>
    <xf numFmtId="0" fontId="5" fillId="0" borderId="8" xfId="2" applyBorder="1" applyAlignment="1">
      <alignment vertical="center"/>
    </xf>
    <xf numFmtId="0" fontId="5" fillId="0" borderId="9" xfId="2" applyBorder="1" applyAlignment="1">
      <alignment vertical="center"/>
    </xf>
    <xf numFmtId="0" fontId="5" fillId="0" borderId="10" xfId="2" applyBorder="1" applyAlignment="1">
      <alignment vertical="center"/>
    </xf>
    <xf numFmtId="0" fontId="5" fillId="0" borderId="6" xfId="2" applyBorder="1" applyAlignment="1">
      <alignment vertical="center"/>
    </xf>
    <xf numFmtId="0" fontId="5" fillId="0" borderId="3" xfId="2" applyBorder="1" applyAlignment="1">
      <alignment horizontal="center" vertical="center"/>
    </xf>
    <xf numFmtId="0" fontId="5" fillId="0" borderId="7" xfId="2" applyBorder="1" applyAlignment="1">
      <alignment vertical="center"/>
    </xf>
    <xf numFmtId="0" fontId="5" fillId="0" borderId="10" xfId="2" applyBorder="1" applyAlignment="1">
      <alignment vertical="top"/>
    </xf>
    <xf numFmtId="0" fontId="19" fillId="0" borderId="11" xfId="2" applyFont="1" applyBorder="1" applyAlignment="1">
      <alignment vertical="top" justifyLastLine="1"/>
    </xf>
    <xf numFmtId="0" fontId="5" fillId="0" borderId="11" xfId="2" applyBorder="1" applyAlignment="1">
      <alignment vertical="center"/>
    </xf>
    <xf numFmtId="0" fontId="66" fillId="0" borderId="13" xfId="2" applyFont="1" applyBorder="1" applyAlignment="1">
      <alignment vertical="center" wrapText="1"/>
    </xf>
    <xf numFmtId="0" fontId="34" fillId="0" borderId="0" xfId="3" applyFont="1" applyAlignment="1">
      <alignment horizontal="right" vertical="center"/>
    </xf>
    <xf numFmtId="0" fontId="64" fillId="0" borderId="0" xfId="3" applyFont="1" applyBorder="1" applyAlignment="1">
      <alignment horizontal="center" vertical="center"/>
    </xf>
    <xf numFmtId="0" fontId="34" fillId="0" borderId="11" xfId="3" applyFont="1" applyBorder="1" applyAlignment="1">
      <alignment horizontal="left" vertical="center" wrapText="1"/>
    </xf>
    <xf numFmtId="0" fontId="34" fillId="0" borderId="0" xfId="3" applyFont="1" applyAlignment="1">
      <alignment vertical="center"/>
    </xf>
    <xf numFmtId="0" fontId="34" fillId="0" borderId="1" xfId="3" applyFont="1" applyBorder="1" applyAlignment="1">
      <alignment horizontal="left" vertical="center" wrapText="1"/>
    </xf>
    <xf numFmtId="0" fontId="40" fillId="0" borderId="0" xfId="3" applyFont="1" applyAlignment="1">
      <alignment vertical="center"/>
    </xf>
    <xf numFmtId="0" fontId="40" fillId="0" borderId="0" xfId="3" applyFont="1" applyAlignment="1">
      <alignment horizontal="left" vertical="center"/>
    </xf>
    <xf numFmtId="0" fontId="35" fillId="0" borderId="1" xfId="3" applyFont="1" applyBorder="1" applyAlignment="1">
      <alignment horizontal="left" vertical="center" wrapText="1"/>
    </xf>
    <xf numFmtId="0" fontId="10" fillId="0" borderId="1" xfId="5" applyFont="1" applyFill="1" applyBorder="1" applyAlignment="1">
      <alignment horizontal="center" vertical="center" wrapText="1"/>
    </xf>
    <xf numFmtId="0" fontId="10" fillId="0" borderId="1" xfId="5" applyFont="1" applyFill="1" applyBorder="1" applyAlignment="1">
      <alignment horizontal="center" vertical="center"/>
    </xf>
    <xf numFmtId="0" fontId="10" fillId="0" borderId="25" xfId="5" applyFont="1" applyFill="1" applyBorder="1" applyAlignment="1">
      <alignment horizontal="center" vertical="center"/>
    </xf>
    <xf numFmtId="0" fontId="10" fillId="0" borderId="0" xfId="5" applyFont="1" applyAlignment="1">
      <alignment vertical="center"/>
    </xf>
    <xf numFmtId="0" fontId="11" fillId="0" borderId="0" xfId="5" applyFont="1" applyFill="1" applyBorder="1" applyAlignment="1">
      <alignment vertical="top" wrapText="1"/>
    </xf>
    <xf numFmtId="0" fontId="10" fillId="0" borderId="0" xfId="5" applyFont="1" applyFill="1" applyBorder="1" applyAlignment="1">
      <alignment vertical="top" wrapText="1"/>
    </xf>
    <xf numFmtId="0" fontId="11" fillId="0" borderId="0" xfId="5" applyFont="1" applyFill="1" applyBorder="1" applyAlignment="1">
      <alignment horizontal="left" vertical="top" wrapText="1"/>
    </xf>
    <xf numFmtId="0" fontId="11" fillId="0" borderId="0" xfId="5" applyFont="1" applyFill="1" applyBorder="1" applyAlignment="1">
      <alignment horizontal="right" vertical="top" wrapText="1"/>
    </xf>
    <xf numFmtId="0" fontId="10" fillId="0" borderId="0" xfId="5" applyFont="1" applyFill="1" applyBorder="1" applyAlignment="1">
      <alignment horizontal="left" vertical="center" wrapText="1"/>
    </xf>
    <xf numFmtId="0" fontId="10" fillId="0" borderId="0" xfId="5" applyFont="1" applyFill="1" applyBorder="1" applyAlignment="1">
      <alignment horizontal="distributed" vertical="center" wrapText="1"/>
    </xf>
    <xf numFmtId="0" fontId="10" fillId="0" borderId="0" xfId="5" applyFont="1" applyFill="1" applyBorder="1" applyAlignment="1">
      <alignment horizontal="center" vertical="center" textRotation="255"/>
    </xf>
    <xf numFmtId="0" fontId="10" fillId="0" borderId="143" xfId="5" applyFont="1" applyFill="1" applyBorder="1" applyAlignment="1">
      <alignment horizontal="left" vertical="center"/>
    </xf>
    <xf numFmtId="0" fontId="10" fillId="0" borderId="87" xfId="5" applyFont="1" applyFill="1" applyBorder="1" applyAlignment="1">
      <alignment horizontal="left" vertical="center"/>
    </xf>
    <xf numFmtId="0" fontId="10" fillId="0" borderId="87" xfId="5" applyFont="1" applyFill="1" applyBorder="1" applyAlignment="1">
      <alignment vertical="center"/>
    </xf>
    <xf numFmtId="0" fontId="10" fillId="0" borderId="86" xfId="5" applyFont="1" applyFill="1" applyBorder="1" applyAlignment="1">
      <alignment vertical="center"/>
    </xf>
    <xf numFmtId="0" fontId="10" fillId="0" borderId="83" xfId="5" applyFont="1" applyFill="1" applyBorder="1" applyAlignment="1">
      <alignment horizontal="left" vertical="center"/>
    </xf>
    <xf numFmtId="0" fontId="10" fillId="0" borderId="0" xfId="5" applyFont="1" applyFill="1" applyBorder="1" applyAlignment="1">
      <alignment vertical="center"/>
    </xf>
    <xf numFmtId="0" fontId="10" fillId="0" borderId="6" xfId="5" applyFont="1" applyFill="1" applyBorder="1" applyAlignment="1">
      <alignment vertical="center"/>
    </xf>
    <xf numFmtId="0" fontId="11" fillId="0" borderId="15" xfId="5" applyFont="1" applyBorder="1" applyAlignment="1">
      <alignment vertical="center"/>
    </xf>
    <xf numFmtId="0" fontId="10" fillId="0" borderId="13" xfId="5" applyFont="1" applyBorder="1" applyAlignment="1">
      <alignment vertical="center"/>
    </xf>
    <xf numFmtId="0" fontId="10" fillId="0" borderId="1" xfId="5" applyFont="1" applyFill="1" applyBorder="1" applyAlignment="1">
      <alignment vertical="center"/>
    </xf>
    <xf numFmtId="0" fontId="10" fillId="0" borderId="0" xfId="5" applyFont="1" applyFill="1" applyBorder="1" applyAlignment="1">
      <alignment horizontal="left" vertical="center"/>
    </xf>
    <xf numFmtId="0" fontId="11" fillId="0" borderId="15" xfId="5" applyFont="1" applyFill="1" applyBorder="1" applyAlignment="1">
      <alignment horizontal="left" vertical="center"/>
    </xf>
    <xf numFmtId="184" fontId="10" fillId="0" borderId="14" xfId="5" applyNumberFormat="1" applyFont="1" applyFill="1" applyBorder="1" applyAlignment="1">
      <alignment vertical="center"/>
    </xf>
    <xf numFmtId="0" fontId="10" fillId="0" borderId="80" xfId="5" applyFont="1" applyFill="1" applyBorder="1" applyAlignment="1">
      <alignment horizontal="center" vertical="center"/>
    </xf>
    <xf numFmtId="0" fontId="10" fillId="0" borderId="227" xfId="5" applyFont="1" applyBorder="1" applyAlignment="1">
      <alignment horizontal="center" vertical="center"/>
    </xf>
    <xf numFmtId="0" fontId="10" fillId="0" borderId="0" xfId="5" applyFont="1" applyAlignment="1">
      <alignment horizontal="center" vertical="center"/>
    </xf>
    <xf numFmtId="0" fontId="17" fillId="0" borderId="0" xfId="5" applyFont="1" applyAlignment="1">
      <alignment horizontal="right" vertical="center"/>
    </xf>
    <xf numFmtId="0" fontId="37" fillId="0" borderId="0" xfId="5" applyFont="1" applyAlignment="1">
      <alignment vertical="center"/>
    </xf>
    <xf numFmtId="0" fontId="67" fillId="0" borderId="0" xfId="10" applyFont="1" applyAlignment="1">
      <alignment horizontal="left" vertical="center"/>
    </xf>
    <xf numFmtId="0" fontId="67" fillId="0" borderId="0" xfId="10" applyFont="1" applyBorder="1" applyAlignment="1">
      <alignment horizontal="left" vertical="center"/>
    </xf>
    <xf numFmtId="0" fontId="91" fillId="0" borderId="0" xfId="10" applyFont="1" applyAlignment="1">
      <alignment horizontal="left" vertical="center"/>
    </xf>
    <xf numFmtId="0" fontId="91" fillId="0" borderId="0" xfId="10" applyFont="1" applyBorder="1" applyAlignment="1">
      <alignment horizontal="left" vertical="center"/>
    </xf>
    <xf numFmtId="0" fontId="91" fillId="0" borderId="0" xfId="10" applyFont="1" applyAlignment="1">
      <alignment vertical="center"/>
    </xf>
    <xf numFmtId="0" fontId="92" fillId="0" borderId="0" xfId="10" applyFont="1">
      <alignment vertical="center"/>
    </xf>
    <xf numFmtId="0" fontId="94" fillId="0" borderId="0" xfId="10" applyFont="1">
      <alignment vertical="center"/>
    </xf>
    <xf numFmtId="0" fontId="94" fillId="0" borderId="0" xfId="10" applyFont="1" applyAlignment="1">
      <alignment horizontal="right" vertical="center"/>
    </xf>
    <xf numFmtId="0" fontId="92" fillId="0" borderId="0" xfId="10" applyFont="1" applyAlignment="1">
      <alignment horizontal="center" vertical="center"/>
    </xf>
    <xf numFmtId="0" fontId="94" fillId="0" borderId="13" xfId="10" applyFont="1" applyBorder="1" applyAlignment="1">
      <alignment vertical="center"/>
    </xf>
    <xf numFmtId="0" fontId="96" fillId="0" borderId="1" xfId="10" applyFont="1" applyBorder="1" applyAlignment="1">
      <alignment horizontal="center" vertical="center" wrapText="1"/>
    </xf>
    <xf numFmtId="0" fontId="94" fillId="0" borderId="1" xfId="10" applyFont="1" applyBorder="1" applyAlignment="1">
      <alignment vertical="center" wrapText="1"/>
    </xf>
    <xf numFmtId="0" fontId="94" fillId="0" borderId="0" xfId="10" applyFont="1" applyBorder="1">
      <alignment vertical="center"/>
    </xf>
    <xf numFmtId="0" fontId="97" fillId="0" borderId="0" xfId="10" applyFont="1">
      <alignment vertical="center"/>
    </xf>
    <xf numFmtId="0" fontId="94" fillId="0" borderId="13" xfId="10" applyFont="1" applyBorder="1" applyAlignment="1">
      <alignment horizontal="left" vertical="center"/>
    </xf>
    <xf numFmtId="0" fontId="94" fillId="0" borderId="13" xfId="10" applyFont="1" applyBorder="1" applyAlignment="1">
      <alignment horizontal="left" vertical="center" wrapText="1"/>
    </xf>
    <xf numFmtId="0" fontId="94" fillId="0" borderId="1" xfId="10" applyFont="1" applyBorder="1">
      <alignment vertical="center"/>
    </xf>
    <xf numFmtId="0" fontId="91" fillId="0" borderId="0" xfId="10" applyFont="1" applyBorder="1" applyAlignment="1">
      <alignment horizontal="center" vertical="center"/>
    </xf>
    <xf numFmtId="0" fontId="91" fillId="0" borderId="0" xfId="10" applyFont="1">
      <alignment vertical="center"/>
    </xf>
    <xf numFmtId="0" fontId="58" fillId="0" borderId="0" xfId="10" applyFont="1" applyBorder="1" applyAlignment="1">
      <alignment horizontal="left" vertical="center"/>
    </xf>
    <xf numFmtId="0" fontId="58" fillId="0" borderId="0" xfId="10" applyFont="1" applyAlignment="1">
      <alignment horizontal="left" vertical="center"/>
    </xf>
    <xf numFmtId="0" fontId="94" fillId="0" borderId="0" xfId="10" applyFont="1" applyBorder="1" applyAlignment="1">
      <alignment vertical="center" wrapText="1"/>
    </xf>
    <xf numFmtId="0" fontId="94" fillId="0" borderId="1" xfId="10" applyFont="1" applyBorder="1" applyAlignment="1">
      <alignment horizontal="center" vertical="center"/>
    </xf>
    <xf numFmtId="0" fontId="94" fillId="0" borderId="8" xfId="10" applyFont="1" applyBorder="1" applyAlignment="1">
      <alignment horizontal="center" vertical="center"/>
    </xf>
    <xf numFmtId="0" fontId="94" fillId="0" borderId="4" xfId="10" applyFont="1" applyBorder="1" applyAlignment="1">
      <alignment horizontal="center" vertical="center"/>
    </xf>
    <xf numFmtId="0" fontId="94" fillId="0" borderId="12" xfId="10" applyFont="1" applyBorder="1" applyAlignment="1">
      <alignment vertical="center"/>
    </xf>
    <xf numFmtId="0" fontId="94" fillId="0" borderId="13" xfId="10" applyFont="1" applyBorder="1" applyAlignment="1">
      <alignment horizontal="left" vertical="center" wrapText="1"/>
    </xf>
    <xf numFmtId="0" fontId="94" fillId="0" borderId="1" xfId="10" applyFont="1" applyBorder="1" applyAlignment="1">
      <alignment horizontal="center" vertical="center" wrapText="1"/>
    </xf>
    <xf numFmtId="0" fontId="91" fillId="0" borderId="13" xfId="10" applyFont="1" applyBorder="1" applyAlignment="1">
      <alignment horizontal="center" vertical="center"/>
    </xf>
    <xf numFmtId="0" fontId="91" fillId="0" borderId="14" xfId="10" applyFont="1" applyBorder="1" applyAlignment="1">
      <alignment horizontal="center" vertical="center"/>
    </xf>
    <xf numFmtId="0" fontId="97" fillId="0" borderId="0" xfId="10" applyFont="1" applyAlignment="1">
      <alignment horizontal="right" vertical="center"/>
    </xf>
    <xf numFmtId="0" fontId="92" fillId="0" borderId="0" xfId="10" applyFont="1" applyBorder="1" applyAlignment="1">
      <alignment horizontal="center" vertical="center"/>
    </xf>
    <xf numFmtId="0" fontId="97" fillId="0" borderId="12" xfId="13" applyFont="1" applyBorder="1">
      <alignment vertical="center"/>
    </xf>
    <xf numFmtId="0" fontId="97" fillId="0" borderId="1" xfId="10" applyFont="1" applyBorder="1" applyAlignment="1">
      <alignment horizontal="center" vertical="center"/>
    </xf>
    <xf numFmtId="0" fontId="97" fillId="0" borderId="15" xfId="10" applyFont="1" applyBorder="1" applyAlignment="1">
      <alignment horizontal="center" vertical="center" wrapText="1"/>
    </xf>
    <xf numFmtId="0" fontId="96" fillId="0" borderId="0" xfId="10" applyFont="1" applyAlignment="1">
      <alignment vertical="center"/>
    </xf>
    <xf numFmtId="0" fontId="57" fillId="3" borderId="0" xfId="6" applyFont="1" applyFill="1" applyAlignment="1">
      <alignment horizontal="left" vertical="center"/>
    </xf>
    <xf numFmtId="0" fontId="94" fillId="0" borderId="1" xfId="10" applyFont="1" applyBorder="1" applyAlignment="1">
      <alignment horizontal="left" vertical="center"/>
    </xf>
    <xf numFmtId="0" fontId="97" fillId="0" borderId="6" xfId="10" applyFont="1" applyBorder="1">
      <alignment vertical="center"/>
    </xf>
    <xf numFmtId="0" fontId="97" fillId="0" borderId="0" xfId="10" applyFont="1" applyBorder="1">
      <alignment vertical="center"/>
    </xf>
    <xf numFmtId="0" fontId="94" fillId="0" borderId="6" xfId="10" applyFont="1" applyBorder="1" applyAlignment="1">
      <alignment vertical="center" wrapText="1"/>
    </xf>
    <xf numFmtId="0" fontId="94" fillId="0" borderId="0" xfId="10" applyFont="1" applyBorder="1" applyAlignment="1">
      <alignment horizontal="center" vertical="center"/>
    </xf>
    <xf numFmtId="0" fontId="94" fillId="0" borderId="3" xfId="10" applyFont="1" applyBorder="1">
      <alignment vertical="center"/>
    </xf>
    <xf numFmtId="0" fontId="94" fillId="0" borderId="1" xfId="10" applyFont="1" applyBorder="1" applyAlignment="1">
      <alignment horizontal="right" vertical="center"/>
    </xf>
    <xf numFmtId="0" fontId="94" fillId="0" borderId="12" xfId="10" applyFont="1" applyBorder="1" applyAlignment="1">
      <alignment horizontal="right" vertical="center"/>
    </xf>
    <xf numFmtId="0" fontId="94" fillId="0" borderId="13" xfId="10" applyFont="1" applyBorder="1" applyAlignment="1">
      <alignment horizontal="right" vertical="center"/>
    </xf>
    <xf numFmtId="0" fontId="94" fillId="0" borderId="55" xfId="10" applyFont="1" applyBorder="1" applyAlignment="1">
      <alignment horizontal="right" vertical="center"/>
    </xf>
    <xf numFmtId="0" fontId="94" fillId="0" borderId="0" xfId="10" applyFont="1" applyBorder="1" applyAlignment="1">
      <alignment horizontal="center" vertical="center" wrapText="1"/>
    </xf>
    <xf numFmtId="0" fontId="94" fillId="0" borderId="0" xfId="10" applyFont="1" applyBorder="1" applyAlignment="1">
      <alignment horizontal="right" vertical="center"/>
    </xf>
    <xf numFmtId="0" fontId="94" fillId="0" borderId="0" xfId="10" applyFont="1" applyBorder="1" applyAlignment="1">
      <alignment horizontal="center" wrapText="1"/>
    </xf>
    <xf numFmtId="0" fontId="94" fillId="0" borderId="2" xfId="10" applyFont="1" applyBorder="1" applyAlignment="1">
      <alignment vertical="center" wrapText="1"/>
    </xf>
    <xf numFmtId="0" fontId="94" fillId="0" borderId="8" xfId="10" applyFont="1" applyBorder="1" applyAlignment="1">
      <alignment vertical="center" wrapText="1"/>
    </xf>
    <xf numFmtId="0" fontId="94" fillId="0" borderId="8" xfId="10" applyFont="1" applyBorder="1">
      <alignment vertical="center"/>
    </xf>
    <xf numFmtId="0" fontId="94" fillId="0" borderId="9" xfId="10" applyFont="1" applyBorder="1">
      <alignment vertical="center"/>
    </xf>
    <xf numFmtId="0" fontId="94" fillId="0" borderId="7" xfId="10" applyFont="1" applyBorder="1" applyAlignment="1">
      <alignment vertical="center" wrapText="1"/>
    </xf>
    <xf numFmtId="0" fontId="94" fillId="0" borderId="4" xfId="10" applyFont="1" applyBorder="1" applyAlignment="1">
      <alignment vertical="center" wrapText="1"/>
    </xf>
    <xf numFmtId="0" fontId="94" fillId="0" borderId="4" xfId="10" applyFont="1" applyBorder="1">
      <alignment vertical="center"/>
    </xf>
    <xf numFmtId="0" fontId="94" fillId="0" borderId="5" xfId="10" applyFont="1" applyBorder="1">
      <alignment vertical="center"/>
    </xf>
    <xf numFmtId="0" fontId="96" fillId="0" borderId="0" xfId="10" applyFont="1">
      <alignment vertical="center"/>
    </xf>
    <xf numFmtId="0" fontId="102" fillId="0" borderId="6" xfId="10" applyFont="1" applyBorder="1" applyAlignment="1">
      <alignment horizontal="left" vertical="center"/>
    </xf>
    <xf numFmtId="0" fontId="102" fillId="0" borderId="0" xfId="10" applyFont="1" applyBorder="1" applyAlignment="1">
      <alignment horizontal="left" vertical="center"/>
    </xf>
    <xf numFmtId="0" fontId="102" fillId="0" borderId="0" xfId="10" applyFont="1" applyAlignment="1">
      <alignment horizontal="left" vertical="center"/>
    </xf>
    <xf numFmtId="0" fontId="102" fillId="0" borderId="0" xfId="10" applyFont="1" applyBorder="1" applyAlignment="1">
      <alignment vertical="center"/>
    </xf>
    <xf numFmtId="0" fontId="102" fillId="0" borderId="0" xfId="10" applyFont="1" applyAlignment="1">
      <alignment vertical="center"/>
    </xf>
    <xf numFmtId="0" fontId="102" fillId="0" borderId="8" xfId="10" applyFont="1" applyBorder="1" applyAlignment="1">
      <alignment horizontal="center" vertical="center"/>
    </xf>
    <xf numFmtId="0" fontId="103" fillId="0" borderId="8" xfId="10" applyFont="1" applyBorder="1" applyAlignment="1">
      <alignment horizontal="left" vertical="center"/>
    </xf>
    <xf numFmtId="0" fontId="102" fillId="0" borderId="2" xfId="10" applyFont="1" applyBorder="1" applyAlignment="1">
      <alignment horizontal="left" vertical="center"/>
    </xf>
    <xf numFmtId="0" fontId="102" fillId="0" borderId="8" xfId="10" applyFont="1" applyBorder="1" applyAlignment="1">
      <alignment horizontal="left" vertical="center"/>
    </xf>
    <xf numFmtId="0" fontId="102" fillId="0" borderId="13" xfId="10" applyFont="1" applyBorder="1" applyAlignment="1">
      <alignment horizontal="left" vertical="center"/>
    </xf>
    <xf numFmtId="0" fontId="102" fillId="0" borderId="14" xfId="10" applyFont="1" applyBorder="1" applyAlignment="1">
      <alignment horizontal="left" vertical="center"/>
    </xf>
    <xf numFmtId="0" fontId="102" fillId="0" borderId="15" xfId="10" applyFont="1" applyBorder="1" applyAlignment="1">
      <alignment horizontal="center" vertical="center"/>
    </xf>
    <xf numFmtId="0" fontId="105" fillId="0" borderId="0" xfId="10" applyFont="1" applyBorder="1" applyAlignment="1">
      <alignment horizontal="left" vertical="center"/>
    </xf>
    <xf numFmtId="0" fontId="102" fillId="0" borderId="186" xfId="10" applyFont="1" applyBorder="1" applyAlignment="1">
      <alignment horizontal="left" vertical="center"/>
    </xf>
    <xf numFmtId="0" fontId="102" fillId="0" borderId="191" xfId="10" applyFont="1" applyBorder="1" applyAlignment="1">
      <alignment horizontal="left" vertical="center"/>
    </xf>
    <xf numFmtId="0" fontId="102" fillId="0" borderId="190" xfId="10" applyFont="1" applyBorder="1" applyAlignment="1">
      <alignment horizontal="left" vertical="center"/>
    </xf>
    <xf numFmtId="0" fontId="102" fillId="0" borderId="7" xfId="10" applyFont="1" applyBorder="1" applyAlignment="1">
      <alignment horizontal="left" vertical="center"/>
    </xf>
    <xf numFmtId="0" fontId="102" fillId="0" borderId="4" xfId="10" applyFont="1" applyBorder="1" applyAlignment="1">
      <alignment horizontal="left" vertical="center"/>
    </xf>
    <xf numFmtId="0" fontId="102" fillId="0" borderId="9" xfId="10" applyFont="1" applyBorder="1" applyAlignment="1">
      <alignment horizontal="left" vertical="center"/>
    </xf>
    <xf numFmtId="0" fontId="102" fillId="0" borderId="5" xfId="10" applyFont="1" applyBorder="1" applyAlignment="1">
      <alignment horizontal="left" vertical="center"/>
    </xf>
    <xf numFmtId="0" fontId="102" fillId="0" borderId="3" xfId="10" applyFont="1" applyBorder="1" applyAlignment="1">
      <alignment horizontal="left" vertical="center"/>
    </xf>
    <xf numFmtId="0" fontId="102" fillId="0" borderId="0" xfId="10" applyFont="1" applyBorder="1" applyAlignment="1">
      <alignment horizontal="center" vertical="center"/>
    </xf>
    <xf numFmtId="0" fontId="102" fillId="0" borderId="0" xfId="10" applyFont="1" applyBorder="1" applyAlignment="1">
      <alignment vertical="top"/>
    </xf>
    <xf numFmtId="0" fontId="106" fillId="0" borderId="4" xfId="10" applyFont="1" applyBorder="1" applyAlignment="1">
      <alignment horizontal="left" vertical="center"/>
    </xf>
    <xf numFmtId="0" fontId="108" fillId="3" borderId="0" xfId="10" applyFont="1" applyFill="1" applyBorder="1" applyAlignment="1">
      <alignment horizontal="left" vertical="center"/>
    </xf>
    <xf numFmtId="0" fontId="102" fillId="3" borderId="0" xfId="10" applyFont="1" applyFill="1" applyBorder="1" applyAlignment="1">
      <alignment horizontal="left" vertical="center"/>
    </xf>
    <xf numFmtId="0" fontId="91" fillId="0" borderId="3" xfId="10" applyFont="1" applyBorder="1" applyAlignment="1">
      <alignment horizontal="left" vertical="center"/>
    </xf>
    <xf numFmtId="0" fontId="91" fillId="0" borderId="0" xfId="10" applyFont="1" applyAlignment="1">
      <alignment vertical="top"/>
    </xf>
    <xf numFmtId="0" fontId="111" fillId="0" borderId="14" xfId="10" applyFont="1" applyBorder="1">
      <alignment vertical="center"/>
    </xf>
    <xf numFmtId="0" fontId="111" fillId="0" borderId="15" xfId="10" applyFont="1" applyBorder="1">
      <alignment vertical="center"/>
    </xf>
    <xf numFmtId="0" fontId="91" fillId="0" borderId="2" xfId="10" applyFont="1" applyBorder="1" applyAlignment="1">
      <alignment horizontal="left" vertical="center"/>
    </xf>
    <xf numFmtId="0" fontId="91" fillId="0" borderId="8" xfId="10" applyFont="1" applyBorder="1" applyAlignment="1">
      <alignment horizontal="left" vertical="center"/>
    </xf>
    <xf numFmtId="0" fontId="91" fillId="0" borderId="9" xfId="10" applyFont="1" applyBorder="1" applyAlignment="1">
      <alignment horizontal="left" vertical="center"/>
    </xf>
    <xf numFmtId="0" fontId="91" fillId="0" borderId="6" xfId="10" applyFont="1" applyBorder="1" applyAlignment="1">
      <alignment horizontal="left" vertical="center"/>
    </xf>
    <xf numFmtId="0" fontId="91" fillId="0" borderId="7" xfId="10" applyFont="1" applyBorder="1" applyAlignment="1">
      <alignment horizontal="left" vertical="center"/>
    </xf>
    <xf numFmtId="0" fontId="91" fillId="0" borderId="4" xfId="10" applyFont="1" applyBorder="1" applyAlignment="1">
      <alignment horizontal="left" vertical="center"/>
    </xf>
    <xf numFmtId="0" fontId="91" fillId="0" borderId="5" xfId="10" applyFont="1" applyBorder="1" applyAlignment="1">
      <alignment horizontal="left" vertical="center"/>
    </xf>
    <xf numFmtId="0" fontId="91" fillId="0" borderId="0" xfId="10" applyFont="1" applyAlignment="1">
      <alignment horizontal="center" vertical="center"/>
    </xf>
    <xf numFmtId="0" fontId="91" fillId="3" borderId="0" xfId="10" applyFont="1" applyFill="1" applyAlignment="1">
      <alignment horizontal="left" vertical="center"/>
    </xf>
    <xf numFmtId="0" fontId="113" fillId="0" borderId="0" xfId="5" applyFont="1" applyFill="1">
      <alignment vertical="center"/>
    </xf>
    <xf numFmtId="0" fontId="114" fillId="0" borderId="0" xfId="5" applyFont="1" applyFill="1">
      <alignment vertical="center"/>
    </xf>
    <xf numFmtId="0" fontId="117" fillId="0" borderId="0" xfId="2" applyFont="1" applyFill="1" applyBorder="1" applyAlignment="1">
      <alignment horizontal="center" vertical="center"/>
    </xf>
    <xf numFmtId="0" fontId="118" fillId="0" borderId="0" xfId="2" applyFont="1" applyFill="1">
      <alignment vertical="center"/>
    </xf>
    <xf numFmtId="187" fontId="114" fillId="0" borderId="236" xfId="5" applyNumberFormat="1" applyFont="1" applyFill="1" applyBorder="1" applyAlignment="1">
      <alignment vertical="center"/>
    </xf>
    <xf numFmtId="187" fontId="114" fillId="0" borderId="237" xfId="5" applyNumberFormat="1" applyFont="1" applyFill="1" applyBorder="1" applyAlignment="1">
      <alignment vertical="center"/>
    </xf>
    <xf numFmtId="188" fontId="114" fillId="0" borderId="0" xfId="5" applyNumberFormat="1" applyFont="1" applyFill="1">
      <alignment vertical="center"/>
    </xf>
    <xf numFmtId="0" fontId="114" fillId="0" borderId="235" xfId="5" applyFont="1" applyFill="1" applyBorder="1" applyAlignment="1">
      <alignment vertical="center"/>
    </xf>
    <xf numFmtId="176" fontId="114" fillId="0" borderId="241" xfId="5" applyNumberFormat="1" applyFont="1" applyFill="1" applyBorder="1" applyAlignment="1">
      <alignment vertical="center"/>
    </xf>
    <xf numFmtId="176" fontId="114" fillId="0" borderId="245" xfId="5" applyNumberFormat="1" applyFont="1" applyFill="1" applyBorder="1" applyAlignment="1">
      <alignment vertical="center"/>
    </xf>
    <xf numFmtId="0" fontId="114" fillId="0" borderId="234" xfId="5" applyFont="1" applyFill="1" applyBorder="1" applyAlignment="1">
      <alignment vertical="center" shrinkToFit="1"/>
    </xf>
    <xf numFmtId="0" fontId="114" fillId="0" borderId="0" xfId="5" applyFont="1" applyFill="1" applyBorder="1" applyAlignment="1">
      <alignment vertical="center" shrinkToFit="1"/>
    </xf>
    <xf numFmtId="0" fontId="114" fillId="0" borderId="0" xfId="5" applyFont="1" applyFill="1" applyBorder="1" applyAlignment="1">
      <alignment horizontal="center" vertical="center"/>
    </xf>
    <xf numFmtId="177" fontId="114" fillId="0" borderId="248" xfId="5" applyNumberFormat="1" applyFont="1" applyFill="1" applyBorder="1" applyAlignment="1">
      <alignment vertical="center"/>
    </xf>
    <xf numFmtId="177" fontId="114" fillId="0" borderId="249" xfId="5" applyNumberFormat="1" applyFont="1" applyFill="1" applyBorder="1" applyAlignment="1">
      <alignment vertical="center"/>
    </xf>
    <xf numFmtId="177" fontId="114" fillId="0" borderId="245" xfId="5" applyNumberFormat="1" applyFont="1" applyFill="1" applyBorder="1" applyAlignment="1">
      <alignment vertical="center"/>
    </xf>
    <xf numFmtId="177" fontId="114" fillId="0" borderId="250" xfId="5" applyNumberFormat="1" applyFont="1" applyFill="1" applyBorder="1" applyAlignment="1">
      <alignment vertical="center"/>
    </xf>
    <xf numFmtId="0" fontId="122" fillId="0" borderId="0" xfId="5" applyFont="1" applyFill="1" applyBorder="1" applyAlignment="1">
      <alignment vertical="center" wrapText="1"/>
    </xf>
    <xf numFmtId="0" fontId="122" fillId="0" borderId="0" xfId="5" applyFont="1" applyFill="1">
      <alignment vertical="center"/>
    </xf>
    <xf numFmtId="0" fontId="122" fillId="0" borderId="0" xfId="5" applyFont="1" applyFill="1" applyAlignment="1">
      <alignment horizontal="right" vertical="center"/>
    </xf>
    <xf numFmtId="0" fontId="23" fillId="0" borderId="0" xfId="2" applyFont="1" applyFill="1">
      <alignment vertical="center"/>
    </xf>
    <xf numFmtId="188" fontId="113" fillId="0" borderId="0" xfId="5" applyNumberFormat="1" applyFont="1" applyFill="1">
      <alignment vertical="center"/>
    </xf>
    <xf numFmtId="0" fontId="123" fillId="0" borderId="0" xfId="5" applyFont="1" applyFill="1" applyBorder="1" applyAlignment="1">
      <alignment vertical="center" wrapText="1"/>
    </xf>
    <xf numFmtId="0" fontId="123" fillId="0" borderId="0" xfId="5" applyFont="1" applyFill="1">
      <alignment vertical="center"/>
    </xf>
    <xf numFmtId="0" fontId="123" fillId="0" borderId="0" xfId="5" applyFont="1" applyFill="1" applyAlignment="1">
      <alignment horizontal="right" vertical="center"/>
    </xf>
    <xf numFmtId="0" fontId="113" fillId="3" borderId="0" xfId="5" applyFont="1" applyFill="1">
      <alignment vertical="center"/>
    </xf>
    <xf numFmtId="0" fontId="91" fillId="0" borderId="7" xfId="10" applyFont="1" applyBorder="1">
      <alignment vertical="center"/>
    </xf>
    <xf numFmtId="0" fontId="91" fillId="0" borderId="4" xfId="10" applyFont="1" applyBorder="1">
      <alignment vertical="center"/>
    </xf>
    <xf numFmtId="0" fontId="91" fillId="0" borderId="5" xfId="10" applyFont="1" applyBorder="1">
      <alignment vertical="center"/>
    </xf>
    <xf numFmtId="0" fontId="124" fillId="0" borderId="0" xfId="10" applyFont="1">
      <alignment vertical="center"/>
    </xf>
    <xf numFmtId="0" fontId="124" fillId="0" borderId="3" xfId="10" applyFont="1" applyBorder="1">
      <alignment vertical="center"/>
    </xf>
    <xf numFmtId="0" fontId="124" fillId="0" borderId="7" xfId="10" applyFont="1" applyBorder="1" applyAlignment="1">
      <alignment horizontal="center" vertical="center"/>
    </xf>
    <xf numFmtId="0" fontId="124" fillId="0" borderId="4" xfId="10" applyFont="1" applyBorder="1">
      <alignment vertical="center"/>
    </xf>
    <xf numFmtId="0" fontId="124" fillId="0" borderId="4" xfId="10" applyFont="1" applyBorder="1" applyAlignment="1">
      <alignment horizontal="center" vertical="center"/>
    </xf>
    <xf numFmtId="0" fontId="124" fillId="0" borderId="5" xfId="10" applyFont="1" applyBorder="1" applyAlignment="1">
      <alignment horizontal="center" vertical="center"/>
    </xf>
    <xf numFmtId="0" fontId="94" fillId="0" borderId="47" xfId="10" applyFont="1" applyBorder="1">
      <alignment vertical="center"/>
    </xf>
    <xf numFmtId="0" fontId="94" fillId="0" borderId="48" xfId="10" applyFont="1" applyBorder="1">
      <alignment vertical="center"/>
    </xf>
    <xf numFmtId="0" fontId="93" fillId="0" borderId="6" xfId="10" applyFont="1" applyBorder="1" applyAlignment="1">
      <alignment vertical="center"/>
    </xf>
    <xf numFmtId="0" fontId="93" fillId="0" borderId="1" xfId="10" applyFont="1" applyBorder="1" applyAlignment="1">
      <alignment vertical="center"/>
    </xf>
    <xf numFmtId="0" fontId="94" fillId="0" borderId="1" xfId="10" applyFont="1" applyBorder="1" applyAlignment="1">
      <alignment horizontal="right" vertical="center" indent="1"/>
    </xf>
    <xf numFmtId="0" fontId="97" fillId="0" borderId="12" xfId="10" applyFont="1" applyBorder="1" applyAlignment="1">
      <alignment vertical="center"/>
    </xf>
    <xf numFmtId="0" fontId="97" fillId="0" borderId="13" xfId="10" applyFont="1" applyBorder="1" applyAlignment="1">
      <alignment vertical="center" wrapText="1"/>
    </xf>
    <xf numFmtId="0" fontId="94" fillId="0" borderId="13" xfId="10" applyFont="1" applyBorder="1" applyAlignment="1">
      <alignment vertical="center" wrapText="1"/>
    </xf>
    <xf numFmtId="0" fontId="98" fillId="0" borderId="0" xfId="10" applyFont="1">
      <alignment vertical="center"/>
    </xf>
    <xf numFmtId="0" fontId="126" fillId="0" borderId="0" xfId="10" applyFont="1">
      <alignment vertical="center"/>
    </xf>
    <xf numFmtId="0" fontId="127" fillId="0" borderId="0" xfId="5" applyFont="1">
      <alignment vertical="center"/>
    </xf>
    <xf numFmtId="0" fontId="97" fillId="0" borderId="0" xfId="5" applyFont="1">
      <alignment vertical="center"/>
    </xf>
    <xf numFmtId="0" fontId="127" fillId="0" borderId="0" xfId="5" applyFont="1" applyAlignment="1">
      <alignment horizontal="center" vertical="center" shrinkToFit="1"/>
    </xf>
    <xf numFmtId="0" fontId="127" fillId="0" borderId="0" xfId="5" applyFont="1" applyAlignment="1">
      <alignment horizontal="center" vertical="center"/>
    </xf>
    <xf numFmtId="0" fontId="127" fillId="0" borderId="0" xfId="5" applyFont="1" applyAlignment="1">
      <alignment horizontal="distributed" vertical="center" indent="1"/>
    </xf>
    <xf numFmtId="0" fontId="98" fillId="3" borderId="0" xfId="10" applyFont="1" applyFill="1">
      <alignment vertical="center"/>
    </xf>
    <xf numFmtId="0" fontId="37" fillId="3" borderId="0" xfId="5" applyFont="1" applyFill="1">
      <alignment vertical="center"/>
    </xf>
    <xf numFmtId="0" fontId="130" fillId="0" borderId="0" xfId="2" applyFont="1" applyAlignment="1">
      <alignment horizontal="center" vertical="center"/>
    </xf>
    <xf numFmtId="0" fontId="94" fillId="0" borderId="1" xfId="2" applyFont="1" applyBorder="1" applyAlignment="1">
      <alignment vertical="center"/>
    </xf>
    <xf numFmtId="0" fontId="130" fillId="0" borderId="0" xfId="2" applyFont="1">
      <alignment vertical="center"/>
    </xf>
    <xf numFmtId="0" fontId="130" fillId="0" borderId="13" xfId="2" applyFont="1" applyBorder="1" applyAlignment="1">
      <alignment horizontal="center" vertical="center"/>
    </xf>
    <xf numFmtId="0" fontId="130" fillId="0" borderId="180" xfId="2" applyFont="1" applyBorder="1">
      <alignment vertical="center"/>
    </xf>
    <xf numFmtId="0" fontId="130" fillId="0" borderId="179" xfId="2" applyFont="1" applyBorder="1">
      <alignment vertical="center"/>
    </xf>
    <xf numFmtId="0" fontId="130" fillId="0" borderId="252" xfId="2" applyFont="1" applyBorder="1">
      <alignment vertical="center"/>
    </xf>
    <xf numFmtId="0" fontId="130" fillId="0" borderId="151" xfId="2" applyFont="1" applyBorder="1">
      <alignment vertical="center"/>
    </xf>
    <xf numFmtId="0" fontId="130" fillId="0" borderId="7" xfId="2" applyFont="1" applyBorder="1" applyAlignment="1">
      <alignment horizontal="center" vertical="center"/>
    </xf>
    <xf numFmtId="0" fontId="130" fillId="0" borderId="253" xfId="2" applyFont="1" applyBorder="1">
      <alignment vertical="center"/>
    </xf>
    <xf numFmtId="0" fontId="130" fillId="0" borderId="254" xfId="2" applyFont="1" applyBorder="1">
      <alignment vertical="center"/>
    </xf>
    <xf numFmtId="0" fontId="130" fillId="0" borderId="0" xfId="2" applyFont="1" applyAlignment="1">
      <alignment horizontal="left" vertical="center" wrapText="1"/>
    </xf>
    <xf numFmtId="0" fontId="96" fillId="0" borderId="1" xfId="2" applyFont="1" applyBorder="1" applyAlignment="1">
      <alignment horizontal="center" vertical="center" wrapText="1"/>
    </xf>
    <xf numFmtId="0" fontId="130" fillId="0" borderId="13" xfId="2" applyFont="1" applyBorder="1">
      <alignment vertical="center"/>
    </xf>
    <xf numFmtId="0" fontId="130" fillId="0" borderId="15" xfId="2" applyFont="1" applyBorder="1">
      <alignment vertical="center"/>
    </xf>
    <xf numFmtId="0" fontId="96" fillId="0" borderId="11" xfId="2" applyFont="1" applyBorder="1" applyAlignment="1">
      <alignment horizontal="center" vertical="center" wrapText="1"/>
    </xf>
    <xf numFmtId="0" fontId="130" fillId="0" borderId="0" xfId="2" applyFont="1" applyAlignment="1">
      <alignment vertical="center" textRotation="255" wrapText="1"/>
    </xf>
    <xf numFmtId="0" fontId="94" fillId="0" borderId="0" xfId="2" applyFont="1">
      <alignment vertical="center"/>
    </xf>
    <xf numFmtId="0" fontId="21" fillId="0" borderId="0" xfId="5" applyFont="1">
      <alignment vertical="center"/>
    </xf>
    <xf numFmtId="0" fontId="96" fillId="0" borderId="0" xfId="5" applyFont="1">
      <alignment vertical="center"/>
    </xf>
    <xf numFmtId="0" fontId="96" fillId="0" borderId="0" xfId="5" applyFont="1" applyAlignment="1">
      <alignment horizontal="right" vertical="center"/>
    </xf>
    <xf numFmtId="0" fontId="21" fillId="0" borderId="0" xfId="5" applyFont="1" applyAlignment="1">
      <alignment horizontal="center" vertical="center"/>
    </xf>
    <xf numFmtId="0" fontId="96" fillId="0" borderId="0" xfId="5" applyFont="1" applyBorder="1" applyAlignment="1">
      <alignment horizontal="distributed" vertical="center"/>
    </xf>
    <xf numFmtId="0" fontId="96" fillId="0" borderId="0" xfId="5" applyFont="1" applyBorder="1" applyAlignment="1">
      <alignment horizontal="center" vertical="center"/>
    </xf>
    <xf numFmtId="0" fontId="96" fillId="0" borderId="0" xfId="5" applyFont="1" applyFill="1" applyBorder="1" applyAlignment="1">
      <alignment horizontal="left" vertical="center" indent="1" shrinkToFit="1"/>
    </xf>
    <xf numFmtId="0" fontId="21" fillId="0" borderId="0" xfId="5" applyFont="1" applyAlignment="1">
      <alignment horizontal="distributed" vertical="center" indent="9"/>
    </xf>
    <xf numFmtId="0" fontId="94" fillId="0" borderId="13" xfId="5" applyFont="1" applyFill="1" applyBorder="1" applyAlignment="1">
      <alignment horizontal="distributed" vertical="center" indent="2"/>
    </xf>
    <xf numFmtId="0" fontId="94" fillId="0" borderId="14" xfId="5" applyFont="1" applyFill="1" applyBorder="1" applyAlignment="1">
      <alignment vertical="center"/>
    </xf>
    <xf numFmtId="0" fontId="94" fillId="0" borderId="15" xfId="5" applyFont="1" applyFill="1" applyBorder="1" applyAlignment="1">
      <alignment horizontal="distributed" vertical="center" indent="2"/>
    </xf>
    <xf numFmtId="0" fontId="94" fillId="0" borderId="13" xfId="5" applyFont="1" applyFill="1" applyBorder="1" applyAlignment="1">
      <alignment horizontal="center" vertical="center"/>
    </xf>
    <xf numFmtId="0" fontId="94" fillId="0" borderId="14" xfId="5" applyFont="1" applyFill="1" applyBorder="1" applyAlignment="1">
      <alignment vertical="center" wrapText="1"/>
    </xf>
    <xf numFmtId="0" fontId="94" fillId="0" borderId="2" xfId="5" applyFont="1" applyFill="1" applyBorder="1" applyAlignment="1">
      <alignment horizontal="distributed" vertical="center" indent="2"/>
    </xf>
    <xf numFmtId="0" fontId="94" fillId="0" borderId="8" xfId="5" applyFont="1" applyFill="1" applyBorder="1" applyAlignment="1">
      <alignment vertical="center"/>
    </xf>
    <xf numFmtId="0" fontId="94" fillId="0" borderId="9" xfId="5" applyFont="1" applyFill="1" applyBorder="1" applyAlignment="1">
      <alignment horizontal="distributed" vertical="center" indent="2"/>
    </xf>
    <xf numFmtId="0" fontId="94" fillId="0" borderId="2" xfId="5" applyFont="1" applyFill="1" applyBorder="1" applyAlignment="1">
      <alignment horizontal="center" vertical="center"/>
    </xf>
    <xf numFmtId="0" fontId="94" fillId="0" borderId="8" xfId="5" applyFont="1" applyFill="1" applyBorder="1" applyAlignment="1">
      <alignment vertical="center" wrapText="1"/>
    </xf>
    <xf numFmtId="0" fontId="133" fillId="0" borderId="13" xfId="5" applyFont="1" applyFill="1" applyBorder="1" applyAlignment="1">
      <alignment vertical="center" wrapText="1"/>
    </xf>
    <xf numFmtId="0" fontId="133" fillId="0" borderId="14" xfId="5" applyFont="1" applyFill="1" applyBorder="1" applyAlignment="1">
      <alignment vertical="center" wrapText="1"/>
    </xf>
    <xf numFmtId="0" fontId="133" fillId="0" borderId="15" xfId="5" applyFont="1" applyFill="1" applyBorder="1" applyAlignment="1">
      <alignment vertical="center" wrapText="1"/>
    </xf>
    <xf numFmtId="0" fontId="29" fillId="0" borderId="0" xfId="5" applyFont="1" applyAlignment="1">
      <alignment vertical="center"/>
    </xf>
    <xf numFmtId="0" fontId="20" fillId="3" borderId="0" xfId="5" applyFont="1" applyFill="1" applyAlignment="1">
      <alignment vertical="center"/>
    </xf>
    <xf numFmtId="0" fontId="29" fillId="3" borderId="0" xfId="5" applyFont="1" applyFill="1" applyAlignment="1">
      <alignment vertical="center"/>
    </xf>
    <xf numFmtId="0" fontId="92" fillId="0" borderId="0" xfId="2" applyFont="1">
      <alignment vertical="center"/>
    </xf>
    <xf numFmtId="0" fontId="94" fillId="0" borderId="0" xfId="2" applyFont="1" applyAlignment="1">
      <alignment horizontal="right" vertical="center"/>
    </xf>
    <xf numFmtId="0" fontId="92" fillId="0" borderId="0" xfId="2" applyFont="1" applyAlignment="1">
      <alignment horizontal="center" vertical="center"/>
    </xf>
    <xf numFmtId="0" fontId="94" fillId="0" borderId="13" xfId="2" applyFont="1" applyBorder="1" applyAlignment="1">
      <alignment horizontal="left" vertical="center"/>
    </xf>
    <xf numFmtId="0" fontId="94" fillId="0" borderId="12" xfId="2" applyFont="1" applyBorder="1" applyAlignment="1">
      <alignment horizontal="left" vertical="center"/>
    </xf>
    <xf numFmtId="0" fontId="94" fillId="0" borderId="1" xfId="2" applyFont="1" applyBorder="1" applyAlignment="1">
      <alignment horizontal="left" vertical="center"/>
    </xf>
    <xf numFmtId="0" fontId="94" fillId="0" borderId="6" xfId="2" applyFont="1" applyBorder="1">
      <alignment vertical="center"/>
    </xf>
    <xf numFmtId="0" fontId="94" fillId="0" borderId="3" xfId="2" applyFont="1" applyBorder="1">
      <alignment vertical="center"/>
    </xf>
    <xf numFmtId="0" fontId="94" fillId="0" borderId="1" xfId="2" applyFont="1" applyBorder="1" applyAlignment="1">
      <alignment horizontal="distributed" vertical="center" wrapText="1" justifyLastLine="1"/>
    </xf>
    <xf numFmtId="0" fontId="94" fillId="0" borderId="1" xfId="2" applyFont="1" applyBorder="1" applyAlignment="1">
      <alignment horizontal="right" vertical="center" indent="1"/>
    </xf>
    <xf numFmtId="0" fontId="94" fillId="0" borderId="6" xfId="2" applyFont="1" applyBorder="1" applyAlignment="1">
      <alignment horizontal="right" vertical="center"/>
    </xf>
    <xf numFmtId="0" fontId="94" fillId="0" borderId="7" xfId="2" applyFont="1" applyBorder="1">
      <alignment vertical="center"/>
    </xf>
    <xf numFmtId="0" fontId="94" fillId="0" borderId="4" xfId="2" applyFont="1" applyBorder="1">
      <alignment vertical="center"/>
    </xf>
    <xf numFmtId="0" fontId="94" fillId="0" borderId="5" xfId="2" applyFont="1" applyBorder="1">
      <alignment vertical="center"/>
    </xf>
    <xf numFmtId="0" fontId="94" fillId="0" borderId="8" xfId="2" applyFont="1" applyBorder="1">
      <alignment vertical="center"/>
    </xf>
    <xf numFmtId="0" fontId="94" fillId="0" borderId="9" xfId="2" applyFont="1" applyBorder="1">
      <alignment vertical="center"/>
    </xf>
    <xf numFmtId="0" fontId="94" fillId="0" borderId="1" xfId="2" applyFont="1" applyBorder="1" applyAlignment="1">
      <alignment horizontal="center" vertical="center"/>
    </xf>
    <xf numFmtId="0" fontId="94" fillId="0" borderId="13" xfId="2" applyFont="1" applyBorder="1">
      <alignment vertical="center"/>
    </xf>
    <xf numFmtId="0" fontId="94" fillId="0" borderId="0" xfId="2" applyFont="1" applyAlignment="1">
      <alignment horizontal="left" vertical="center"/>
    </xf>
    <xf numFmtId="0" fontId="134" fillId="0" borderId="0" xfId="10" applyFont="1" applyAlignment="1">
      <alignment horizontal="left" vertical="center"/>
    </xf>
    <xf numFmtId="0" fontId="135" fillId="0" borderId="6" xfId="10" applyFont="1" applyBorder="1" applyAlignment="1">
      <alignment vertical="center"/>
    </xf>
    <xf numFmtId="0" fontId="135" fillId="0" borderId="3" xfId="10" applyFont="1" applyBorder="1" applyAlignment="1">
      <alignment vertical="center"/>
    </xf>
    <xf numFmtId="0" fontId="91" fillId="0" borderId="0" xfId="10" applyFont="1" applyAlignment="1">
      <alignment horizontal="left" vertical="top"/>
    </xf>
    <xf numFmtId="0" fontId="91" fillId="0" borderId="6" xfId="10" applyFont="1" applyBorder="1">
      <alignment vertical="center"/>
    </xf>
    <xf numFmtId="0" fontId="91" fillId="0" borderId="0" xfId="1" applyFont="1" applyAlignment="1">
      <alignment horizontal="center" vertical="center"/>
    </xf>
    <xf numFmtId="0" fontId="91" fillId="0" borderId="0" xfId="1" applyFont="1" applyBorder="1" applyAlignment="1">
      <alignment horizontal="center" vertical="center"/>
    </xf>
    <xf numFmtId="0" fontId="91" fillId="0" borderId="3" xfId="10" applyFont="1" applyBorder="1">
      <alignment vertical="center"/>
    </xf>
    <xf numFmtId="0" fontId="91" fillId="0" borderId="6" xfId="10" applyFont="1" applyBorder="1" applyAlignment="1">
      <alignment horizontal="center" vertical="center"/>
    </xf>
    <xf numFmtId="0" fontId="91" fillId="0" borderId="3" xfId="10" applyFont="1" applyBorder="1" applyAlignment="1">
      <alignment horizontal="center" vertical="center"/>
    </xf>
    <xf numFmtId="0" fontId="91" fillId="0" borderId="0" xfId="10" applyFont="1" applyAlignment="1">
      <alignment vertical="center" wrapText="1"/>
    </xf>
    <xf numFmtId="0" fontId="91" fillId="0" borderId="3" xfId="10" applyFont="1" applyBorder="1" applyAlignment="1">
      <alignment vertical="center" wrapText="1"/>
    </xf>
    <xf numFmtId="0" fontId="91" fillId="0" borderId="0" xfId="10" applyFont="1" applyAlignment="1">
      <alignment horizontal="left" vertical="center" wrapText="1"/>
    </xf>
    <xf numFmtId="0" fontId="111" fillId="0" borderId="1" xfId="10" applyFont="1" applyBorder="1" applyAlignment="1">
      <alignment horizontal="left" vertical="center"/>
    </xf>
    <xf numFmtId="0" fontId="111" fillId="0" borderId="0" xfId="10" applyFont="1" applyAlignment="1">
      <alignment horizontal="left" vertical="center"/>
    </xf>
    <xf numFmtId="49" fontId="111" fillId="0" borderId="1" xfId="10" applyNumberFormat="1" applyFont="1" applyBorder="1" applyAlignment="1">
      <alignment horizontal="center" vertical="center"/>
    </xf>
    <xf numFmtId="0" fontId="91" fillId="0" borderId="0" xfId="10" applyFont="1" applyAlignment="1">
      <alignment vertical="top" wrapText="1"/>
    </xf>
    <xf numFmtId="0" fontId="111" fillId="0" borderId="0" xfId="10" applyFont="1" applyAlignment="1">
      <alignment vertical="center" wrapText="1"/>
    </xf>
    <xf numFmtId="0" fontId="111" fillId="0" borderId="0" xfId="10" applyFont="1" applyAlignment="1">
      <alignment horizontal="left" vertical="center" wrapText="1"/>
    </xf>
    <xf numFmtId="0" fontId="91" fillId="0" borderId="0" xfId="10" applyFont="1" applyAlignment="1">
      <alignment horizontal="center" vertical="top" wrapText="1"/>
    </xf>
    <xf numFmtId="0" fontId="91" fillId="0" borderId="1" xfId="10" applyFont="1" applyBorder="1" applyAlignment="1">
      <alignment horizontal="center" vertical="center"/>
    </xf>
    <xf numFmtId="0" fontId="91" fillId="0" borderId="0" xfId="10" applyFont="1" applyAlignment="1">
      <alignment horizontal="left" vertical="top" wrapText="1"/>
    </xf>
    <xf numFmtId="0" fontId="137" fillId="0" borderId="0" xfId="10" applyFont="1" applyAlignment="1">
      <alignment vertical="top" wrapText="1"/>
    </xf>
    <xf numFmtId="0" fontId="67" fillId="0" borderId="0" xfId="10" applyFont="1" applyAlignment="1">
      <alignment vertical="top" wrapText="1"/>
    </xf>
    <xf numFmtId="0" fontId="91" fillId="0" borderId="2" xfId="10" applyFont="1" applyBorder="1">
      <alignment vertical="center"/>
    </xf>
    <xf numFmtId="0" fontId="91" fillId="0" borderId="8" xfId="1" applyFont="1" applyBorder="1" applyAlignment="1">
      <alignment horizontal="center" vertical="center"/>
    </xf>
    <xf numFmtId="0" fontId="91" fillId="0" borderId="9" xfId="10" applyFont="1" applyBorder="1">
      <alignment vertical="center"/>
    </xf>
    <xf numFmtId="0" fontId="91" fillId="0" borderId="3" xfId="10" applyFont="1" applyBorder="1" applyAlignment="1">
      <alignment vertical="top" wrapText="1"/>
    </xf>
    <xf numFmtId="0" fontId="91" fillId="0" borderId="0" xfId="10" applyFont="1" applyBorder="1" applyAlignment="1">
      <alignment vertical="top" wrapText="1"/>
    </xf>
    <xf numFmtId="0" fontId="91" fillId="0" borderId="4" xfId="10" applyFont="1" applyBorder="1" applyAlignment="1">
      <alignment vertical="top" wrapText="1"/>
    </xf>
    <xf numFmtId="0" fontId="91" fillId="0" borderId="4" xfId="1" applyFont="1" applyBorder="1" applyAlignment="1">
      <alignment horizontal="center" vertical="center"/>
    </xf>
    <xf numFmtId="0" fontId="91" fillId="0" borderId="8" xfId="10" applyFont="1" applyBorder="1" applyAlignment="1">
      <alignment vertical="top" wrapText="1"/>
    </xf>
    <xf numFmtId="0" fontId="91" fillId="0" borderId="8" xfId="10" applyFont="1" applyBorder="1">
      <alignment vertical="center"/>
    </xf>
    <xf numFmtId="0" fontId="91" fillId="0" borderId="0" xfId="10" applyFont="1" applyAlignment="1">
      <alignment horizontal="center" vertical="center" wrapText="1"/>
    </xf>
    <xf numFmtId="0" fontId="67" fillId="0" borderId="0" xfId="10" applyFont="1" applyAlignment="1">
      <alignment vertical="top"/>
    </xf>
    <xf numFmtId="0" fontId="67" fillId="0" borderId="2" xfId="10" applyFont="1" applyBorder="1" applyAlignment="1">
      <alignment horizontal="left" vertical="center"/>
    </xf>
    <xf numFmtId="0" fontId="67" fillId="0" borderId="8" xfId="10" applyFont="1" applyBorder="1" applyAlignment="1">
      <alignment horizontal="left" vertical="center"/>
    </xf>
    <xf numFmtId="0" fontId="67" fillId="0" borderId="9" xfId="10" applyFont="1" applyBorder="1" applyAlignment="1">
      <alignment horizontal="left" vertical="center"/>
    </xf>
    <xf numFmtId="0" fontId="67" fillId="0" borderId="6" xfId="10" applyFont="1" applyBorder="1" applyAlignment="1">
      <alignment horizontal="left" vertical="center"/>
    </xf>
    <xf numFmtId="0" fontId="67" fillId="0" borderId="6" xfId="10" applyFont="1" applyBorder="1">
      <alignment vertical="center"/>
    </xf>
    <xf numFmtId="0" fontId="67" fillId="0" borderId="0" xfId="1" applyFont="1" applyAlignment="1">
      <alignment horizontal="center" vertical="center"/>
    </xf>
    <xf numFmtId="0" fontId="67" fillId="0" borderId="3" xfId="10" applyFont="1" applyBorder="1">
      <alignment vertical="center"/>
    </xf>
    <xf numFmtId="0" fontId="67" fillId="0" borderId="0" xfId="10" applyFont="1" applyAlignment="1">
      <alignment horizontal="left" vertical="top"/>
    </xf>
    <xf numFmtId="0" fontId="67" fillId="0" borderId="0" xfId="10" applyFont="1" applyAlignment="1">
      <alignment horizontal="left" vertical="center" wrapText="1"/>
    </xf>
    <xf numFmtId="0" fontId="139" fillId="0" borderId="1" xfId="10" applyFont="1" applyBorder="1" applyAlignment="1">
      <alignment horizontal="left" vertical="center"/>
    </xf>
    <xf numFmtId="0" fontId="139" fillId="0" borderId="0" xfId="10" applyFont="1" applyAlignment="1">
      <alignment horizontal="left" vertical="center"/>
    </xf>
    <xf numFmtId="49" fontId="67" fillId="0" borderId="1" xfId="10" applyNumberFormat="1" applyFont="1" applyBorder="1" applyAlignment="1">
      <alignment horizontal="center" vertical="center"/>
    </xf>
    <xf numFmtId="0" fontId="139" fillId="0" borderId="0" xfId="10" applyFont="1" applyAlignment="1">
      <alignment vertical="center" wrapText="1"/>
    </xf>
    <xf numFmtId="0" fontId="139" fillId="0" borderId="0" xfId="10" applyFont="1" applyAlignment="1">
      <alignment horizontal="left" vertical="center" wrapText="1"/>
    </xf>
    <xf numFmtId="49" fontId="91" fillId="0" borderId="1" xfId="10" applyNumberFormat="1" applyFont="1" applyBorder="1" applyAlignment="1">
      <alignment horizontal="center" vertical="center"/>
    </xf>
    <xf numFmtId="0" fontId="67" fillId="0" borderId="1" xfId="10" applyFont="1" applyBorder="1" applyAlignment="1">
      <alignment horizontal="center" vertical="center"/>
    </xf>
    <xf numFmtId="0" fontId="67" fillId="0" borderId="0" xfId="10" applyFont="1" applyAlignment="1">
      <alignment horizontal="center" vertical="center" wrapText="1"/>
    </xf>
    <xf numFmtId="0" fontId="67" fillId="0" borderId="0" xfId="10" applyFont="1" applyAlignment="1">
      <alignment vertical="center" wrapText="1"/>
    </xf>
    <xf numFmtId="0" fontId="67" fillId="0" borderId="0" xfId="10" applyFont="1" applyBorder="1" applyAlignment="1">
      <alignment horizontal="center" vertical="center" wrapText="1"/>
    </xf>
    <xf numFmtId="0" fontId="67" fillId="0" borderId="0" xfId="1" applyFont="1" applyBorder="1" applyAlignment="1">
      <alignment horizontal="center" vertical="center"/>
    </xf>
    <xf numFmtId="0" fontId="67" fillId="0" borderId="7" xfId="10" applyFont="1" applyBorder="1" applyAlignment="1">
      <alignment horizontal="left" vertical="center"/>
    </xf>
    <xf numFmtId="0" fontId="67" fillId="0" borderId="4" xfId="10" applyFont="1" applyBorder="1" applyAlignment="1">
      <alignment vertical="center" wrapText="1"/>
    </xf>
    <xf numFmtId="0" fontId="67" fillId="0" borderId="7" xfId="10" applyFont="1" applyBorder="1">
      <alignment vertical="center"/>
    </xf>
    <xf numFmtId="0" fontId="67" fillId="0" borderId="4" xfId="1" applyFont="1" applyBorder="1" applyAlignment="1">
      <alignment horizontal="center" vertical="center"/>
    </xf>
    <xf numFmtId="0" fontId="67" fillId="0" borderId="5" xfId="10" applyFont="1" applyBorder="1">
      <alignment vertical="center"/>
    </xf>
    <xf numFmtId="0" fontId="67" fillId="0" borderId="0" xfId="10" applyFont="1" applyBorder="1" applyAlignment="1">
      <alignment vertical="center" wrapText="1"/>
    </xf>
    <xf numFmtId="0" fontId="67" fillId="0" borderId="0" xfId="10" applyFont="1" applyBorder="1" applyAlignment="1">
      <alignment horizontal="left" vertical="top" wrapText="1"/>
    </xf>
    <xf numFmtId="0" fontId="67" fillId="0" borderId="0" xfId="10" applyFont="1" applyBorder="1">
      <alignment vertical="center"/>
    </xf>
    <xf numFmtId="0" fontId="67" fillId="0" borderId="0" xfId="10" applyFont="1" applyAlignment="1">
      <alignment horizontal="center" vertical="center"/>
    </xf>
    <xf numFmtId="0" fontId="67" fillId="0" borderId="0" xfId="10" applyFont="1" applyAlignment="1">
      <alignment horizontal="left" vertical="top" wrapText="1"/>
    </xf>
    <xf numFmtId="0" fontId="91" fillId="0" borderId="14" xfId="10" applyFont="1" applyBorder="1" applyAlignment="1">
      <alignment horizontal="left" vertical="center"/>
    </xf>
    <xf numFmtId="0" fontId="91" fillId="0" borderId="15" xfId="10" applyFont="1" applyBorder="1" applyAlignment="1">
      <alignment horizontal="left" vertical="center"/>
    </xf>
    <xf numFmtId="0" fontId="91" fillId="0" borderId="3" xfId="10" applyFont="1" applyBorder="1" applyAlignment="1">
      <alignment horizontal="left" vertical="top" wrapText="1"/>
    </xf>
    <xf numFmtId="0" fontId="91" fillId="0" borderId="0" xfId="10" applyFont="1" applyBorder="1" applyAlignment="1">
      <alignment horizontal="center" vertical="top" wrapText="1"/>
    </xf>
    <xf numFmtId="0" fontId="91" fillId="0" borderId="4" xfId="10" applyFont="1" applyBorder="1" applyAlignment="1">
      <alignment horizontal="center" vertical="top" wrapText="1"/>
    </xf>
    <xf numFmtId="0" fontId="91" fillId="0" borderId="0" xfId="10" applyFont="1" applyAlignment="1">
      <alignment horizontal="center" vertical="top"/>
    </xf>
    <xf numFmtId="0" fontId="134" fillId="0" borderId="0" xfId="10" applyFont="1" applyAlignment="1">
      <alignment horizontal="left" vertical="center" wrapText="1"/>
    </xf>
    <xf numFmtId="0" fontId="73" fillId="0" borderId="0" xfId="15" applyFont="1" applyProtection="1">
      <alignment vertical="center"/>
      <protection locked="0"/>
    </xf>
    <xf numFmtId="0" fontId="73" fillId="0" borderId="0" xfId="15" applyFont="1" applyBorder="1" applyAlignment="1" applyProtection="1">
      <alignment horizontal="center" vertical="center"/>
      <protection locked="0"/>
    </xf>
    <xf numFmtId="0" fontId="73" fillId="0" borderId="269" xfId="15" applyFont="1" applyBorder="1" applyProtection="1">
      <alignment vertical="center"/>
      <protection locked="0"/>
    </xf>
    <xf numFmtId="0" fontId="73" fillId="0" borderId="267" xfId="15" applyFont="1" applyBorder="1" applyAlignment="1" applyProtection="1">
      <alignment horizontal="center" vertical="center"/>
      <protection locked="0"/>
    </xf>
    <xf numFmtId="0" fontId="73" fillId="0" borderId="270" xfId="15" applyFont="1" applyBorder="1" applyAlignment="1" applyProtection="1">
      <alignment horizontal="center" vertical="center"/>
      <protection locked="0"/>
    </xf>
    <xf numFmtId="0" fontId="73" fillId="0" borderId="273" xfId="15" applyFont="1" applyBorder="1" applyAlignment="1" applyProtection="1">
      <alignment horizontal="center" vertical="center"/>
      <protection locked="0"/>
    </xf>
    <xf numFmtId="0" fontId="73" fillId="0" borderId="274" xfId="15" applyFont="1" applyBorder="1" applyAlignment="1" applyProtection="1">
      <alignment horizontal="right" vertical="center"/>
      <protection locked="0"/>
    </xf>
    <xf numFmtId="0" fontId="73" fillId="4" borderId="280" xfId="15" applyFont="1" applyFill="1" applyBorder="1" applyAlignment="1" applyProtection="1">
      <alignment horizontal="center" vertical="center"/>
      <protection locked="0"/>
    </xf>
    <xf numFmtId="0" fontId="73" fillId="0" borderId="276" xfId="15" applyFont="1" applyBorder="1" applyAlignment="1" applyProtection="1">
      <alignment horizontal="right" vertical="center"/>
      <protection locked="0"/>
    </xf>
    <xf numFmtId="0" fontId="55" fillId="0" borderId="0" xfId="15" applyFont="1" applyAlignment="1" applyProtection="1">
      <alignment horizontal="left" vertical="top"/>
      <protection locked="0"/>
    </xf>
    <xf numFmtId="0" fontId="74" fillId="0" borderId="8" xfId="15" applyFont="1" applyBorder="1" applyAlignment="1" applyProtection="1">
      <alignment horizontal="center" vertical="top"/>
      <protection locked="0"/>
    </xf>
    <xf numFmtId="0" fontId="74" fillId="0" borderId="8" xfId="15" applyFont="1" applyBorder="1" applyAlignment="1" applyProtection="1">
      <alignment horizontal="right" vertical="top"/>
      <protection locked="0"/>
    </xf>
    <xf numFmtId="0" fontId="78" fillId="0" borderId="275" xfId="15" applyFont="1" applyBorder="1" applyAlignment="1" applyProtection="1">
      <alignment horizontal="left" vertical="center"/>
      <protection locked="0"/>
    </xf>
    <xf numFmtId="0" fontId="78" fillId="0" borderId="269" xfId="15" applyFont="1" applyBorder="1" applyAlignment="1" applyProtection="1">
      <alignment horizontal="left" vertical="center"/>
      <protection locked="0"/>
    </xf>
    <xf numFmtId="0" fontId="78" fillId="0" borderId="276" xfId="15" applyFont="1" applyBorder="1" applyAlignment="1" applyProtection="1">
      <alignment horizontal="left" vertical="center"/>
      <protection locked="0"/>
    </xf>
    <xf numFmtId="0" fontId="73" fillId="0" borderId="12" xfId="15" applyFont="1" applyBorder="1" applyAlignment="1" applyProtection="1">
      <alignment horizontal="center" vertical="center"/>
      <protection locked="0"/>
    </xf>
    <xf numFmtId="0" fontId="73" fillId="0" borderId="178" xfId="15" applyFont="1" applyBorder="1" applyAlignment="1" applyProtection="1">
      <alignment horizontal="center" vertical="center"/>
      <protection locked="0"/>
    </xf>
    <xf numFmtId="0" fontId="55" fillId="0" borderId="0" xfId="15" applyFont="1" applyAlignment="1" applyProtection="1">
      <alignment horizontal="left" vertical="center"/>
      <protection locked="0"/>
    </xf>
    <xf numFmtId="0" fontId="55" fillId="0" borderId="8" xfId="15" applyFont="1" applyBorder="1" applyAlignment="1" applyProtection="1">
      <alignment horizontal="right" vertical="top"/>
      <protection locked="0"/>
    </xf>
    <xf numFmtId="0" fontId="78" fillId="0" borderId="268" xfId="15" applyFont="1" applyBorder="1" applyAlignment="1" applyProtection="1">
      <alignment horizontal="left" vertical="center"/>
      <protection locked="0"/>
    </xf>
    <xf numFmtId="0" fontId="74" fillId="0" borderId="0" xfId="15" applyFont="1" applyBorder="1" applyAlignment="1" applyProtection="1">
      <alignment horizontal="right" vertical="top"/>
      <protection locked="0"/>
    </xf>
    <xf numFmtId="0" fontId="77" fillId="0" borderId="281" xfId="15" applyFont="1" applyBorder="1" applyAlignment="1" applyProtection="1">
      <alignment vertical="center"/>
      <protection locked="0"/>
    </xf>
    <xf numFmtId="0" fontId="73" fillId="5" borderId="267" xfId="15" applyFont="1" applyFill="1" applyBorder="1" applyAlignment="1" applyProtection="1">
      <alignment horizontal="center" vertical="center"/>
      <protection locked="0"/>
    </xf>
    <xf numFmtId="0" fontId="73" fillId="5" borderId="271" xfId="15" applyFont="1" applyFill="1" applyBorder="1" applyAlignment="1" applyProtection="1">
      <alignment horizontal="center" vertical="center"/>
      <protection locked="0"/>
    </xf>
    <xf numFmtId="0" fontId="73" fillId="5" borderId="268" xfId="15" applyFont="1" applyFill="1" applyBorder="1" applyAlignment="1" applyProtection="1">
      <alignment horizontal="center" vertical="center"/>
      <protection locked="0"/>
    </xf>
    <xf numFmtId="0" fontId="73" fillId="7" borderId="0" xfId="15" applyFont="1" applyFill="1" applyBorder="1" applyAlignment="1" applyProtection="1">
      <alignment horizontal="center" vertical="center"/>
      <protection locked="0"/>
    </xf>
    <xf numFmtId="0" fontId="77" fillId="5" borderId="163" xfId="15" applyFont="1" applyFill="1" applyBorder="1" applyAlignment="1" applyProtection="1">
      <alignment vertical="center"/>
      <protection locked="0"/>
    </xf>
    <xf numFmtId="0" fontId="77" fillId="5" borderId="162" xfId="15" applyFont="1" applyFill="1" applyBorder="1" applyAlignment="1" applyProtection="1">
      <alignment vertical="center"/>
      <protection locked="0"/>
    </xf>
    <xf numFmtId="0" fontId="73" fillId="0" borderId="184" xfId="15" applyFont="1" applyBorder="1" applyAlignment="1" applyProtection="1">
      <alignment horizontal="center" vertical="center"/>
      <protection locked="0"/>
    </xf>
    <xf numFmtId="0" fontId="73" fillId="0" borderId="184" xfId="15" applyFont="1" applyFill="1" applyBorder="1" applyAlignment="1" applyProtection="1">
      <alignment horizontal="center" vertical="center"/>
      <protection locked="0"/>
    </xf>
    <xf numFmtId="0" fontId="73" fillId="7" borderId="184" xfId="15" applyFont="1" applyFill="1" applyBorder="1" applyAlignment="1" applyProtection="1">
      <alignment horizontal="center" vertical="center"/>
      <protection locked="0"/>
    </xf>
    <xf numFmtId="0" fontId="73" fillId="0" borderId="162" xfId="15" applyFont="1" applyBorder="1" applyAlignment="1" applyProtection="1">
      <alignment horizontal="center" vertical="center"/>
      <protection locked="0"/>
    </xf>
    <xf numFmtId="0" fontId="77" fillId="5" borderId="171" xfId="15" applyFont="1" applyFill="1" applyBorder="1" applyAlignment="1" applyProtection="1">
      <alignment vertical="center"/>
      <protection locked="0"/>
    </xf>
    <xf numFmtId="0" fontId="77" fillId="5" borderId="170" xfId="15" applyFont="1" applyFill="1" applyBorder="1" applyAlignment="1" applyProtection="1">
      <alignment vertical="center"/>
      <protection locked="0"/>
    </xf>
    <xf numFmtId="0" fontId="73" fillId="0" borderId="171" xfId="15" applyFont="1" applyBorder="1" applyAlignment="1" applyProtection="1">
      <alignment horizontal="center" vertical="center"/>
      <protection locked="0"/>
    </xf>
    <xf numFmtId="0" fontId="73" fillId="0" borderId="183" xfId="15" applyFont="1" applyBorder="1" applyAlignment="1" applyProtection="1">
      <alignment horizontal="center" vertical="center"/>
      <protection locked="0"/>
    </xf>
    <xf numFmtId="0" fontId="73" fillId="0" borderId="183" xfId="15" applyFont="1" applyFill="1" applyBorder="1" applyAlignment="1" applyProtection="1">
      <alignment horizontal="center" vertical="center"/>
      <protection locked="0"/>
    </xf>
    <xf numFmtId="0" fontId="73" fillId="0" borderId="170" xfId="15" applyFont="1" applyBorder="1" applyProtection="1">
      <alignment vertical="center"/>
      <protection locked="0"/>
    </xf>
    <xf numFmtId="0" fontId="73" fillId="5" borderId="282" xfId="15" applyFont="1" applyFill="1" applyBorder="1" applyAlignment="1" applyProtection="1">
      <alignment horizontal="center" vertical="center" wrapText="1"/>
      <protection locked="0"/>
    </xf>
    <xf numFmtId="0" fontId="73" fillId="5" borderId="283" xfId="15" applyFont="1" applyFill="1" applyBorder="1" applyAlignment="1" applyProtection="1">
      <alignment horizontal="center" vertical="center" wrapText="1"/>
      <protection locked="0"/>
    </xf>
    <xf numFmtId="0" fontId="73" fillId="5" borderId="284" xfId="15" applyFont="1" applyFill="1" applyBorder="1" applyAlignment="1" applyProtection="1">
      <alignment horizontal="center" vertical="center" wrapText="1"/>
      <protection locked="0"/>
    </xf>
    <xf numFmtId="0" fontId="76" fillId="0" borderId="170" xfId="15" applyFont="1" applyBorder="1" applyAlignment="1" applyProtection="1">
      <alignment horizontal="center" vertical="center" wrapText="1"/>
      <protection locked="0"/>
    </xf>
    <xf numFmtId="0" fontId="76" fillId="0" borderId="0" xfId="15" applyFont="1" applyBorder="1" applyAlignment="1" applyProtection="1">
      <alignment horizontal="center" vertical="center" wrapText="1"/>
      <protection locked="0"/>
    </xf>
    <xf numFmtId="0" fontId="75" fillId="0" borderId="8" xfId="15" applyFont="1" applyBorder="1" applyAlignment="1" applyProtection="1">
      <alignment horizontal="center" wrapText="1"/>
      <protection locked="0"/>
    </xf>
    <xf numFmtId="0" fontId="75" fillId="0" borderId="0" xfId="15" applyFont="1" applyBorder="1" applyAlignment="1" applyProtection="1">
      <alignment horizontal="center" wrapText="1"/>
      <protection locked="0"/>
    </xf>
    <xf numFmtId="0" fontId="76" fillId="0" borderId="285" xfId="15" applyFont="1" applyBorder="1" applyAlignment="1" applyProtection="1">
      <alignment horizontal="center" vertical="center" wrapText="1"/>
      <protection locked="0"/>
    </xf>
    <xf numFmtId="0" fontId="73" fillId="0" borderId="171" xfId="15" applyFont="1" applyFill="1" applyBorder="1" applyAlignment="1" applyProtection="1">
      <alignment horizontal="center" vertical="center"/>
      <protection locked="0"/>
    </xf>
    <xf numFmtId="0" fontId="73" fillId="7" borderId="183" xfId="15" applyFont="1" applyFill="1" applyBorder="1" applyAlignment="1" applyProtection="1">
      <alignment horizontal="center" vertical="center"/>
      <protection locked="0"/>
    </xf>
    <xf numFmtId="0" fontId="75" fillId="0" borderId="74" xfId="15" applyFont="1" applyBorder="1" applyAlignment="1" applyProtection="1">
      <alignment horizontal="center" wrapText="1"/>
      <protection locked="0"/>
    </xf>
    <xf numFmtId="0" fontId="73" fillId="0" borderId="286" xfId="15" applyFont="1" applyFill="1" applyBorder="1" applyAlignment="1" applyProtection="1">
      <alignment horizontal="center" vertical="center"/>
      <protection locked="0"/>
    </xf>
    <xf numFmtId="189" fontId="73" fillId="0" borderId="287" xfId="15" applyNumberFormat="1" applyFont="1" applyFill="1" applyBorder="1" applyAlignment="1" applyProtection="1">
      <alignment horizontal="center" vertical="center"/>
      <protection locked="0"/>
    </xf>
    <xf numFmtId="0" fontId="73" fillId="0" borderId="287" xfId="15" applyFont="1" applyFill="1" applyBorder="1" applyAlignment="1" applyProtection="1">
      <alignment horizontal="center" vertical="center"/>
      <protection locked="0"/>
    </xf>
    <xf numFmtId="0" fontId="73" fillId="0" borderId="287" xfId="15" applyFont="1" applyBorder="1" applyAlignment="1" applyProtection="1">
      <alignment horizontal="center" vertical="center"/>
      <protection locked="0"/>
    </xf>
    <xf numFmtId="0" fontId="73" fillId="0" borderId="269" xfId="15" applyFont="1" applyFill="1" applyBorder="1" applyAlignment="1" applyProtection="1">
      <alignment horizontal="center" vertical="center"/>
      <protection locked="0"/>
    </xf>
    <xf numFmtId="0" fontId="73" fillId="0" borderId="269" xfId="15" applyFont="1" applyBorder="1" applyAlignment="1" applyProtection="1">
      <alignment horizontal="center" vertical="center"/>
      <protection locked="0"/>
    </xf>
    <xf numFmtId="0" fontId="76" fillId="0" borderId="276" xfId="15" applyFont="1" applyBorder="1" applyAlignment="1" applyProtection="1">
      <alignment horizontal="center" vertical="center" wrapText="1"/>
      <protection locked="0"/>
    </xf>
    <xf numFmtId="0" fontId="40" fillId="7" borderId="0" xfId="15" applyFont="1" applyFill="1">
      <alignment vertical="center"/>
    </xf>
    <xf numFmtId="0" fontId="40" fillId="7" borderId="0" xfId="15" applyFont="1" applyFill="1" applyBorder="1">
      <alignment vertical="center"/>
    </xf>
    <xf numFmtId="0" fontId="40" fillId="7" borderId="269" xfId="15" applyFont="1" applyFill="1" applyBorder="1">
      <alignment vertical="center"/>
    </xf>
    <xf numFmtId="0" fontId="40" fillId="7" borderId="272" xfId="15" applyFont="1" applyFill="1" applyBorder="1">
      <alignment vertical="center"/>
    </xf>
    <xf numFmtId="0" fontId="40" fillId="7" borderId="3" xfId="15" applyFont="1" applyFill="1" applyBorder="1">
      <alignment vertical="center"/>
    </xf>
    <xf numFmtId="0" fontId="88" fillId="7" borderId="0" xfId="15" applyFont="1" applyFill="1" applyBorder="1" applyAlignment="1">
      <alignment vertical="center" wrapText="1"/>
    </xf>
    <xf numFmtId="0" fontId="88" fillId="7" borderId="3" xfId="15" applyFont="1" applyFill="1" applyBorder="1" applyAlignment="1">
      <alignment vertical="center" wrapText="1"/>
    </xf>
    <xf numFmtId="0" fontId="40" fillId="7" borderId="0" xfId="15" applyFont="1" applyFill="1" applyBorder="1" applyAlignment="1">
      <alignment vertical="center"/>
    </xf>
    <xf numFmtId="0" fontId="65" fillId="7" borderId="0" xfId="15" applyFont="1" applyFill="1" applyBorder="1" applyAlignment="1">
      <alignment vertical="center" wrapText="1"/>
    </xf>
    <xf numFmtId="0" fontId="40" fillId="7" borderId="0" xfId="15" applyFont="1" applyFill="1" applyBorder="1" applyAlignment="1">
      <alignment horizontal="left" vertical="center"/>
    </xf>
    <xf numFmtId="0" fontId="65" fillId="7" borderId="0" xfId="15" applyFont="1" applyFill="1" applyBorder="1" applyAlignment="1">
      <alignment vertical="center"/>
    </xf>
    <xf numFmtId="0" fontId="40" fillId="7" borderId="275" xfId="15" applyFont="1" applyFill="1" applyBorder="1">
      <alignment vertical="center"/>
    </xf>
    <xf numFmtId="0" fontId="40" fillId="7" borderId="276" xfId="15" applyFont="1" applyFill="1" applyBorder="1">
      <alignment vertical="center"/>
    </xf>
    <xf numFmtId="0" fontId="87" fillId="7" borderId="272" xfId="15" applyFont="1" applyFill="1" applyBorder="1" applyAlignment="1">
      <alignment horizontal="center" vertical="center"/>
    </xf>
    <xf numFmtId="0" fontId="87" fillId="7" borderId="0" xfId="15" applyFont="1" applyFill="1" applyBorder="1" applyAlignment="1">
      <alignment horizontal="center" vertical="center"/>
    </xf>
    <xf numFmtId="0" fontId="87" fillId="7" borderId="3" xfId="15" applyFont="1" applyFill="1" applyBorder="1" applyAlignment="1">
      <alignment horizontal="center" vertical="center"/>
    </xf>
    <xf numFmtId="0" fontId="40" fillId="7" borderId="177" xfId="15" applyFont="1" applyFill="1" applyBorder="1">
      <alignment vertical="center"/>
    </xf>
    <xf numFmtId="0" fontId="40" fillId="7" borderId="288" xfId="15" applyFont="1" applyFill="1" applyBorder="1">
      <alignment vertical="center"/>
    </xf>
    <xf numFmtId="0" fontId="40" fillId="7" borderId="289" xfId="15" applyFont="1" applyFill="1" applyBorder="1">
      <alignment vertical="center"/>
    </xf>
    <xf numFmtId="0" fontId="40" fillId="7" borderId="177" xfId="15" applyFont="1" applyFill="1" applyBorder="1" applyAlignment="1">
      <alignment horizontal="left" vertical="center"/>
    </xf>
    <xf numFmtId="0" fontId="40" fillId="7" borderId="228" xfId="15" applyFont="1" applyFill="1" applyBorder="1">
      <alignment vertical="center"/>
    </xf>
    <xf numFmtId="0" fontId="40" fillId="7" borderId="229" xfId="15" applyFont="1" applyFill="1" applyBorder="1">
      <alignment vertical="center"/>
    </xf>
    <xf numFmtId="0" fontId="40" fillId="7" borderId="230" xfId="15" applyFont="1" applyFill="1" applyBorder="1">
      <alignment vertical="center"/>
    </xf>
    <xf numFmtId="0" fontId="65" fillId="7" borderId="228" xfId="15" applyFont="1" applyFill="1" applyBorder="1">
      <alignment vertical="center"/>
    </xf>
    <xf numFmtId="0" fontId="40" fillId="7" borderId="176" xfId="15" applyFont="1" applyFill="1" applyBorder="1">
      <alignment vertical="center"/>
    </xf>
    <xf numFmtId="0" fontId="40" fillId="7" borderId="231" xfId="15" applyFont="1" applyFill="1" applyBorder="1">
      <alignment vertical="center"/>
    </xf>
    <xf numFmtId="0" fontId="40" fillId="7" borderId="232" xfId="15" applyFont="1" applyFill="1" applyBorder="1">
      <alignment vertical="center"/>
    </xf>
    <xf numFmtId="0" fontId="40" fillId="7" borderId="231" xfId="15" applyFont="1" applyFill="1" applyBorder="1" applyAlignment="1">
      <alignment vertical="top" shrinkToFit="1"/>
    </xf>
    <xf numFmtId="0" fontId="40" fillId="7" borderId="232" xfId="15" applyFont="1" applyFill="1" applyBorder="1" applyAlignment="1">
      <alignment vertical="top" shrinkToFit="1"/>
    </xf>
    <xf numFmtId="0" fontId="65" fillId="7" borderId="163" xfId="15" applyFont="1" applyFill="1" applyBorder="1">
      <alignment vertical="center"/>
    </xf>
    <xf numFmtId="0" fontId="65" fillId="7" borderId="186" xfId="15" applyFont="1" applyFill="1" applyBorder="1">
      <alignment vertical="center"/>
    </xf>
    <xf numFmtId="0" fontId="65" fillId="7" borderId="177" xfId="15" applyFont="1" applyFill="1" applyBorder="1">
      <alignment vertical="center"/>
    </xf>
    <xf numFmtId="0" fontId="71" fillId="7" borderId="0" xfId="15" applyFont="1" applyFill="1" applyBorder="1">
      <alignment vertical="center"/>
    </xf>
    <xf numFmtId="0" fontId="40" fillId="0" borderId="0" xfId="15" applyFont="1">
      <alignment vertical="center"/>
    </xf>
    <xf numFmtId="0" fontId="40" fillId="7" borderId="2" xfId="15" applyFont="1" applyFill="1" applyBorder="1">
      <alignment vertical="center"/>
    </xf>
    <xf numFmtId="0" fontId="40" fillId="7" borderId="8" xfId="15" applyFont="1" applyFill="1" applyBorder="1">
      <alignment vertical="center"/>
    </xf>
    <xf numFmtId="0" fontId="40" fillId="7" borderId="9" xfId="15" applyFont="1" applyFill="1" applyBorder="1">
      <alignment vertical="center"/>
    </xf>
    <xf numFmtId="0" fontId="71" fillId="7" borderId="177" xfId="15" applyFont="1" applyFill="1" applyBorder="1">
      <alignment vertical="center"/>
    </xf>
    <xf numFmtId="0" fontId="65" fillId="7" borderId="229" xfId="15" applyFont="1" applyFill="1" applyBorder="1">
      <alignment vertical="center"/>
    </xf>
    <xf numFmtId="0" fontId="71" fillId="7" borderId="228" xfId="15" applyFont="1" applyFill="1" applyBorder="1">
      <alignment vertical="center"/>
    </xf>
    <xf numFmtId="0" fontId="90" fillId="7" borderId="228" xfId="15" applyFont="1" applyFill="1" applyBorder="1">
      <alignment vertical="center"/>
    </xf>
    <xf numFmtId="0" fontId="40" fillId="7" borderId="229" xfId="15" applyFont="1" applyFill="1" applyBorder="1" applyAlignment="1">
      <alignment vertical="top" shrinkToFit="1"/>
    </xf>
    <xf numFmtId="0" fontId="40" fillId="7" borderId="230" xfId="15" applyFont="1" applyFill="1" applyBorder="1" applyAlignment="1">
      <alignment vertical="top" shrinkToFit="1"/>
    </xf>
    <xf numFmtId="0" fontId="65" fillId="7" borderId="0" xfId="15" applyFont="1" applyFill="1" applyAlignment="1">
      <alignment horizontal="right" vertical="center"/>
    </xf>
    <xf numFmtId="0" fontId="40" fillId="3" borderId="0" xfId="15" applyFont="1" applyFill="1">
      <alignment vertical="center"/>
    </xf>
    <xf numFmtId="0" fontId="142" fillId="0" borderId="0" xfId="16" applyFont="1">
      <alignment vertical="center"/>
    </xf>
    <xf numFmtId="0" fontId="142" fillId="0" borderId="269" xfId="16" applyFont="1" applyBorder="1" applyAlignment="1">
      <alignment horizontal="right" vertical="center"/>
    </xf>
    <xf numFmtId="0" fontId="142" fillId="0" borderId="0" xfId="16" applyFont="1" applyBorder="1" applyAlignment="1">
      <alignment horizontal="center" vertical="center"/>
    </xf>
    <xf numFmtId="0" fontId="145" fillId="0" borderId="272" xfId="16" applyFont="1" applyBorder="1" applyAlignment="1">
      <alignment vertical="center"/>
    </xf>
    <xf numFmtId="0" fontId="142" fillId="0" borderId="0" xfId="16" applyFont="1" applyBorder="1" applyAlignment="1">
      <alignment vertical="center"/>
    </xf>
    <xf numFmtId="0" fontId="142" fillId="0" borderId="290" xfId="16" applyFont="1" applyBorder="1" applyAlignment="1">
      <alignment vertical="center"/>
    </xf>
    <xf numFmtId="0" fontId="142" fillId="0" borderId="291" xfId="16" applyFont="1" applyBorder="1" applyAlignment="1">
      <alignment vertical="center"/>
    </xf>
    <xf numFmtId="0" fontId="142" fillId="0" borderId="272" xfId="16" applyFont="1" applyBorder="1" applyAlignment="1">
      <alignment vertical="center"/>
    </xf>
    <xf numFmtId="0" fontId="142" fillId="0" borderId="3" xfId="16" applyFont="1" applyBorder="1" applyAlignment="1">
      <alignment vertical="center"/>
    </xf>
    <xf numFmtId="0" fontId="146" fillId="0" borderId="0" xfId="16" applyFont="1" applyBorder="1" applyAlignment="1">
      <alignment vertical="center"/>
    </xf>
    <xf numFmtId="0" fontId="146" fillId="0" borderId="0" xfId="16" applyFont="1">
      <alignment vertical="center"/>
    </xf>
    <xf numFmtId="0" fontId="142" fillId="0" borderId="272" xfId="16" applyFont="1" applyBorder="1">
      <alignment vertical="center"/>
    </xf>
    <xf numFmtId="0" fontId="142" fillId="0" borderId="0" xfId="16" applyFont="1" applyBorder="1">
      <alignment vertical="center"/>
    </xf>
    <xf numFmtId="0" fontId="146" fillId="0" borderId="0" xfId="16" applyFont="1" applyBorder="1">
      <alignment vertical="center"/>
    </xf>
    <xf numFmtId="0" fontId="142" fillId="0" borderId="3" xfId="16" applyFont="1" applyBorder="1">
      <alignment vertical="center"/>
    </xf>
    <xf numFmtId="0" fontId="145" fillId="0" borderId="292" xfId="16" applyFont="1" applyBorder="1">
      <alignment vertical="center"/>
    </xf>
    <xf numFmtId="0" fontId="142" fillId="0" borderId="290" xfId="16" applyFont="1" applyBorder="1">
      <alignment vertical="center"/>
    </xf>
    <xf numFmtId="0" fontId="142" fillId="0" borderId="291" xfId="16" applyFont="1" applyBorder="1">
      <alignment vertical="center"/>
    </xf>
    <xf numFmtId="0" fontId="142" fillId="0" borderId="275" xfId="16" applyFont="1" applyBorder="1">
      <alignment vertical="center"/>
    </xf>
    <xf numFmtId="0" fontId="142" fillId="0" borderId="269" xfId="16" applyFont="1" applyBorder="1">
      <alignment vertical="center"/>
    </xf>
    <xf numFmtId="0" fontId="142" fillId="0" borderId="276" xfId="16" applyFont="1" applyBorder="1">
      <alignment vertical="center"/>
    </xf>
    <xf numFmtId="0" fontId="145" fillId="0" borderId="272" xfId="16" applyFont="1" applyBorder="1">
      <alignment vertical="center"/>
    </xf>
    <xf numFmtId="0" fontId="142" fillId="0" borderId="269" xfId="16" applyFont="1" applyBorder="1" applyAlignment="1">
      <alignment vertical="center"/>
    </xf>
    <xf numFmtId="0" fontId="142" fillId="0" borderId="276" xfId="16" applyFont="1" applyBorder="1" applyAlignment="1">
      <alignment vertical="center"/>
    </xf>
    <xf numFmtId="0" fontId="58" fillId="0" borderId="290" xfId="10" applyFont="1" applyBorder="1" applyAlignment="1">
      <alignment vertical="center"/>
    </xf>
    <xf numFmtId="0" fontId="58" fillId="0" borderId="291" xfId="10" applyFont="1" applyBorder="1" applyAlignment="1">
      <alignment vertical="center"/>
    </xf>
    <xf numFmtId="0" fontId="58" fillId="0" borderId="269" xfId="10" applyFont="1" applyBorder="1" applyAlignment="1">
      <alignment vertical="center"/>
    </xf>
    <xf numFmtId="0" fontId="58" fillId="0" borderId="276" xfId="10" applyFont="1" applyBorder="1" applyAlignment="1">
      <alignment vertical="center"/>
    </xf>
    <xf numFmtId="0" fontId="58" fillId="0" borderId="290" xfId="10" applyFont="1" applyBorder="1">
      <alignment vertical="center"/>
    </xf>
    <xf numFmtId="0" fontId="58" fillId="0" borderId="290" xfId="10" applyNumberFormat="1" applyFont="1" applyBorder="1" applyAlignment="1">
      <alignment vertical="center" textRotation="255" wrapText="1"/>
    </xf>
    <xf numFmtId="0" fontId="58" fillId="0" borderId="269" xfId="10" applyNumberFormat="1" applyFont="1" applyBorder="1" applyAlignment="1">
      <alignment vertical="center" textRotation="255" wrapText="1"/>
    </xf>
    <xf numFmtId="0" fontId="58" fillId="0" borderId="269" xfId="10" applyFont="1" applyBorder="1">
      <alignment vertical="center"/>
    </xf>
    <xf numFmtId="0" fontId="58" fillId="0" borderId="269" xfId="10" applyFont="1" applyFill="1" applyBorder="1" applyAlignment="1">
      <alignment vertical="center"/>
    </xf>
    <xf numFmtId="0" fontId="94" fillId="0" borderId="0" xfId="2" applyFont="1" applyAlignment="1">
      <alignment horizontal="right" vertical="center"/>
    </xf>
    <xf numFmtId="0" fontId="34" fillId="0" borderId="0" xfId="3" applyFont="1" applyAlignment="1">
      <alignment horizontal="right" vertical="center"/>
    </xf>
    <xf numFmtId="0" fontId="55" fillId="0" borderId="0" xfId="3" applyFont="1" applyBorder="1" applyAlignment="1">
      <alignment horizontal="center" vertical="center"/>
    </xf>
    <xf numFmtId="0" fontId="37" fillId="0" borderId="0" xfId="3" applyFont="1" applyAlignment="1">
      <alignment horizontal="left" vertical="center"/>
    </xf>
    <xf numFmtId="0" fontId="37" fillId="0" borderId="0" xfId="3" applyFont="1" applyFill="1" applyAlignment="1">
      <alignment horizontal="left" vertical="center"/>
    </xf>
    <xf numFmtId="0" fontId="5" fillId="0" borderId="0" xfId="2" applyAlignment="1">
      <alignment horizontal="right" vertical="center"/>
    </xf>
    <xf numFmtId="0" fontId="98" fillId="0" borderId="0" xfId="7" applyFont="1">
      <alignment vertical="center"/>
    </xf>
    <xf numFmtId="0" fontId="94" fillId="0" borderId="0" xfId="7" applyFont="1">
      <alignment vertical="center"/>
    </xf>
    <xf numFmtId="0" fontId="58" fillId="0" borderId="0" xfId="7" applyFont="1">
      <alignment vertical="center"/>
    </xf>
    <xf numFmtId="0" fontId="94" fillId="0" borderId="0" xfId="7" applyFont="1" applyAlignment="1">
      <alignment horizontal="right" vertical="center"/>
    </xf>
    <xf numFmtId="0" fontId="58" fillId="0" borderId="0" xfId="7" applyFont="1" applyAlignment="1">
      <alignment horizontal="center" vertical="center"/>
    </xf>
    <xf numFmtId="0" fontId="94" fillId="0" borderId="0" xfId="7" applyFont="1" applyAlignment="1">
      <alignment horizontal="center" vertical="center"/>
    </xf>
    <xf numFmtId="0" fontId="94" fillId="0" borderId="0" xfId="7" applyFont="1" applyAlignment="1">
      <alignment horizontal="right" vertical="top" wrapText="1"/>
    </xf>
    <xf numFmtId="0" fontId="94" fillId="0" borderId="0" xfId="7" quotePrefix="1" applyFont="1" applyAlignment="1">
      <alignment horizontal="right" vertical="top" wrapText="1"/>
    </xf>
    <xf numFmtId="0" fontId="58" fillId="0" borderId="0" xfId="7" applyFont="1" applyAlignment="1">
      <alignment vertical="center" wrapText="1"/>
    </xf>
    <xf numFmtId="0" fontId="37" fillId="0" borderId="267" xfId="3" applyFont="1" applyBorder="1" applyAlignment="1">
      <alignment horizontal="left" vertical="center"/>
    </xf>
    <xf numFmtId="0" fontId="37" fillId="0" borderId="293" xfId="3" applyFont="1" applyBorder="1" applyAlignment="1">
      <alignment horizontal="left" vertical="center" indent="1"/>
    </xf>
    <xf numFmtId="0" fontId="37" fillId="0" borderId="270" xfId="3" applyFont="1" applyBorder="1" applyAlignment="1">
      <alignment horizontal="left" vertical="center" indent="1"/>
    </xf>
    <xf numFmtId="0" fontId="37" fillId="0" borderId="269" xfId="3" applyFont="1" applyBorder="1" applyAlignment="1">
      <alignment horizontal="left" vertical="center" indent="1"/>
    </xf>
    <xf numFmtId="0" fontId="37" fillId="0" borderId="269" xfId="3" applyFont="1" applyBorder="1">
      <alignment vertical="center"/>
    </xf>
    <xf numFmtId="0" fontId="37" fillId="0" borderId="292" xfId="3" applyFont="1" applyBorder="1">
      <alignment vertical="center"/>
    </xf>
    <xf numFmtId="0" fontId="37" fillId="0" borderId="290" xfId="3" applyFont="1" applyBorder="1">
      <alignment vertical="center"/>
    </xf>
    <xf numFmtId="0" fontId="37" fillId="0" borderId="272" xfId="3" applyFont="1" applyBorder="1">
      <alignment vertical="center"/>
    </xf>
    <xf numFmtId="0" fontId="37" fillId="0" borderId="270" xfId="3" applyFont="1" applyBorder="1" applyAlignment="1">
      <alignment horizontal="center" vertical="center"/>
    </xf>
    <xf numFmtId="0" fontId="37" fillId="0" borderId="270" xfId="3" applyFont="1" applyBorder="1" applyAlignment="1">
      <alignment vertical="center" wrapText="1"/>
    </xf>
    <xf numFmtId="0" fontId="37" fillId="0" borderId="270" xfId="3" applyFont="1" applyBorder="1" applyAlignment="1">
      <alignment horizontal="right" vertical="center"/>
    </xf>
    <xf numFmtId="0" fontId="37" fillId="0" borderId="275" xfId="3" applyFont="1" applyBorder="1">
      <alignment vertical="center"/>
    </xf>
    <xf numFmtId="0" fontId="37" fillId="0" borderId="291" xfId="3" applyFont="1" applyBorder="1">
      <alignment vertical="center"/>
    </xf>
    <xf numFmtId="0" fontId="37" fillId="0" borderId="276" xfId="3" applyFont="1" applyBorder="1">
      <alignment vertical="center"/>
    </xf>
    <xf numFmtId="0" fontId="35" fillId="0" borderId="0" xfId="2" applyFont="1">
      <alignment vertical="center"/>
    </xf>
    <xf numFmtId="0" fontId="94" fillId="0" borderId="292" xfId="2" applyFont="1" applyBorder="1">
      <alignment vertical="center"/>
    </xf>
    <xf numFmtId="0" fontId="94" fillId="0" borderId="290" xfId="2" applyFont="1" applyBorder="1">
      <alignment vertical="center"/>
    </xf>
    <xf numFmtId="0" fontId="94" fillId="0" borderId="291" xfId="2" applyFont="1" applyBorder="1">
      <alignment vertical="center"/>
    </xf>
    <xf numFmtId="0" fontId="94" fillId="0" borderId="272" xfId="2" applyFont="1" applyBorder="1">
      <alignment vertical="center"/>
    </xf>
    <xf numFmtId="0" fontId="94" fillId="0" borderId="273" xfId="2" applyFont="1" applyBorder="1" applyAlignment="1">
      <alignment horizontal="center" vertical="center" wrapText="1" justifyLastLine="1"/>
    </xf>
    <xf numFmtId="0" fontId="94" fillId="0" borderId="273" xfId="2" applyFont="1" applyBorder="1">
      <alignment vertical="center"/>
    </xf>
    <xf numFmtId="0" fontId="94" fillId="0" borderId="275" xfId="2" applyFont="1" applyBorder="1">
      <alignment vertical="center"/>
    </xf>
    <xf numFmtId="0" fontId="94" fillId="0" borderId="269" xfId="2" applyFont="1" applyBorder="1">
      <alignment vertical="center"/>
    </xf>
    <xf numFmtId="0" fontId="94" fillId="0" borderId="276" xfId="2" applyFont="1" applyBorder="1">
      <alignment vertical="center"/>
    </xf>
    <xf numFmtId="0" fontId="94" fillId="0" borderId="0" xfId="2" quotePrefix="1" applyFont="1" applyAlignment="1">
      <alignment horizontal="right" vertical="top"/>
    </xf>
    <xf numFmtId="0" fontId="35" fillId="0" borderId="0" xfId="17" applyFont="1">
      <alignment vertical="center"/>
    </xf>
    <xf numFmtId="0" fontId="10" fillId="0" borderId="0" xfId="17" applyFont="1">
      <alignment vertical="center"/>
    </xf>
    <xf numFmtId="0" fontId="94" fillId="0" borderId="0" xfId="17" applyFont="1" applyAlignment="1">
      <alignment horizontal="left" vertical="center"/>
    </xf>
    <xf numFmtId="0" fontId="94" fillId="0" borderId="0" xfId="17" applyFont="1">
      <alignment vertical="center"/>
    </xf>
    <xf numFmtId="0" fontId="94" fillId="0" borderId="267" xfId="17" applyFont="1" applyBorder="1">
      <alignment vertical="center"/>
    </xf>
    <xf numFmtId="0" fontId="94" fillId="0" borderId="268" xfId="17" applyFont="1" applyBorder="1" applyAlignment="1">
      <alignment horizontal="left" vertical="center"/>
    </xf>
    <xf numFmtId="0" fontId="10" fillId="0" borderId="0" xfId="7" applyFont="1" applyAlignment="1">
      <alignment vertical="center" wrapText="1"/>
    </xf>
    <xf numFmtId="0" fontId="94" fillId="0" borderId="277" xfId="2" applyFont="1" applyBorder="1">
      <alignment vertical="center"/>
    </xf>
    <xf numFmtId="0" fontId="94" fillId="0" borderId="271" xfId="2" applyFont="1" applyBorder="1" applyAlignment="1">
      <alignment horizontal="left" vertical="center"/>
    </xf>
    <xf numFmtId="0" fontId="94" fillId="0" borderId="271" xfId="2" applyFont="1" applyBorder="1" applyAlignment="1">
      <alignment horizontal="center" vertical="center"/>
    </xf>
    <xf numFmtId="0" fontId="94" fillId="0" borderId="290" xfId="2" applyFont="1" applyBorder="1" applyAlignment="1">
      <alignment horizontal="left" vertical="center" wrapText="1" justifyLastLine="1"/>
    </xf>
    <xf numFmtId="0" fontId="94" fillId="0" borderId="271" xfId="2" applyFont="1" applyBorder="1" applyAlignment="1">
      <alignment horizontal="right" vertical="center"/>
    </xf>
    <xf numFmtId="0" fontId="94" fillId="0" borderId="269" xfId="2" applyFont="1" applyBorder="1" applyAlignment="1">
      <alignment horizontal="left" vertical="center" wrapText="1" justifyLastLine="1"/>
    </xf>
    <xf numFmtId="0" fontId="94" fillId="0" borderId="0" xfId="2" applyFont="1" applyAlignment="1">
      <alignment horizontal="left" vertical="center" wrapText="1" justifyLastLine="1"/>
    </xf>
    <xf numFmtId="0" fontId="94" fillId="0" borderId="290" xfId="2" applyFont="1" applyBorder="1" applyAlignment="1">
      <alignment horizontal="right" vertical="center"/>
    </xf>
    <xf numFmtId="0" fontId="94" fillId="0" borderId="0" xfId="2" applyFont="1" applyAlignment="1">
      <alignment horizontal="right" vertical="top"/>
    </xf>
    <xf numFmtId="0" fontId="98" fillId="0" borderId="0" xfId="2" applyFont="1">
      <alignment vertical="center"/>
    </xf>
    <xf numFmtId="0" fontId="94" fillId="0" borderId="270" xfId="2" applyFont="1" applyBorder="1" applyAlignment="1">
      <alignment horizontal="center" vertical="center"/>
    </xf>
    <xf numFmtId="0" fontId="94" fillId="0" borderId="267" xfId="2" applyFont="1" applyBorder="1" applyAlignment="1">
      <alignment horizontal="center" vertical="center"/>
    </xf>
    <xf numFmtId="0" fontId="94" fillId="0" borderId="268" xfId="2" applyFont="1" applyBorder="1" applyAlignment="1">
      <alignment horizontal="center" vertical="center"/>
    </xf>
    <xf numFmtId="0" fontId="94" fillId="0" borderId="270" xfId="2" applyFont="1" applyBorder="1" applyAlignment="1">
      <alignment horizontal="left" vertical="center"/>
    </xf>
    <xf numFmtId="0" fontId="94" fillId="0" borderId="272" xfId="2" applyFont="1" applyBorder="1" applyAlignment="1">
      <alignment horizontal="center" vertical="center" wrapText="1" justifyLastLine="1"/>
    </xf>
    <xf numFmtId="0" fontId="94" fillId="0" borderId="164" xfId="2" applyFont="1" applyBorder="1" applyAlignment="1">
      <alignment horizontal="left" vertical="center" wrapText="1" justifyLastLine="1"/>
    </xf>
    <xf numFmtId="0" fontId="94" fillId="0" borderId="92" xfId="2" applyFont="1" applyBorder="1" applyAlignment="1">
      <alignment horizontal="left" vertical="center" wrapText="1" justifyLastLine="1"/>
    </xf>
    <xf numFmtId="0" fontId="94" fillId="0" borderId="161" xfId="2" applyFont="1" applyBorder="1" applyAlignment="1">
      <alignment horizontal="left" vertical="center" wrapText="1" justifyLastLine="1"/>
    </xf>
    <xf numFmtId="0" fontId="94" fillId="0" borderId="159" xfId="2" applyFont="1" applyBorder="1" applyAlignment="1">
      <alignment horizontal="left" vertical="center" wrapText="1" justifyLastLine="1"/>
    </xf>
    <xf numFmtId="0" fontId="94" fillId="0" borderId="270" xfId="2" applyFont="1" applyBorder="1" applyAlignment="1">
      <alignment horizontal="center" vertical="center" wrapText="1" justifyLastLine="1"/>
    </xf>
    <xf numFmtId="0" fontId="94" fillId="0" borderId="270" xfId="2" applyFont="1" applyBorder="1">
      <alignment vertical="center"/>
    </xf>
    <xf numFmtId="0" fontId="94" fillId="0" borderId="25" xfId="2" applyFont="1" applyBorder="1" applyAlignment="1">
      <alignment horizontal="center" vertical="center"/>
    </xf>
    <xf numFmtId="0" fontId="94" fillId="0" borderId="25" xfId="2" applyFont="1" applyBorder="1">
      <alignment vertical="center"/>
    </xf>
    <xf numFmtId="0" fontId="94" fillId="0" borderId="277" xfId="2" applyFont="1" applyBorder="1" applyAlignment="1">
      <alignment horizontal="center" vertical="center" justifyLastLine="1"/>
    </xf>
    <xf numFmtId="0" fontId="94" fillId="0" borderId="277" xfId="2" applyFont="1" applyBorder="1" applyAlignment="1">
      <alignment vertical="center" justifyLastLine="1"/>
    </xf>
    <xf numFmtId="0" fontId="94" fillId="0" borderId="0" xfId="2" applyFont="1" applyAlignment="1">
      <alignment horizontal="center" vertical="center" justifyLastLine="1"/>
    </xf>
    <xf numFmtId="0" fontId="94" fillId="0" borderId="0" xfId="2" applyFont="1" applyAlignment="1">
      <alignment horizontal="center" vertical="center"/>
    </xf>
    <xf numFmtId="0" fontId="94" fillId="0" borderId="0" xfId="2" applyFont="1" applyAlignment="1">
      <alignment vertical="center" justifyLastLine="1"/>
    </xf>
    <xf numFmtId="0" fontId="94" fillId="0" borderId="0" xfId="2" applyFont="1" applyAlignment="1">
      <alignment vertical="top"/>
    </xf>
    <xf numFmtId="0" fontId="94" fillId="0" borderId="0" xfId="2" applyFont="1" applyAlignment="1">
      <alignment horizontal="left" vertical="top" justifyLastLine="1"/>
    </xf>
    <xf numFmtId="0" fontId="94" fillId="0" borderId="0" xfId="2" applyFont="1" applyAlignment="1">
      <alignment horizontal="center" vertical="top"/>
    </xf>
    <xf numFmtId="0" fontId="94" fillId="0" borderId="0" xfId="2" applyFont="1" applyAlignment="1">
      <alignment vertical="top" justifyLastLine="1"/>
    </xf>
    <xf numFmtId="0" fontId="94" fillId="0" borderId="3" xfId="2" applyFont="1" applyBorder="1" applyAlignment="1">
      <alignment vertical="top"/>
    </xf>
    <xf numFmtId="0" fontId="94" fillId="0" borderId="0" xfId="2" applyFont="1" applyAlignment="1">
      <alignment horizontal="right" vertical="top" justifyLastLine="1"/>
    </xf>
    <xf numFmtId="0" fontId="94" fillId="0" borderId="269" xfId="2" applyFont="1" applyBorder="1" applyAlignment="1">
      <alignment horizontal="right" vertical="center" justifyLastLine="1"/>
    </xf>
    <xf numFmtId="0" fontId="94" fillId="0" borderId="269" xfId="2" applyFont="1" applyBorder="1" applyAlignment="1">
      <alignment horizontal="center" vertical="center"/>
    </xf>
    <xf numFmtId="0" fontId="94" fillId="0" borderId="269" xfId="2" applyFont="1" applyBorder="1" applyAlignment="1">
      <alignment vertical="center" justifyLastLine="1"/>
    </xf>
    <xf numFmtId="0" fontId="5" fillId="0" borderId="0" xfId="17">
      <alignment vertical="center"/>
    </xf>
    <xf numFmtId="0" fontId="7" fillId="0" borderId="0" xfId="2" applyFont="1" applyAlignment="1">
      <alignment horizontal="center" vertical="center"/>
    </xf>
    <xf numFmtId="0" fontId="5" fillId="0" borderId="272" xfId="2" applyBorder="1">
      <alignment vertical="center"/>
    </xf>
    <xf numFmtId="0" fontId="94" fillId="0" borderId="293" xfId="2" applyFont="1" applyBorder="1" applyAlignment="1">
      <alignment horizontal="left" vertical="center" wrapText="1" justifyLastLine="1"/>
    </xf>
    <xf numFmtId="0" fontId="50" fillId="0" borderId="0" xfId="2" applyFont="1" applyAlignment="1">
      <alignment vertical="center" wrapText="1"/>
    </xf>
    <xf numFmtId="0" fontId="92" fillId="0" borderId="267" xfId="2" applyFont="1" applyBorder="1" applyAlignment="1">
      <alignment horizontal="center" vertical="center"/>
    </xf>
    <xf numFmtId="0" fontId="92" fillId="0" borderId="271" xfId="2" applyFont="1" applyBorder="1" applyAlignment="1">
      <alignment horizontal="center" vertical="center"/>
    </xf>
    <xf numFmtId="0" fontId="92" fillId="0" borderId="268" xfId="2" applyFont="1" applyBorder="1" applyAlignment="1">
      <alignment horizontal="center" vertical="center"/>
    </xf>
    <xf numFmtId="0" fontId="94" fillId="0" borderId="267" xfId="2" applyFont="1" applyBorder="1" applyAlignment="1">
      <alignment horizontal="left" vertical="center"/>
    </xf>
    <xf numFmtId="0" fontId="94" fillId="0" borderId="0" xfId="2" applyFont="1" applyAlignment="1">
      <alignment horizontal="right" vertical="center" indent="1"/>
    </xf>
    <xf numFmtId="0" fontId="94" fillId="0" borderId="0" xfId="2" applyFont="1" applyAlignment="1"/>
    <xf numFmtId="0" fontId="94" fillId="0" borderId="0" xfId="2" applyFont="1" applyAlignment="1">
      <alignment vertical="top" wrapText="1"/>
    </xf>
    <xf numFmtId="0" fontId="98" fillId="0" borderId="0" xfId="2" applyFont="1" applyAlignment="1">
      <alignment vertical="center" wrapText="1"/>
    </xf>
    <xf numFmtId="0" fontId="5" fillId="0" borderId="0" xfId="7">
      <alignment vertical="center"/>
    </xf>
    <xf numFmtId="0" fontId="5" fillId="0" borderId="0" xfId="7" applyAlignment="1">
      <alignment horizontal="center" vertical="center"/>
    </xf>
    <xf numFmtId="0" fontId="94" fillId="0" borderId="270" xfId="7" applyFont="1" applyBorder="1" applyAlignment="1">
      <alignment horizontal="center" vertical="center"/>
    </xf>
    <xf numFmtId="0" fontId="94" fillId="0" borderId="270" xfId="7" applyFont="1" applyBorder="1" applyAlignment="1">
      <alignment horizontal="center" vertical="center" wrapText="1"/>
    </xf>
    <xf numFmtId="0" fontId="94" fillId="0" borderId="271" xfId="7" applyFont="1" applyBorder="1" applyAlignment="1">
      <alignment horizontal="center" vertical="center"/>
    </xf>
    <xf numFmtId="0" fontId="94" fillId="0" borderId="290" xfId="7" applyFont="1" applyBorder="1" applyAlignment="1">
      <alignment horizontal="center" vertical="center"/>
    </xf>
    <xf numFmtId="0" fontId="94" fillId="0" borderId="291" xfId="7" applyFont="1" applyBorder="1" applyAlignment="1">
      <alignment horizontal="center" vertical="center"/>
    </xf>
    <xf numFmtId="0" fontId="94" fillId="0" borderId="0" xfId="7" applyFont="1" applyAlignment="1">
      <alignment horizontal="left" vertical="top"/>
    </xf>
    <xf numFmtId="0" fontId="92" fillId="0" borderId="0" xfId="2" applyFont="1" applyAlignment="1">
      <alignment horizontal="center" vertical="center" wrapText="1"/>
    </xf>
    <xf numFmtId="0" fontId="96" fillId="0" borderId="270" xfId="2" applyFont="1" applyBorder="1" applyAlignment="1">
      <alignment horizontal="center" vertical="center" shrinkToFit="1"/>
    </xf>
    <xf numFmtId="0" fontId="94" fillId="0" borderId="270" xfId="2" applyFont="1" applyBorder="1" applyAlignment="1">
      <alignment horizontal="right" vertical="center" indent="1"/>
    </xf>
    <xf numFmtId="0" fontId="96" fillId="0" borderId="0" xfId="2" applyFont="1" applyAlignment="1">
      <alignment vertical="top" wrapText="1"/>
    </xf>
    <xf numFmtId="0" fontId="94" fillId="0" borderId="292" xfId="7" applyFont="1" applyBorder="1" applyAlignment="1">
      <alignment horizontal="center" vertical="center"/>
    </xf>
    <xf numFmtId="0" fontId="94" fillId="0" borderId="272" xfId="7" applyFont="1" applyBorder="1" applyAlignment="1">
      <alignment horizontal="center" vertical="center"/>
    </xf>
    <xf numFmtId="0" fontId="94" fillId="0" borderId="3" xfId="7" applyFont="1" applyBorder="1" applyAlignment="1">
      <alignment horizontal="center" vertical="center"/>
    </xf>
    <xf numFmtId="0" fontId="94" fillId="0" borderId="275" xfId="7" applyFont="1" applyBorder="1" applyAlignment="1">
      <alignment horizontal="center" vertical="center"/>
    </xf>
    <xf numFmtId="0" fontId="94" fillId="0" borderId="269" xfId="7" applyFont="1" applyBorder="1" applyAlignment="1">
      <alignment horizontal="center" vertical="center"/>
    </xf>
    <xf numFmtId="0" fontId="94" fillId="0" borderId="276" xfId="7" applyFont="1" applyBorder="1" applyAlignment="1">
      <alignment horizontal="center" vertical="center"/>
    </xf>
    <xf numFmtId="0" fontId="94" fillId="0" borderId="0" xfId="7" applyFont="1" applyAlignment="1">
      <alignment horizontal="left" vertical="center" wrapText="1"/>
    </xf>
    <xf numFmtId="0" fontId="94" fillId="0" borderId="0" xfId="17" applyFont="1" applyAlignment="1">
      <alignment horizontal="right" vertical="top" wrapText="1"/>
    </xf>
    <xf numFmtId="0" fontId="94" fillId="0" borderId="0" xfId="7" quotePrefix="1" applyFont="1" applyAlignment="1">
      <alignment horizontal="right" vertical="top"/>
    </xf>
    <xf numFmtId="0" fontId="94" fillId="0" borderId="0" xfId="7" applyFont="1" applyAlignment="1">
      <alignment vertical="center" wrapText="1"/>
    </xf>
    <xf numFmtId="0" fontId="94" fillId="0" borderId="0" xfId="17" quotePrefix="1" applyFont="1" applyAlignment="1">
      <alignment horizontal="right" vertical="top"/>
    </xf>
    <xf numFmtId="0" fontId="94" fillId="0" borderId="0" xfId="7" applyFont="1" applyAlignment="1">
      <alignment horizontal="right" vertical="top"/>
    </xf>
    <xf numFmtId="0" fontId="94" fillId="0" borderId="0" xfId="7" applyFont="1" applyAlignment="1">
      <alignment vertical="top" wrapText="1"/>
    </xf>
    <xf numFmtId="0" fontId="92" fillId="0" borderId="0" xfId="9" applyFont="1">
      <alignment vertical="center"/>
    </xf>
    <xf numFmtId="0" fontId="94" fillId="0" borderId="0" xfId="9" applyFont="1">
      <alignment vertical="center"/>
    </xf>
    <xf numFmtId="0" fontId="5" fillId="0" borderId="0" xfId="9">
      <alignment vertical="center"/>
    </xf>
    <xf numFmtId="0" fontId="97" fillId="0" borderId="0" xfId="9" applyFont="1" applyAlignment="1">
      <alignment horizontal="right" vertical="center"/>
    </xf>
    <xf numFmtId="0" fontId="92" fillId="0" borderId="0" xfId="9" applyFont="1" applyAlignment="1">
      <alignment horizontal="center" vertical="center"/>
    </xf>
    <xf numFmtId="0" fontId="94" fillId="0" borderId="267" xfId="9" applyFont="1" applyBorder="1" applyAlignment="1">
      <alignment horizontal="center" vertical="center"/>
    </xf>
    <xf numFmtId="0" fontId="92" fillId="0" borderId="267" xfId="9" applyFont="1" applyBorder="1" applyAlignment="1">
      <alignment horizontal="center" vertical="center"/>
    </xf>
    <xf numFmtId="0" fontId="92" fillId="0" borderId="271" xfId="9" applyFont="1" applyBorder="1" applyAlignment="1">
      <alignment horizontal="center" vertical="center"/>
    </xf>
    <xf numFmtId="0" fontId="92" fillId="0" borderId="268" xfId="9" applyFont="1" applyBorder="1" applyAlignment="1">
      <alignment horizontal="center" vertical="center"/>
    </xf>
    <xf numFmtId="0" fontId="94" fillId="0" borderId="270" xfId="9" applyFont="1" applyBorder="1" applyAlignment="1">
      <alignment horizontal="center" vertical="center"/>
    </xf>
    <xf numFmtId="0" fontId="94" fillId="0" borderId="270" xfId="9" applyFont="1" applyBorder="1" applyAlignment="1">
      <alignment horizontal="left" vertical="center"/>
    </xf>
    <xf numFmtId="0" fontId="94" fillId="0" borderId="292" xfId="9" applyFont="1" applyBorder="1">
      <alignment vertical="center"/>
    </xf>
    <xf numFmtId="0" fontId="94" fillId="0" borderId="290" xfId="9" applyFont="1" applyBorder="1">
      <alignment vertical="center"/>
    </xf>
    <xf numFmtId="0" fontId="94" fillId="0" borderId="291" xfId="9" applyFont="1" applyBorder="1">
      <alignment vertical="center"/>
    </xf>
    <xf numFmtId="0" fontId="94" fillId="0" borderId="272" xfId="9" applyFont="1" applyBorder="1">
      <alignment vertical="center"/>
    </xf>
    <xf numFmtId="0" fontId="94" fillId="0" borderId="269" xfId="9" applyFont="1" applyBorder="1">
      <alignment vertical="center"/>
    </xf>
    <xf numFmtId="0" fontId="94" fillId="0" borderId="269" xfId="9" applyFont="1" applyBorder="1" applyAlignment="1">
      <alignment horizontal="center" vertical="center"/>
    </xf>
    <xf numFmtId="0" fontId="94" fillId="0" borderId="0" xfId="9" applyFont="1" applyAlignment="1">
      <alignment horizontal="center" vertical="center"/>
    </xf>
    <xf numFmtId="0" fontId="94" fillId="0" borderId="3" xfId="9" applyFont="1" applyBorder="1">
      <alignment vertical="center"/>
    </xf>
    <xf numFmtId="0" fontId="94" fillId="0" borderId="270" xfId="9" applyFont="1" applyBorder="1" applyAlignment="1">
      <alignment horizontal="center" vertical="center" shrinkToFit="1"/>
    </xf>
    <xf numFmtId="0" fontId="94" fillId="0" borderId="270" xfId="9" applyFont="1" applyBorder="1" applyAlignment="1">
      <alignment horizontal="right" vertical="center" indent="1"/>
    </xf>
    <xf numFmtId="0" fontId="94" fillId="0" borderId="0" xfId="9" applyFont="1" applyAlignment="1">
      <alignment horizontal="right" vertical="center" indent="1"/>
    </xf>
    <xf numFmtId="0" fontId="94" fillId="0" borderId="275" xfId="9" applyFont="1" applyBorder="1">
      <alignment vertical="center"/>
    </xf>
    <xf numFmtId="0" fontId="94" fillId="0" borderId="276" xfId="9" applyFont="1" applyBorder="1">
      <alignment vertical="center"/>
    </xf>
    <xf numFmtId="0" fontId="5" fillId="0" borderId="0" xfId="9" applyAlignment="1">
      <alignment horizontal="left" vertical="center" indent="3"/>
    </xf>
    <xf numFmtId="0" fontId="91" fillId="0" borderId="0" xfId="10" applyFont="1" applyAlignment="1">
      <alignment horizontal="left" vertical="center"/>
    </xf>
    <xf numFmtId="0" fontId="91" fillId="0" borderId="3" xfId="10" applyFont="1" applyBorder="1" applyAlignment="1">
      <alignment horizontal="left" vertical="center"/>
    </xf>
    <xf numFmtId="0" fontId="91" fillId="0" borderId="0" xfId="10" applyFont="1" applyAlignment="1">
      <alignment horizontal="right" vertical="top"/>
    </xf>
    <xf numFmtId="0" fontId="91" fillId="0" borderId="0" xfId="10" applyFont="1" applyAlignment="1">
      <alignment horizontal="center" vertical="center"/>
    </xf>
    <xf numFmtId="0" fontId="91" fillId="0" borderId="13" xfId="10" applyFont="1" applyBorder="1" applyAlignment="1">
      <alignment horizontal="center" vertical="center"/>
    </xf>
    <xf numFmtId="0" fontId="91" fillId="0" borderId="14" xfId="10" applyFont="1" applyBorder="1" applyAlignment="1">
      <alignment horizontal="center" vertical="center"/>
    </xf>
    <xf numFmtId="0" fontId="91" fillId="0" borderId="15" xfId="10" applyFont="1" applyBorder="1" applyAlignment="1">
      <alignment horizontal="center" vertical="center"/>
    </xf>
    <xf numFmtId="0" fontId="91" fillId="0" borderId="1" xfId="10" applyFont="1" applyBorder="1" applyAlignment="1">
      <alignment horizontal="center" vertical="center"/>
    </xf>
    <xf numFmtId="0" fontId="91" fillId="0" borderId="13" xfId="10" applyFont="1" applyBorder="1" applyAlignment="1">
      <alignment horizontal="center" vertical="center" shrinkToFit="1"/>
    </xf>
    <xf numFmtId="0" fontId="91" fillId="0" borderId="14" xfId="10" applyFont="1" applyBorder="1" applyAlignment="1">
      <alignment horizontal="center" vertical="center" shrinkToFit="1"/>
    </xf>
    <xf numFmtId="0" fontId="91" fillId="0" borderId="15" xfId="10" applyFont="1" applyBorder="1" applyAlignment="1">
      <alignment horizontal="center" vertical="center" shrinkToFit="1"/>
    </xf>
    <xf numFmtId="0" fontId="135" fillId="0" borderId="0" xfId="10" applyFont="1" applyBorder="1" applyAlignment="1">
      <alignment horizontal="center" vertical="center"/>
    </xf>
    <xf numFmtId="0" fontId="91" fillId="0" borderId="0" xfId="10" applyFont="1" applyAlignment="1">
      <alignment horizontal="left" vertical="top" wrapText="1"/>
    </xf>
    <xf numFmtId="0" fontId="91" fillId="0" borderId="3" xfId="10" applyFont="1" applyBorder="1" applyAlignment="1">
      <alignment horizontal="left" vertical="top" wrapText="1"/>
    </xf>
    <xf numFmtId="0" fontId="91" fillId="0" borderId="0" xfId="10" applyFont="1" applyAlignment="1">
      <alignment horizontal="left" vertical="center" wrapText="1"/>
    </xf>
    <xf numFmtId="0" fontId="91" fillId="0" borderId="3" xfId="10" applyFont="1" applyBorder="1" applyAlignment="1">
      <alignment horizontal="left" vertical="center" wrapText="1"/>
    </xf>
    <xf numFmtId="0" fontId="135" fillId="0" borderId="6" xfId="10" applyFont="1" applyBorder="1" applyAlignment="1">
      <alignment horizontal="center" vertical="center"/>
    </xf>
    <xf numFmtId="0" fontId="135" fillId="0" borderId="0" xfId="10" applyFont="1" applyAlignment="1">
      <alignment horizontal="center" vertical="center"/>
    </xf>
    <xf numFmtId="0" fontId="135" fillId="0" borderId="3" xfId="10" applyFont="1" applyBorder="1" applyAlignment="1">
      <alignment horizontal="center" vertical="center"/>
    </xf>
    <xf numFmtId="0" fontId="111" fillId="0" borderId="13" xfId="10" applyFont="1" applyBorder="1" applyAlignment="1">
      <alignment horizontal="center" vertical="center"/>
    </xf>
    <xf numFmtId="0" fontId="111" fillId="0" borderId="14" xfId="10" applyFont="1" applyBorder="1" applyAlignment="1">
      <alignment horizontal="center" vertical="center"/>
    </xf>
    <xf numFmtId="0" fontId="111" fillId="0" borderId="15" xfId="10" applyFont="1" applyBorder="1" applyAlignment="1">
      <alignment horizontal="center" vertical="center"/>
    </xf>
    <xf numFmtId="0" fontId="91" fillId="0" borderId="13" xfId="10" applyFont="1" applyBorder="1" applyAlignment="1">
      <alignment horizontal="center" vertical="center" wrapText="1"/>
    </xf>
    <xf numFmtId="0" fontId="91" fillId="0" borderId="14" xfId="10" applyFont="1" applyBorder="1" applyAlignment="1">
      <alignment horizontal="center" vertical="center" wrapText="1"/>
    </xf>
    <xf numFmtId="0" fontId="91" fillId="0" borderId="15" xfId="10" applyFont="1" applyBorder="1" applyAlignment="1">
      <alignment horizontal="center" vertical="center" wrapText="1"/>
    </xf>
    <xf numFmtId="0" fontId="91" fillId="0" borderId="1" xfId="10" applyFont="1" applyBorder="1" applyAlignment="1">
      <alignment horizontal="left" vertical="center" wrapText="1"/>
    </xf>
    <xf numFmtId="0" fontId="91" fillId="0" borderId="2" xfId="10" applyFont="1" applyBorder="1" applyAlignment="1">
      <alignment horizontal="right" vertical="center"/>
    </xf>
    <xf numFmtId="0" fontId="91" fillId="0" borderId="8" xfId="10" applyFont="1" applyBorder="1" applyAlignment="1">
      <alignment horizontal="right" vertical="center"/>
    </xf>
    <xf numFmtId="0" fontId="91" fillId="0" borderId="9" xfId="10" applyFont="1" applyBorder="1" applyAlignment="1">
      <alignment horizontal="right" vertical="center"/>
    </xf>
    <xf numFmtId="0" fontId="91" fillId="0" borderId="1" xfId="10" applyFont="1" applyBorder="1" applyAlignment="1">
      <alignment horizontal="right" vertical="center"/>
    </xf>
    <xf numFmtId="0" fontId="111" fillId="0" borderId="62" xfId="10" applyFont="1" applyBorder="1" applyAlignment="1">
      <alignment horizontal="right" vertical="center"/>
    </xf>
    <xf numFmtId="0" fontId="136" fillId="0" borderId="0" xfId="10" applyFont="1" applyAlignment="1">
      <alignment horizontal="left" vertical="center" wrapText="1"/>
    </xf>
    <xf numFmtId="0" fontId="136" fillId="0" borderId="3" xfId="10" applyFont="1" applyBorder="1" applyAlignment="1">
      <alignment horizontal="left" vertical="center" wrapText="1"/>
    </xf>
    <xf numFmtId="0" fontId="91" fillId="0" borderId="62" xfId="10" applyFont="1" applyBorder="1" applyAlignment="1">
      <alignment horizontal="right" vertical="center"/>
    </xf>
    <xf numFmtId="0" fontId="91" fillId="0" borderId="13" xfId="10" applyFont="1" applyBorder="1" applyAlignment="1">
      <alignment horizontal="right" vertical="center"/>
    </xf>
    <xf numFmtId="0" fontId="91" fillId="0" borderId="14" xfId="10" applyFont="1" applyBorder="1" applyAlignment="1">
      <alignment horizontal="right" vertical="center"/>
    </xf>
    <xf numFmtId="0" fontId="91" fillId="0" borderId="15" xfId="10" applyFont="1" applyBorder="1" applyAlignment="1">
      <alignment horizontal="right" vertical="center"/>
    </xf>
    <xf numFmtId="0" fontId="91" fillId="0" borderId="63" xfId="10" applyFont="1" applyBorder="1" applyAlignment="1">
      <alignment horizontal="center" vertical="center" wrapText="1"/>
    </xf>
    <xf numFmtId="0" fontId="91" fillId="0" borderId="64" xfId="10" applyFont="1" applyBorder="1" applyAlignment="1">
      <alignment horizontal="center" vertical="center" wrapText="1"/>
    </xf>
    <xf numFmtId="0" fontId="91" fillId="0" borderId="65" xfId="10" applyFont="1" applyBorder="1" applyAlignment="1">
      <alignment horizontal="center" vertical="center" wrapText="1"/>
    </xf>
    <xf numFmtId="0" fontId="91" fillId="0" borderId="2" xfId="10" applyFont="1" applyBorder="1" applyAlignment="1">
      <alignment horizontal="center" vertical="center" wrapText="1"/>
    </xf>
    <xf numFmtId="0" fontId="91" fillId="0" borderId="8" xfId="10" applyFont="1" applyBorder="1" applyAlignment="1">
      <alignment horizontal="center" vertical="center" wrapText="1"/>
    </xf>
    <xf numFmtId="0" fontId="91" fillId="0" borderId="9" xfId="10" applyFont="1" applyBorder="1" applyAlignment="1">
      <alignment horizontal="center" vertical="center" wrapText="1"/>
    </xf>
    <xf numFmtId="0" fontId="91" fillId="0" borderId="7" xfId="10" applyFont="1" applyBorder="1" applyAlignment="1">
      <alignment horizontal="center" vertical="center" wrapText="1"/>
    </xf>
    <xf numFmtId="0" fontId="91" fillId="0" borderId="4" xfId="10" applyFont="1" applyBorder="1" applyAlignment="1">
      <alignment horizontal="center" vertical="center" wrapText="1"/>
    </xf>
    <xf numFmtId="0" fontId="91" fillId="0" borderId="5" xfId="10" applyFont="1" applyBorder="1" applyAlignment="1">
      <alignment horizontal="center" vertical="center" wrapText="1"/>
    </xf>
    <xf numFmtId="0" fontId="134" fillId="0" borderId="0" xfId="10" applyFont="1" applyAlignment="1">
      <alignment horizontal="left" vertical="center" wrapText="1"/>
    </xf>
    <xf numFmtId="0" fontId="91" fillId="0" borderId="0" xfId="10" applyFont="1" applyAlignment="1">
      <alignment horizontal="left" vertical="top"/>
    </xf>
    <xf numFmtId="0" fontId="91" fillId="0" borderId="3" xfId="10" applyFont="1" applyBorder="1" applyAlignment="1">
      <alignment horizontal="left" vertical="top"/>
    </xf>
    <xf numFmtId="0" fontId="124" fillId="0" borderId="13" xfId="10" applyFont="1" applyBorder="1" applyAlignment="1">
      <alignment horizontal="center" vertical="center" wrapText="1"/>
    </xf>
    <xf numFmtId="0" fontId="124" fillId="0" borderId="14" xfId="10" applyFont="1" applyBorder="1" applyAlignment="1">
      <alignment horizontal="center" vertical="center" wrapText="1"/>
    </xf>
    <xf numFmtId="0" fontId="124" fillId="0" borderId="15" xfId="10" applyFont="1" applyBorder="1" applyAlignment="1">
      <alignment horizontal="center" vertical="center" wrapText="1"/>
    </xf>
    <xf numFmtId="0" fontId="91" fillId="0" borderId="6" xfId="10" applyFont="1" applyBorder="1" applyAlignment="1">
      <alignment horizontal="center" vertical="center" wrapText="1"/>
    </xf>
    <xf numFmtId="0" fontId="91" fillId="0" borderId="0" xfId="10" applyFont="1" applyAlignment="1">
      <alignment horizontal="center" vertical="center" wrapText="1"/>
    </xf>
    <xf numFmtId="0" fontId="91" fillId="0" borderId="3" xfId="10" applyFont="1" applyBorder="1" applyAlignment="1">
      <alignment horizontal="center" vertical="center" wrapText="1"/>
    </xf>
    <xf numFmtId="0" fontId="111" fillId="0" borderId="13" xfId="10" applyFont="1" applyBorder="1" applyAlignment="1">
      <alignment horizontal="right" vertical="center"/>
    </xf>
    <xf numFmtId="0" fontId="111" fillId="0" borderId="14" xfId="10" applyFont="1" applyBorder="1" applyAlignment="1">
      <alignment horizontal="right" vertical="center"/>
    </xf>
    <xf numFmtId="0" fontId="111" fillId="0" borderId="15" xfId="10" applyFont="1" applyBorder="1" applyAlignment="1">
      <alignment horizontal="right" vertical="center"/>
    </xf>
    <xf numFmtId="0" fontId="91" fillId="0" borderId="1" xfId="10" applyFont="1" applyBorder="1" applyAlignment="1">
      <alignment horizontal="left" vertical="center"/>
    </xf>
    <xf numFmtId="0" fontId="91" fillId="0" borderId="63" xfId="10" applyFont="1" applyBorder="1" applyAlignment="1">
      <alignment horizontal="center" vertical="center"/>
    </xf>
    <xf numFmtId="0" fontId="91" fillId="0" borderId="64" xfId="10" applyFont="1" applyBorder="1" applyAlignment="1">
      <alignment horizontal="center" vertical="center"/>
    </xf>
    <xf numFmtId="0" fontId="91" fillId="0" borderId="0" xfId="10" applyFont="1" applyBorder="1" applyAlignment="1">
      <alignment horizontal="left" vertical="top" wrapText="1"/>
    </xf>
    <xf numFmtId="0" fontId="91" fillId="0" borderId="4" xfId="10" applyFont="1" applyBorder="1" applyAlignment="1">
      <alignment horizontal="left" vertical="top" wrapText="1"/>
    </xf>
    <xf numFmtId="0" fontId="91" fillId="0" borderId="5" xfId="10" applyFont="1" applyBorder="1" applyAlignment="1">
      <alignment horizontal="left" vertical="top" wrapText="1"/>
    </xf>
    <xf numFmtId="0" fontId="67" fillId="0" borderId="0" xfId="10" applyFont="1" applyAlignment="1">
      <alignment horizontal="right" vertical="top"/>
    </xf>
    <xf numFmtId="0" fontId="67" fillId="0" borderId="0" xfId="10" applyFont="1" applyAlignment="1">
      <alignment horizontal="center" vertical="center"/>
    </xf>
    <xf numFmtId="0" fontId="139" fillId="0" borderId="13" xfId="10" applyFont="1" applyBorder="1" applyAlignment="1">
      <alignment horizontal="center" vertical="center"/>
    </xf>
    <xf numFmtId="0" fontId="139" fillId="0" borderId="14" xfId="10" applyFont="1" applyBorder="1" applyAlignment="1">
      <alignment horizontal="center" vertical="center"/>
    </xf>
    <xf numFmtId="0" fontId="139" fillId="0" borderId="15" xfId="10" applyFont="1" applyBorder="1" applyAlignment="1">
      <alignment horizontal="center" vertical="center"/>
    </xf>
    <xf numFmtId="0" fontId="67" fillId="0" borderId="13" xfId="10" applyFont="1" applyBorder="1" applyAlignment="1">
      <alignment horizontal="center" vertical="center" wrapText="1"/>
    </xf>
    <xf numFmtId="0" fontId="67" fillId="0" borderId="14" xfId="10" applyFont="1" applyBorder="1" applyAlignment="1">
      <alignment horizontal="center" vertical="center"/>
    </xf>
    <xf numFmtId="0" fontId="67" fillId="0" borderId="15" xfId="10" applyFont="1" applyBorder="1" applyAlignment="1">
      <alignment horizontal="center" vertical="center"/>
    </xf>
    <xf numFmtId="0" fontId="67" fillId="0" borderId="14" xfId="10" applyFont="1" applyBorder="1" applyAlignment="1">
      <alignment horizontal="center" vertical="center" wrapText="1"/>
    </xf>
    <xf numFmtId="0" fontId="67" fillId="0" borderId="15" xfId="10" applyFont="1" applyBorder="1" applyAlignment="1">
      <alignment horizontal="center" vertical="center" wrapText="1"/>
    </xf>
    <xf numFmtId="0" fontId="138" fillId="0" borderId="6" xfId="10" applyFont="1" applyBorder="1" applyAlignment="1">
      <alignment horizontal="center" vertical="center"/>
    </xf>
    <xf numFmtId="0" fontId="138" fillId="0" borderId="0" xfId="10" applyFont="1" applyAlignment="1">
      <alignment horizontal="center" vertical="center"/>
    </xf>
    <xf numFmtId="0" fontId="138" fillId="0" borderId="3" xfId="10" applyFont="1" applyBorder="1" applyAlignment="1">
      <alignment horizontal="center" vertical="center"/>
    </xf>
    <xf numFmtId="0" fontId="67" fillId="0" borderId="0" xfId="10" applyFont="1" applyAlignment="1">
      <alignment horizontal="left" vertical="top" wrapText="1"/>
    </xf>
    <xf numFmtId="0" fontId="67" fillId="0" borderId="3" xfId="10" applyFont="1" applyBorder="1" applyAlignment="1">
      <alignment horizontal="left" vertical="top" wrapText="1"/>
    </xf>
    <xf numFmtId="0" fontId="67" fillId="0" borderId="0" xfId="10" applyFont="1" applyAlignment="1">
      <alignment horizontal="left" vertical="top"/>
    </xf>
    <xf numFmtId="0" fontId="67" fillId="0" borderId="0" xfId="10" applyFont="1" applyAlignment="1">
      <alignment horizontal="left" vertical="center"/>
    </xf>
    <xf numFmtId="0" fontId="67" fillId="0" borderId="3" xfId="10" applyFont="1" applyBorder="1" applyAlignment="1">
      <alignment horizontal="left" vertical="center"/>
    </xf>
    <xf numFmtId="0" fontId="67" fillId="0" borderId="0" xfId="10" applyFont="1" applyAlignment="1">
      <alignment horizontal="left" vertical="center" wrapText="1"/>
    </xf>
    <xf numFmtId="0" fontId="67" fillId="0" borderId="3" xfId="10" applyFont="1" applyBorder="1" applyAlignment="1">
      <alignment horizontal="left" vertical="center" wrapText="1"/>
    </xf>
    <xf numFmtId="0" fontId="67" fillId="0" borderId="1" xfId="10" applyFont="1" applyBorder="1" applyAlignment="1">
      <alignment horizontal="left" vertical="center" wrapText="1"/>
    </xf>
    <xf numFmtId="0" fontId="67" fillId="0" borderId="2" xfId="10" applyFont="1" applyBorder="1" applyAlignment="1">
      <alignment horizontal="right" vertical="center"/>
    </xf>
    <xf numFmtId="0" fontId="67" fillId="0" borderId="8" xfId="10" applyFont="1" applyBorder="1" applyAlignment="1">
      <alignment horizontal="right" vertical="center"/>
    </xf>
    <xf numFmtId="0" fontId="67" fillId="0" borderId="9" xfId="10" applyFont="1" applyBorder="1" applyAlignment="1">
      <alignment horizontal="right" vertical="center"/>
    </xf>
    <xf numFmtId="0" fontId="67" fillId="0" borderId="1" xfId="10" applyFont="1" applyBorder="1" applyAlignment="1">
      <alignment horizontal="right" vertical="center"/>
    </xf>
    <xf numFmtId="0" fontId="139" fillId="0" borderId="62" xfId="10" applyFont="1" applyBorder="1" applyAlignment="1">
      <alignment horizontal="right" vertical="center"/>
    </xf>
    <xf numFmtId="0" fontId="140" fillId="0" borderId="0" xfId="10" applyFont="1" applyAlignment="1">
      <alignment horizontal="left" vertical="center" wrapText="1"/>
    </xf>
    <xf numFmtId="0" fontId="140" fillId="0" borderId="3" xfId="10" applyFont="1" applyBorder="1" applyAlignment="1">
      <alignment horizontal="left" vertical="center" wrapText="1"/>
    </xf>
    <xf numFmtId="0" fontId="67" fillId="0" borderId="62" xfId="10" applyFont="1" applyBorder="1" applyAlignment="1">
      <alignment horizontal="right" vertical="center"/>
    </xf>
    <xf numFmtId="0" fontId="67" fillId="0" borderId="13" xfId="10" applyFont="1" applyBorder="1" applyAlignment="1">
      <alignment horizontal="center" vertical="center"/>
    </xf>
    <xf numFmtId="0" fontId="67" fillId="0" borderId="13" xfId="10" applyFont="1" applyBorder="1" applyAlignment="1">
      <alignment horizontal="right" vertical="center"/>
    </xf>
    <xf numFmtId="0" fontId="67" fillId="0" borderId="15" xfId="10" applyFont="1" applyBorder="1" applyAlignment="1">
      <alignment horizontal="right" vertical="center"/>
    </xf>
    <xf numFmtId="0" fontId="67" fillId="0" borderId="63" xfId="10" applyFont="1" applyBorder="1" applyAlignment="1">
      <alignment horizontal="center" vertical="center" wrapText="1"/>
    </xf>
    <xf numFmtId="0" fontId="67" fillId="0" borderId="64" xfId="10" applyFont="1" applyBorder="1" applyAlignment="1">
      <alignment horizontal="center" vertical="center" wrapText="1"/>
    </xf>
    <xf numFmtId="0" fontId="67" fillId="0" borderId="65" xfId="10" applyFont="1" applyBorder="1" applyAlignment="1">
      <alignment horizontal="center" vertical="center" wrapText="1"/>
    </xf>
    <xf numFmtId="0" fontId="67" fillId="0" borderId="1" xfId="10" applyFont="1" applyBorder="1" applyAlignment="1">
      <alignment horizontal="center" vertical="center"/>
    </xf>
    <xf numFmtId="0" fontId="67" fillId="0" borderId="2" xfId="10" applyFont="1" applyBorder="1" applyAlignment="1">
      <alignment horizontal="center" vertical="center" wrapText="1"/>
    </xf>
    <xf numFmtId="0" fontId="67" fillId="0" borderId="8" xfId="10" applyFont="1" applyBorder="1" applyAlignment="1">
      <alignment horizontal="center" vertical="center" wrapText="1"/>
    </xf>
    <xf numFmtId="0" fontId="67" fillId="0" borderId="9" xfId="10" applyFont="1" applyBorder="1" applyAlignment="1">
      <alignment horizontal="center" vertical="center" wrapText="1"/>
    </xf>
    <xf numFmtId="0" fontId="67" fillId="0" borderId="7" xfId="10" applyFont="1" applyBorder="1" applyAlignment="1">
      <alignment horizontal="center" vertical="center" wrapText="1"/>
    </xf>
    <xf numFmtId="0" fontId="67" fillId="0" borderId="4" xfId="10" applyFont="1" applyBorder="1" applyAlignment="1">
      <alignment horizontal="center" vertical="center" wrapText="1"/>
    </xf>
    <xf numFmtId="0" fontId="67" fillId="0" borderId="5" xfId="10" applyFont="1" applyBorder="1" applyAlignment="1">
      <alignment horizontal="center" vertical="center" wrapText="1"/>
    </xf>
    <xf numFmtId="0" fontId="67" fillId="0" borderId="0" xfId="10" applyFont="1" applyBorder="1" applyAlignment="1">
      <alignment horizontal="left" vertical="top" wrapText="1"/>
    </xf>
    <xf numFmtId="0" fontId="67" fillId="0" borderId="4" xfId="10" applyFont="1" applyBorder="1" applyAlignment="1">
      <alignment horizontal="left" vertical="top" wrapText="1"/>
    </xf>
    <xf numFmtId="0" fontId="67" fillId="0" borderId="5" xfId="10" applyFont="1" applyBorder="1" applyAlignment="1">
      <alignment horizontal="left" vertical="top" wrapText="1"/>
    </xf>
    <xf numFmtId="0" fontId="91" fillId="0" borderId="6" xfId="10" applyFont="1" applyBorder="1" applyAlignment="1">
      <alignment horizontal="center" vertical="center"/>
    </xf>
    <xf numFmtId="0" fontId="91" fillId="0" borderId="3" xfId="10" applyFont="1" applyBorder="1" applyAlignment="1">
      <alignment horizontal="center" vertical="center"/>
    </xf>
    <xf numFmtId="0" fontId="111" fillId="0" borderId="13" xfId="10" applyFont="1" applyBorder="1" applyAlignment="1">
      <alignment horizontal="center" vertical="center" wrapText="1"/>
    </xf>
    <xf numFmtId="0" fontId="111" fillId="0" borderId="14" xfId="10" applyFont="1" applyBorder="1" applyAlignment="1">
      <alignment horizontal="center" vertical="center" wrapText="1"/>
    </xf>
    <xf numFmtId="0" fontId="111" fillId="0" borderId="15" xfId="10" applyFont="1" applyBorder="1" applyAlignment="1">
      <alignment horizontal="center" vertical="center" wrapText="1"/>
    </xf>
    <xf numFmtId="0" fontId="94" fillId="0" borderId="0" xfId="2" applyFont="1" applyAlignment="1">
      <alignment horizontal="left" vertical="center" wrapText="1"/>
    </xf>
    <xf numFmtId="0" fontId="94" fillId="0" borderId="0" xfId="2" applyFont="1" applyAlignment="1">
      <alignment horizontal="right" vertical="center"/>
    </xf>
    <xf numFmtId="0" fontId="95" fillId="0" borderId="0" xfId="2" applyFont="1" applyAlignment="1">
      <alignment horizontal="center" vertical="center"/>
    </xf>
    <xf numFmtId="0" fontId="92" fillId="0" borderId="13" xfId="2" applyFont="1" applyBorder="1" applyAlignment="1">
      <alignment horizontal="center" vertical="center"/>
    </xf>
    <xf numFmtId="0" fontId="92" fillId="0" borderId="14" xfId="2" applyFont="1" applyBorder="1" applyAlignment="1">
      <alignment horizontal="center" vertical="center"/>
    </xf>
    <xf numFmtId="0" fontId="92" fillId="0" borderId="15" xfId="2" applyFont="1" applyBorder="1" applyAlignment="1">
      <alignment horizontal="center" vertical="center"/>
    </xf>
    <xf numFmtId="0" fontId="94" fillId="0" borderId="8" xfId="2" applyFont="1" applyBorder="1" applyAlignment="1">
      <alignment horizontal="center" vertical="center"/>
    </xf>
    <xf numFmtId="0" fontId="94" fillId="0" borderId="9" xfId="2" applyFont="1" applyBorder="1" applyAlignment="1">
      <alignment horizontal="center" vertical="center"/>
    </xf>
    <xf numFmtId="0" fontId="94" fillId="0" borderId="13" xfId="2" applyFont="1" applyBorder="1" applyAlignment="1">
      <alignment horizontal="center" vertical="center"/>
    </xf>
    <xf numFmtId="0" fontId="94" fillId="0" borderId="14" xfId="2" applyFont="1" applyBorder="1" applyAlignment="1">
      <alignment horizontal="center" vertical="center"/>
    </xf>
    <xf numFmtId="0" fontId="94" fillId="0" borderId="15" xfId="2" applyFont="1" applyBorder="1" applyAlignment="1">
      <alignment horizontal="center" vertical="center"/>
    </xf>
    <xf numFmtId="0" fontId="94" fillId="0" borderId="6" xfId="2" applyFont="1" applyBorder="1" applyAlignment="1">
      <alignment horizontal="left" vertical="center"/>
    </xf>
    <xf numFmtId="0" fontId="94" fillId="0" borderId="7" xfId="2" applyFont="1" applyBorder="1" applyAlignment="1">
      <alignment horizontal="left" vertical="center"/>
    </xf>
    <xf numFmtId="0" fontId="94" fillId="0" borderId="12" xfId="2" applyFont="1" applyBorder="1" applyAlignment="1">
      <alignment horizontal="left" vertical="center"/>
    </xf>
    <xf numFmtId="0" fontId="94" fillId="0" borderId="10" xfId="2" applyFont="1" applyBorder="1" applyAlignment="1">
      <alignment horizontal="left" vertical="center"/>
    </xf>
    <xf numFmtId="0" fontId="94" fillId="0" borderId="11" xfId="2" applyFont="1" applyBorder="1" applyAlignment="1">
      <alignment horizontal="left" vertical="center"/>
    </xf>
    <xf numFmtId="0" fontId="133" fillId="0" borderId="14" xfId="2" applyFont="1" applyBorder="1" applyAlignment="1">
      <alignment horizontal="left" vertical="center" wrapText="1"/>
    </xf>
    <xf numFmtId="0" fontId="133" fillId="0" borderId="15" xfId="2" applyFont="1" applyBorder="1" applyAlignment="1">
      <alignment horizontal="left" vertical="center" wrapText="1"/>
    </xf>
    <xf numFmtId="0" fontId="94" fillId="0" borderId="14" xfId="5" applyFont="1" applyFill="1" applyBorder="1" applyAlignment="1">
      <alignment horizontal="center" vertical="center"/>
    </xf>
    <xf numFmtId="0" fontId="94" fillId="0" borderId="257" xfId="5" applyFont="1" applyFill="1" applyBorder="1" applyAlignment="1">
      <alignment horizontal="center" vertical="center"/>
    </xf>
    <xf numFmtId="0" fontId="94" fillId="0" borderId="6" xfId="5" applyFont="1" applyFill="1" applyBorder="1" applyAlignment="1">
      <alignment vertical="center" textRotation="255"/>
    </xf>
    <xf numFmtId="0" fontId="94" fillId="0" borderId="3" xfId="5" applyFont="1" applyFill="1" applyBorder="1" applyAlignment="1">
      <alignment vertical="center" textRotation="255"/>
    </xf>
    <xf numFmtId="0" fontId="94" fillId="0" borderId="7" xfId="5" applyFont="1" applyFill="1" applyBorder="1" applyAlignment="1">
      <alignment vertical="center" textRotation="255"/>
    </xf>
    <xf numFmtId="0" fontId="94" fillId="0" borderId="5" xfId="5" applyFont="1" applyFill="1" applyBorder="1" applyAlignment="1">
      <alignment vertical="center" textRotation="255"/>
    </xf>
    <xf numFmtId="0" fontId="94" fillId="0" borderId="258" xfId="5" applyFont="1" applyFill="1" applyBorder="1" applyAlignment="1">
      <alignment horizontal="center" vertical="center"/>
    </xf>
    <xf numFmtId="0" fontId="94" fillId="0" borderId="259" xfId="5" applyFont="1" applyFill="1" applyBorder="1" applyAlignment="1">
      <alignment horizontal="center" vertical="center"/>
    </xf>
    <xf numFmtId="0" fontId="94" fillId="0" borderId="261" xfId="5" applyFont="1" applyFill="1" applyBorder="1" applyAlignment="1">
      <alignment horizontal="center" vertical="center"/>
    </xf>
    <xf numFmtId="0" fontId="94" fillId="0" borderId="262" xfId="5" applyFont="1" applyFill="1" applyBorder="1" applyAlignment="1">
      <alignment horizontal="center" vertical="center"/>
    </xf>
    <xf numFmtId="0" fontId="95" fillId="0" borderId="0" xfId="5" applyFont="1" applyBorder="1" applyAlignment="1">
      <alignment horizontal="center" vertical="center"/>
    </xf>
    <xf numFmtId="0" fontId="94" fillId="0" borderId="13" xfId="5" applyFont="1" applyBorder="1" applyAlignment="1">
      <alignment horizontal="left" vertical="center"/>
    </xf>
    <xf numFmtId="0" fontId="94" fillId="0" borderId="14" xfId="5" applyFont="1" applyBorder="1" applyAlignment="1">
      <alignment horizontal="left" vertical="center"/>
    </xf>
    <xf numFmtId="0" fontId="94" fillId="0" borderId="15" xfId="5" applyFont="1" applyBorder="1" applyAlignment="1">
      <alignment horizontal="left" vertical="center"/>
    </xf>
    <xf numFmtId="0" fontId="94" fillId="0" borderId="13" xfId="5" applyFont="1" applyBorder="1" applyAlignment="1">
      <alignment horizontal="center" vertical="center"/>
    </xf>
    <xf numFmtId="0" fontId="94" fillId="0" borderId="14" xfId="5" applyFont="1" applyBorder="1" applyAlignment="1">
      <alignment horizontal="center" vertical="center"/>
    </xf>
    <xf numFmtId="0" fontId="94" fillId="0" borderId="15" xfId="5" applyFont="1" applyBorder="1" applyAlignment="1">
      <alignment horizontal="center" vertical="center"/>
    </xf>
    <xf numFmtId="0" fontId="94" fillId="0" borderId="1" xfId="5" applyFont="1" applyBorder="1" applyAlignment="1">
      <alignment horizontal="left" vertical="center"/>
    </xf>
    <xf numFmtId="0" fontId="94" fillId="0" borderId="259" xfId="5" applyFont="1" applyFill="1" applyBorder="1" applyAlignment="1">
      <alignment horizontal="left" vertical="center"/>
    </xf>
    <xf numFmtId="0" fontId="94" fillId="0" borderId="260" xfId="5" applyFont="1" applyFill="1" applyBorder="1" applyAlignment="1">
      <alignment horizontal="left" vertical="center"/>
    </xf>
    <xf numFmtId="0" fontId="94" fillId="0" borderId="262" xfId="5" applyFont="1" applyFill="1" applyBorder="1" applyAlignment="1">
      <alignment horizontal="left" vertical="center"/>
    </xf>
    <xf numFmtId="0" fontId="94" fillId="0" borderId="263" xfId="5" applyFont="1" applyFill="1" applyBorder="1" applyAlignment="1">
      <alignment horizontal="left" vertical="center"/>
    </xf>
    <xf numFmtId="0" fontId="94" fillId="0" borderId="261" xfId="5" applyFont="1" applyFill="1" applyBorder="1" applyAlignment="1">
      <alignment horizontal="center" vertical="center" wrapText="1"/>
    </xf>
    <xf numFmtId="0" fontId="94" fillId="0" borderId="262" xfId="5" applyFont="1" applyFill="1" applyBorder="1" applyAlignment="1">
      <alignment horizontal="center" vertical="center" wrapText="1"/>
    </xf>
    <xf numFmtId="0" fontId="94" fillId="0" borderId="264" xfId="5" applyFont="1" applyFill="1" applyBorder="1" applyAlignment="1">
      <alignment horizontal="center" vertical="center" wrapText="1"/>
    </xf>
    <xf numFmtId="0" fontId="94" fillId="0" borderId="265" xfId="5" applyFont="1" applyFill="1" applyBorder="1" applyAlignment="1">
      <alignment horizontal="center" vertical="center" wrapText="1"/>
    </xf>
    <xf numFmtId="0" fontId="94" fillId="0" borderId="262" xfId="5" applyFont="1" applyFill="1" applyBorder="1" applyAlignment="1">
      <alignment horizontal="left" vertical="center" wrapText="1"/>
    </xf>
    <xf numFmtId="0" fontId="94" fillId="0" borderId="263" xfId="5" applyFont="1" applyFill="1" applyBorder="1" applyAlignment="1">
      <alignment horizontal="left" vertical="center" wrapText="1"/>
    </xf>
    <xf numFmtId="0" fontId="94" fillId="0" borderId="265" xfId="5" applyFont="1" applyFill="1" applyBorder="1" applyAlignment="1">
      <alignment horizontal="left" vertical="center" wrapText="1"/>
    </xf>
    <xf numFmtId="0" fontId="94" fillId="0" borderId="266" xfId="5" applyFont="1" applyFill="1" applyBorder="1" applyAlignment="1">
      <alignment horizontal="left" vertical="center" wrapText="1"/>
    </xf>
    <xf numFmtId="0" fontId="94" fillId="0" borderId="8" xfId="5" applyFont="1" applyFill="1" applyBorder="1" applyAlignment="1">
      <alignment horizontal="left" vertical="top" wrapText="1"/>
    </xf>
    <xf numFmtId="0" fontId="94" fillId="0" borderId="0" xfId="5" applyFont="1" applyFill="1" applyBorder="1" applyAlignment="1">
      <alignment horizontal="left" vertical="top" wrapText="1"/>
    </xf>
    <xf numFmtId="49" fontId="94" fillId="0" borderId="14" xfId="5" applyNumberFormat="1" applyFont="1" applyFill="1" applyBorder="1" applyAlignment="1">
      <alignment horizontal="center" vertical="center"/>
    </xf>
    <xf numFmtId="0" fontId="94" fillId="0" borderId="14" xfId="5" applyFont="1" applyFill="1" applyBorder="1" applyAlignment="1">
      <alignment horizontal="left" vertical="center"/>
    </xf>
    <xf numFmtId="0" fontId="94" fillId="0" borderId="15" xfId="5" applyFont="1" applyFill="1" applyBorder="1" applyAlignment="1">
      <alignment horizontal="left" vertical="center"/>
    </xf>
    <xf numFmtId="0" fontId="94" fillId="0" borderId="8" xfId="5" applyFont="1" applyFill="1" applyBorder="1" applyAlignment="1">
      <alignment horizontal="center" vertical="center"/>
    </xf>
    <xf numFmtId="49" fontId="94" fillId="0" borderId="8" xfId="5" applyNumberFormat="1" applyFont="1" applyFill="1" applyBorder="1" applyAlignment="1">
      <alignment horizontal="center" vertical="center"/>
    </xf>
    <xf numFmtId="0" fontId="94" fillId="0" borderId="256" xfId="5" applyFont="1" applyFill="1" applyBorder="1" applyAlignment="1">
      <alignment horizontal="center" vertical="center" wrapText="1"/>
    </xf>
    <xf numFmtId="0" fontId="94" fillId="0" borderId="8" xfId="5" applyFont="1" applyFill="1" applyBorder="1" applyAlignment="1">
      <alignment horizontal="center" vertical="center" wrapText="1"/>
    </xf>
    <xf numFmtId="0" fontId="94" fillId="0" borderId="8" xfId="5" applyFont="1" applyFill="1" applyBorder="1" applyAlignment="1">
      <alignment horizontal="left" vertical="center"/>
    </xf>
    <xf numFmtId="0" fontId="94" fillId="0" borderId="9" xfId="5" applyFont="1" applyFill="1" applyBorder="1" applyAlignment="1">
      <alignment horizontal="left" vertical="center"/>
    </xf>
    <xf numFmtId="0" fontId="94" fillId="0" borderId="2" xfId="5" applyFont="1" applyFill="1" applyBorder="1" applyAlignment="1">
      <alignment horizontal="center" vertical="distributed" textRotation="255" indent="4"/>
    </xf>
    <xf numFmtId="0" fontId="94" fillId="0" borderId="8" xfId="5" applyFont="1" applyFill="1" applyBorder="1" applyAlignment="1">
      <alignment horizontal="center" vertical="distributed" textRotation="255" indent="4"/>
    </xf>
    <xf numFmtId="0" fontId="94" fillId="0" borderId="6" xfId="5" applyFont="1" applyFill="1" applyBorder="1" applyAlignment="1">
      <alignment horizontal="center" vertical="distributed" textRotation="255" indent="4"/>
    </xf>
    <xf numFmtId="0" fontId="94" fillId="0" borderId="0" xfId="5" applyFont="1" applyFill="1" applyBorder="1" applyAlignment="1">
      <alignment horizontal="center" vertical="distributed" textRotation="255" indent="4"/>
    </xf>
    <xf numFmtId="0" fontId="94" fillId="0" borderId="3" xfId="5" applyFont="1" applyFill="1" applyBorder="1" applyAlignment="1">
      <alignment horizontal="center" vertical="distributed" textRotation="255" indent="4"/>
    </xf>
    <xf numFmtId="0" fontId="94" fillId="0" borderId="7" xfId="5" applyFont="1" applyFill="1" applyBorder="1" applyAlignment="1">
      <alignment horizontal="center" vertical="distributed" textRotation="255" indent="4"/>
    </xf>
    <xf numFmtId="0" fontId="94" fillId="0" borderId="5" xfId="5" applyFont="1" applyFill="1" applyBorder="1" applyAlignment="1">
      <alignment horizontal="center" vertical="distributed" textRotation="255" indent="4"/>
    </xf>
    <xf numFmtId="0" fontId="94" fillId="0" borderId="2" xfId="5" applyFont="1" applyFill="1" applyBorder="1" applyAlignment="1">
      <alignment horizontal="center" vertical="center" wrapText="1"/>
    </xf>
    <xf numFmtId="0" fontId="94" fillId="0" borderId="9" xfId="5" applyFont="1" applyFill="1" applyBorder="1" applyAlignment="1">
      <alignment horizontal="center" vertical="center" wrapText="1"/>
    </xf>
    <xf numFmtId="0" fontId="94" fillId="0" borderId="7" xfId="5" applyFont="1" applyFill="1" applyBorder="1" applyAlignment="1">
      <alignment horizontal="center" vertical="center" wrapText="1"/>
    </xf>
    <xf numFmtId="0" fontId="94" fillId="0" borderId="4" xfId="5" applyFont="1" applyFill="1" applyBorder="1" applyAlignment="1">
      <alignment horizontal="center" vertical="center" wrapText="1"/>
    </xf>
    <xf numFmtId="0" fontId="94" fillId="0" borderId="5" xfId="5" applyFont="1" applyFill="1" applyBorder="1" applyAlignment="1">
      <alignment horizontal="center" vertical="center" wrapText="1"/>
    </xf>
    <xf numFmtId="0" fontId="94" fillId="0" borderId="255" xfId="5" applyFont="1" applyFill="1" applyBorder="1" applyAlignment="1">
      <alignment horizontal="center" vertical="center" wrapText="1"/>
    </xf>
    <xf numFmtId="0" fontId="94" fillId="0" borderId="14" xfId="5" applyFont="1" applyFill="1" applyBorder="1" applyAlignment="1">
      <alignment horizontal="center" vertical="center" wrapText="1"/>
    </xf>
    <xf numFmtId="0" fontId="94" fillId="0" borderId="13" xfId="5" applyFont="1" applyFill="1" applyBorder="1" applyAlignment="1">
      <alignment horizontal="center" vertical="center" wrapText="1"/>
    </xf>
    <xf numFmtId="0" fontId="94" fillId="0" borderId="0" xfId="7" applyFont="1" applyAlignment="1">
      <alignment horizontal="right" vertical="center"/>
    </xf>
    <xf numFmtId="0" fontId="92" fillId="0" borderId="0" xfId="7" applyFont="1" applyAlignment="1">
      <alignment horizontal="center" vertical="center"/>
    </xf>
    <xf numFmtId="0" fontId="94" fillId="0" borderId="270" xfId="7" applyFont="1" applyBorder="1" applyAlignment="1">
      <alignment horizontal="left" vertical="center"/>
    </xf>
    <xf numFmtId="0" fontId="94" fillId="0" borderId="267" xfId="7" applyFont="1" applyBorder="1" applyAlignment="1">
      <alignment horizontal="center" vertical="center"/>
    </xf>
    <xf numFmtId="0" fontId="94" fillId="0" borderId="271" xfId="7" applyFont="1" applyBorder="1" applyAlignment="1">
      <alignment horizontal="center" vertical="center"/>
    </xf>
    <xf numFmtId="0" fontId="94" fillId="0" borderId="268" xfId="7" applyFont="1" applyBorder="1" applyAlignment="1">
      <alignment horizontal="center" vertical="center"/>
    </xf>
    <xf numFmtId="0" fontId="96" fillId="0" borderId="267" xfId="7" applyFont="1" applyBorder="1" applyAlignment="1">
      <alignment horizontal="center" vertical="center"/>
    </xf>
    <xf numFmtId="0" fontId="96" fillId="0" borderId="271" xfId="7" applyFont="1" applyBorder="1" applyAlignment="1">
      <alignment horizontal="center" vertical="center"/>
    </xf>
    <xf numFmtId="0" fontId="96" fillId="0" borderId="268" xfId="7" applyFont="1" applyBorder="1" applyAlignment="1">
      <alignment horizontal="center" vertical="center"/>
    </xf>
    <xf numFmtId="0" fontId="94" fillId="0" borderId="0" xfId="7" applyFont="1" applyAlignment="1">
      <alignment horizontal="left" vertical="top" wrapText="1"/>
    </xf>
    <xf numFmtId="0" fontId="94" fillId="0" borderId="270" xfId="7" applyFont="1" applyBorder="1" applyAlignment="1">
      <alignment horizontal="left" vertical="center" wrapText="1"/>
    </xf>
    <xf numFmtId="0" fontId="94" fillId="0" borderId="267" xfId="7" applyFont="1" applyBorder="1" applyAlignment="1">
      <alignment horizontal="center" vertical="center" wrapText="1"/>
    </xf>
    <xf numFmtId="0" fontId="94" fillId="0" borderId="267" xfId="7" applyFont="1" applyBorder="1" applyAlignment="1">
      <alignment horizontal="left" vertical="center" wrapText="1" shrinkToFit="1"/>
    </xf>
    <xf numFmtId="0" fontId="94" fillId="0" borderId="268" xfId="7" applyFont="1" applyBorder="1" applyAlignment="1">
      <alignment horizontal="left" vertical="center" wrapText="1" shrinkToFit="1"/>
    </xf>
    <xf numFmtId="0" fontId="94" fillId="0" borderId="271" xfId="7" applyFont="1" applyBorder="1" applyAlignment="1">
      <alignment horizontal="center" vertical="center" wrapText="1"/>
    </xf>
    <xf numFmtId="0" fontId="94" fillId="0" borderId="268" xfId="7" applyFont="1" applyBorder="1" applyAlignment="1">
      <alignment horizontal="center" vertical="center" wrapText="1"/>
    </xf>
    <xf numFmtId="0" fontId="94" fillId="0" borderId="267" xfId="7" applyFont="1" applyBorder="1" applyAlignment="1">
      <alignment horizontal="center" vertical="center" wrapText="1" shrinkToFit="1"/>
    </xf>
    <xf numFmtId="0" fontId="94" fillId="0" borderId="268" xfId="7" applyFont="1" applyBorder="1" applyAlignment="1">
      <alignment horizontal="center" vertical="center" wrapText="1" shrinkToFit="1"/>
    </xf>
    <xf numFmtId="0" fontId="114" fillId="0" borderId="0" xfId="5" applyFont="1" applyFill="1" applyAlignment="1">
      <alignment horizontal="right" vertical="center"/>
    </xf>
    <xf numFmtId="0" fontId="116" fillId="0" borderId="0" xfId="5" applyFont="1" applyFill="1" applyBorder="1" applyAlignment="1">
      <alignment horizontal="center" vertical="center"/>
    </xf>
    <xf numFmtId="0" fontId="114" fillId="0" borderId="233" xfId="2" applyFont="1" applyFill="1" applyBorder="1" applyAlignment="1">
      <alignment horizontal="center" vertical="center"/>
    </xf>
    <xf numFmtId="0" fontId="114" fillId="0" borderId="234" xfId="2" applyFont="1" applyFill="1" applyBorder="1" applyAlignment="1" applyProtection="1">
      <alignment horizontal="center" vertical="center"/>
      <protection locked="0"/>
    </xf>
    <xf numFmtId="0" fontId="119" fillId="0" borderId="234" xfId="2" applyFont="1" applyFill="1" applyBorder="1" applyAlignment="1" applyProtection="1">
      <alignment horizontal="left" vertical="center" wrapText="1"/>
      <protection locked="0"/>
    </xf>
    <xf numFmtId="0" fontId="114" fillId="0" borderId="234" xfId="2" applyFont="1" applyFill="1" applyBorder="1" applyAlignment="1">
      <alignment horizontal="center" vertical="center" shrinkToFit="1"/>
    </xf>
    <xf numFmtId="0" fontId="118" fillId="0" borderId="234" xfId="2" applyFont="1" applyFill="1" applyBorder="1" applyAlignment="1" applyProtection="1">
      <alignment horizontal="center" vertical="center"/>
      <protection locked="0"/>
    </xf>
    <xf numFmtId="0" fontId="118" fillId="0" borderId="233" xfId="2" applyFont="1" applyFill="1" applyBorder="1" applyAlignment="1">
      <alignment horizontal="center" vertical="center" wrapText="1"/>
    </xf>
    <xf numFmtId="0" fontId="114" fillId="0" borderId="234" xfId="5" applyFont="1" applyFill="1" applyBorder="1" applyAlignment="1">
      <alignment horizontal="left" vertical="center" indent="1"/>
    </xf>
    <xf numFmtId="0" fontId="114" fillId="0" borderId="235" xfId="5" applyFont="1" applyFill="1" applyBorder="1" applyAlignment="1">
      <alignment horizontal="center" vertical="center"/>
    </xf>
    <xf numFmtId="187" fontId="114" fillId="0" borderId="233" xfId="5" applyNumberFormat="1" applyFont="1" applyFill="1" applyBorder="1" applyAlignment="1" applyProtection="1">
      <alignment horizontal="right" vertical="center"/>
      <protection locked="0"/>
    </xf>
    <xf numFmtId="176" fontId="114" fillId="0" borderId="238" xfId="5" applyNumberFormat="1" applyFont="1" applyFill="1" applyBorder="1" applyAlignment="1">
      <alignment horizontal="center" vertical="center"/>
    </xf>
    <xf numFmtId="0" fontId="114" fillId="0" borderId="239" xfId="5" applyFont="1" applyFill="1" applyBorder="1" applyAlignment="1">
      <alignment horizontal="left" vertical="center" indent="1"/>
    </xf>
    <xf numFmtId="187" fontId="114" fillId="0" borderId="240" xfId="5" applyNumberFormat="1" applyFont="1" applyFill="1" applyBorder="1" applyAlignment="1">
      <alignment horizontal="right" vertical="center"/>
    </xf>
    <xf numFmtId="177" fontId="114" fillId="0" borderId="242" xfId="5" applyNumberFormat="1" applyFont="1" applyFill="1" applyBorder="1" applyAlignment="1">
      <alignment horizontal="center" vertical="center"/>
    </xf>
    <xf numFmtId="0" fontId="114" fillId="0" borderId="243" xfId="5" applyFont="1" applyFill="1" applyBorder="1" applyAlignment="1">
      <alignment horizontal="center" vertical="center"/>
    </xf>
    <xf numFmtId="187" fontId="114" fillId="0" borderId="244" xfId="5" applyNumberFormat="1" applyFont="1" applyFill="1" applyBorder="1" applyAlignment="1">
      <alignment horizontal="right" vertical="center"/>
    </xf>
    <xf numFmtId="177" fontId="114" fillId="0" borderId="246" xfId="5" applyNumberFormat="1" applyFont="1" applyFill="1" applyBorder="1" applyAlignment="1">
      <alignment horizontal="center" vertical="center"/>
    </xf>
    <xf numFmtId="0" fontId="114" fillId="0" borderId="234" xfId="5" applyFont="1" applyFill="1" applyBorder="1" applyAlignment="1">
      <alignment horizontal="center" vertical="center"/>
    </xf>
    <xf numFmtId="0" fontId="114" fillId="0" borderId="234" xfId="5" applyFont="1" applyFill="1" applyBorder="1" applyAlignment="1" applyProtection="1">
      <alignment horizontal="center" vertical="center"/>
      <protection locked="0"/>
    </xf>
    <xf numFmtId="0" fontId="114" fillId="0" borderId="234" xfId="5" applyFont="1" applyFill="1" applyBorder="1" applyAlignment="1">
      <alignment horizontal="center" vertical="center" shrinkToFit="1"/>
    </xf>
    <xf numFmtId="0" fontId="114" fillId="0" borderId="233" xfId="5" applyFont="1" applyFill="1" applyBorder="1" applyAlignment="1" applyProtection="1">
      <alignment horizontal="center" vertical="center"/>
      <protection locked="0"/>
    </xf>
    <xf numFmtId="0" fontId="114" fillId="0" borderId="247" xfId="5" applyFont="1" applyFill="1" applyBorder="1" applyAlignment="1">
      <alignment horizontal="center" vertical="center"/>
    </xf>
    <xf numFmtId="38" fontId="114" fillId="0" borderId="234" xfId="14" applyFont="1" applyFill="1" applyBorder="1" applyAlignment="1" applyProtection="1">
      <alignment horizontal="center" vertical="center"/>
    </xf>
    <xf numFmtId="0" fontId="114" fillId="0" borderId="239" xfId="5" applyFont="1" applyFill="1" applyBorder="1" applyAlignment="1">
      <alignment horizontal="center" vertical="center"/>
    </xf>
    <xf numFmtId="187" fontId="114" fillId="0" borderId="244" xfId="5" applyNumberFormat="1" applyFont="1" applyFill="1" applyBorder="1" applyAlignment="1" applyProtection="1">
      <alignment horizontal="right" vertical="center"/>
      <protection locked="0"/>
    </xf>
    <xf numFmtId="0" fontId="114" fillId="0" borderId="251" xfId="5" applyFont="1" applyFill="1" applyBorder="1" applyAlignment="1">
      <alignment horizontal="center" vertical="center"/>
    </xf>
    <xf numFmtId="0" fontId="118" fillId="0" borderId="0" xfId="5" applyFont="1" applyFill="1" applyAlignment="1">
      <alignment horizontal="left" vertical="center" wrapText="1"/>
    </xf>
    <xf numFmtId="0" fontId="118" fillId="0" borderId="0" xfId="5" applyFont="1" applyFill="1" applyBorder="1" applyAlignment="1">
      <alignment horizontal="left" vertical="center" wrapText="1"/>
    </xf>
    <xf numFmtId="0" fontId="118" fillId="0" borderId="234" xfId="2" applyFont="1" applyFill="1" applyBorder="1" applyAlignment="1">
      <alignment horizontal="center" vertical="center"/>
    </xf>
    <xf numFmtId="0" fontId="118" fillId="0" borderId="234" xfId="2" applyFont="1" applyFill="1" applyBorder="1" applyAlignment="1">
      <alignment horizontal="left" vertical="center" wrapText="1"/>
    </xf>
    <xf numFmtId="0" fontId="118" fillId="0" borderId="0" xfId="5" applyFont="1" applyFill="1" applyBorder="1" applyAlignment="1">
      <alignment horizontal="left" vertical="top" wrapText="1"/>
    </xf>
    <xf numFmtId="0" fontId="0" fillId="0" borderId="0" xfId="0" applyFont="1" applyAlignment="1">
      <alignment horizontal="right" vertical="center"/>
    </xf>
    <xf numFmtId="0" fontId="7" fillId="0" borderId="0" xfId="0" applyFont="1" applyBorder="1" applyAlignment="1">
      <alignment horizontal="center" vertical="center"/>
    </xf>
    <xf numFmtId="0" fontId="0" fillId="0" borderId="8" xfId="0" applyFont="1" applyBorder="1" applyAlignment="1">
      <alignment horizontal="center" vertical="center"/>
    </xf>
    <xf numFmtId="0" fontId="0" fillId="0" borderId="9" xfId="0" applyFont="1" applyBorder="1" applyAlignment="1">
      <alignment horizontal="center" vertical="center"/>
    </xf>
    <xf numFmtId="0" fontId="0" fillId="0" borderId="12" xfId="0" applyFont="1" applyBorder="1" applyAlignment="1">
      <alignment horizontal="left" vertical="center"/>
    </xf>
    <xf numFmtId="0" fontId="0" fillId="0" borderId="10" xfId="0" applyFont="1" applyBorder="1" applyAlignment="1">
      <alignment horizontal="left" vertical="center"/>
    </xf>
    <xf numFmtId="0" fontId="0" fillId="0" borderId="11" xfId="0" applyFont="1" applyBorder="1" applyAlignment="1">
      <alignment horizontal="left" vertical="center"/>
    </xf>
    <xf numFmtId="0" fontId="10" fillId="0" borderId="16" xfId="5" applyFont="1" applyBorder="1" applyAlignment="1">
      <alignment horizontal="center" vertical="center"/>
    </xf>
    <xf numFmtId="0" fontId="10" fillId="0" borderId="94" xfId="5" applyFont="1" applyBorder="1" applyAlignment="1">
      <alignment horizontal="center" vertical="center"/>
    </xf>
    <xf numFmtId="0" fontId="10" fillId="0" borderId="39" xfId="5" applyFont="1" applyBorder="1" applyAlignment="1">
      <alignment horizontal="center" vertical="center"/>
    </xf>
    <xf numFmtId="0" fontId="11" fillId="0" borderId="32" xfId="5" applyFont="1" applyBorder="1" applyAlignment="1">
      <alignment horizontal="left" vertical="center" wrapText="1"/>
    </xf>
    <xf numFmtId="0" fontId="11" fillId="0" borderId="0" xfId="5" applyFont="1" applyBorder="1" applyAlignment="1">
      <alignment horizontal="left" vertical="center" wrapText="1"/>
    </xf>
    <xf numFmtId="0" fontId="10" fillId="0" borderId="1" xfId="5" applyFont="1" applyBorder="1" applyAlignment="1">
      <alignment horizontal="center" vertical="center"/>
    </xf>
    <xf numFmtId="0" fontId="10" fillId="0" borderId="13" xfId="5" applyFont="1" applyBorder="1" applyAlignment="1">
      <alignment horizontal="center" vertical="center"/>
    </xf>
    <xf numFmtId="0" fontId="10" fillId="0" borderId="38" xfId="5" applyFont="1" applyBorder="1" applyAlignment="1">
      <alignment horizontal="center" vertical="center"/>
    </xf>
    <xf numFmtId="0" fontId="10" fillId="0" borderId="77" xfId="5" applyFont="1" applyFill="1" applyBorder="1" applyAlignment="1">
      <alignment horizontal="center" vertical="center"/>
    </xf>
    <xf numFmtId="0" fontId="10" fillId="0" borderId="14" xfId="5" applyFont="1" applyFill="1" applyBorder="1" applyAlignment="1">
      <alignment horizontal="center" vertical="center"/>
    </xf>
    <xf numFmtId="0" fontId="10" fillId="0" borderId="15" xfId="5" applyFont="1" applyFill="1" applyBorder="1" applyAlignment="1">
      <alignment horizontal="center" vertical="center"/>
    </xf>
    <xf numFmtId="0" fontId="10" fillId="0" borderId="1" xfId="5" applyNumberFormat="1" applyFont="1" applyFill="1" applyBorder="1" applyAlignment="1">
      <alignment horizontal="center" vertical="center"/>
    </xf>
    <xf numFmtId="0" fontId="10" fillId="0" borderId="38" xfId="5" applyNumberFormat="1" applyFont="1" applyFill="1" applyBorder="1" applyAlignment="1">
      <alignment horizontal="center" vertical="center"/>
    </xf>
    <xf numFmtId="0" fontId="17" fillId="0" borderId="46" xfId="5" applyFont="1" applyFill="1" applyBorder="1" applyAlignment="1">
      <alignment horizontal="center" vertical="center"/>
    </xf>
    <xf numFmtId="0" fontId="17" fillId="0" borderId="0" xfId="5" applyFont="1" applyFill="1" applyBorder="1" applyAlignment="1">
      <alignment horizontal="center" vertical="center"/>
    </xf>
    <xf numFmtId="0" fontId="17" fillId="0" borderId="3" xfId="5" applyFont="1" applyFill="1" applyBorder="1" applyAlignment="1">
      <alignment horizontal="center" vertical="center"/>
    </xf>
    <xf numFmtId="0" fontId="10" fillId="0" borderId="76" xfId="5" applyNumberFormat="1" applyFont="1" applyFill="1" applyBorder="1" applyAlignment="1">
      <alignment horizontal="center" vertical="center"/>
    </xf>
    <xf numFmtId="0" fontId="10" fillId="0" borderId="74" xfId="5" applyNumberFormat="1" applyFont="1" applyFill="1" applyBorder="1" applyAlignment="1">
      <alignment horizontal="center" vertical="center"/>
    </xf>
    <xf numFmtId="0" fontId="10" fillId="0" borderId="79" xfId="5" applyNumberFormat="1" applyFont="1" applyFill="1" applyBorder="1" applyAlignment="1">
      <alignment horizontal="center" vertical="center"/>
    </xf>
    <xf numFmtId="0" fontId="17" fillId="0" borderId="35" xfId="5" applyFont="1" applyFill="1" applyBorder="1" applyAlignment="1">
      <alignment horizontal="center" vertical="center"/>
    </xf>
    <xf numFmtId="0" fontId="17" fillId="0" borderId="36" xfId="5" applyFont="1" applyFill="1" applyBorder="1" applyAlignment="1">
      <alignment horizontal="center" vertical="center"/>
    </xf>
    <xf numFmtId="0" fontId="17" fillId="0" borderId="26" xfId="5" applyFont="1" applyFill="1" applyBorder="1" applyAlignment="1">
      <alignment horizontal="center" vertical="center"/>
    </xf>
    <xf numFmtId="0" fontId="17" fillId="0" borderId="11" xfId="5" applyFont="1" applyFill="1" applyBorder="1" applyAlignment="1">
      <alignment horizontal="center" vertical="center"/>
    </xf>
    <xf numFmtId="0" fontId="17" fillId="0" borderId="27" xfId="5" applyFont="1" applyFill="1" applyBorder="1" applyAlignment="1">
      <alignment horizontal="center" vertical="center"/>
    </xf>
    <xf numFmtId="0" fontId="17" fillId="0" borderId="1" xfId="5" applyFont="1" applyFill="1" applyBorder="1" applyAlignment="1">
      <alignment horizontal="center" vertical="center"/>
    </xf>
    <xf numFmtId="0" fontId="10" fillId="0" borderId="36" xfId="5" applyFont="1" applyFill="1" applyBorder="1" applyAlignment="1">
      <alignment horizontal="center" vertical="center"/>
    </xf>
    <xf numFmtId="0" fontId="10" fillId="0" borderId="1" xfId="5" applyFont="1" applyFill="1" applyBorder="1" applyAlignment="1">
      <alignment horizontal="center" vertical="center"/>
    </xf>
    <xf numFmtId="0" fontId="10" fillId="0" borderId="36" xfId="5" applyFont="1" applyFill="1" applyBorder="1" applyAlignment="1">
      <alignment horizontal="center" vertical="center" wrapText="1"/>
    </xf>
    <xf numFmtId="0" fontId="0" fillId="0" borderId="82" xfId="0" applyBorder="1">
      <alignment vertical="center"/>
    </xf>
    <xf numFmtId="0" fontId="0" fillId="0" borderId="43" xfId="0" applyBorder="1">
      <alignment vertical="center"/>
    </xf>
    <xf numFmtId="0" fontId="0" fillId="0" borderId="6" xfId="0" applyBorder="1">
      <alignment vertical="center"/>
    </xf>
    <xf numFmtId="0" fontId="0" fillId="0" borderId="0" xfId="0">
      <alignment vertical="center"/>
    </xf>
    <xf numFmtId="0" fontId="0" fillId="0" borderId="3" xfId="0" applyBorder="1">
      <alignment vertical="center"/>
    </xf>
    <xf numFmtId="0" fontId="0" fillId="0" borderId="7" xfId="0" applyBorder="1">
      <alignment vertical="center"/>
    </xf>
    <xf numFmtId="0" fontId="0" fillId="0" borderId="4" xfId="0" applyBorder="1">
      <alignment vertical="center"/>
    </xf>
    <xf numFmtId="0" fontId="0" fillId="0" borderId="5" xfId="0" applyBorder="1">
      <alignment vertical="center"/>
    </xf>
    <xf numFmtId="0" fontId="11" fillId="0" borderId="36" xfId="5" applyFont="1" applyFill="1" applyBorder="1" applyAlignment="1">
      <alignment horizontal="center" vertical="center" wrapText="1"/>
    </xf>
    <xf numFmtId="0" fontId="11" fillId="0" borderId="37" xfId="5" applyFont="1" applyFill="1" applyBorder="1" applyAlignment="1">
      <alignment horizontal="center" vertical="center" wrapText="1"/>
    </xf>
    <xf numFmtId="0" fontId="11" fillId="0" borderId="1" xfId="5" applyFont="1" applyFill="1" applyBorder="1" applyAlignment="1">
      <alignment horizontal="center" vertical="center" wrapText="1"/>
    </xf>
    <xf numFmtId="0" fontId="11" fillId="0" borderId="38" xfId="5" applyFont="1" applyFill="1" applyBorder="1" applyAlignment="1">
      <alignment horizontal="center" vertical="center" wrapText="1"/>
    </xf>
    <xf numFmtId="0" fontId="56" fillId="0" borderId="0" xfId="5" applyFont="1" applyAlignment="1">
      <alignment horizontal="left" vertical="center"/>
    </xf>
    <xf numFmtId="0" fontId="9" fillId="0" borderId="0" xfId="5" applyFont="1" applyAlignment="1">
      <alignment horizontal="center" vertical="center"/>
    </xf>
    <xf numFmtId="0" fontId="10" fillId="0" borderId="22" xfId="5" applyFont="1" applyFill="1" applyBorder="1" applyAlignment="1">
      <alignment horizontal="center" vertical="center"/>
    </xf>
    <xf numFmtId="0" fontId="10" fillId="0" borderId="32" xfId="5" applyFont="1" applyFill="1" applyBorder="1" applyAlignment="1">
      <alignment horizontal="center" vertical="center"/>
    </xf>
    <xf numFmtId="0" fontId="10" fillId="0" borderId="95" xfId="5" applyFont="1" applyFill="1" applyBorder="1" applyAlignment="1">
      <alignment horizontal="center" vertical="center"/>
    </xf>
    <xf numFmtId="176" fontId="10" fillId="0" borderId="45" xfId="5" applyNumberFormat="1" applyFont="1" applyFill="1" applyBorder="1" applyAlignment="1">
      <alignment horizontal="center" vertical="center"/>
    </xf>
    <xf numFmtId="176" fontId="10" fillId="0" borderId="91" xfId="5" applyNumberFormat="1" applyFont="1" applyFill="1" applyBorder="1" applyAlignment="1">
      <alignment horizontal="center" vertical="center"/>
    </xf>
    <xf numFmtId="0" fontId="10" fillId="0" borderId="12" xfId="5" applyFont="1" applyFill="1" applyBorder="1" applyAlignment="1">
      <alignment horizontal="center" vertical="center"/>
    </xf>
    <xf numFmtId="179" fontId="10" fillId="0" borderId="12" xfId="5" applyNumberFormat="1" applyFont="1" applyFill="1" applyBorder="1" applyAlignment="1">
      <alignment horizontal="center" vertical="center"/>
    </xf>
    <xf numFmtId="179" fontId="10" fillId="0" borderId="34" xfId="5" applyNumberFormat="1" applyFont="1" applyFill="1" applyBorder="1" applyAlignment="1">
      <alignment horizontal="center" vertical="center"/>
    </xf>
    <xf numFmtId="0" fontId="10" fillId="0" borderId="35" xfId="5" applyFont="1" applyFill="1" applyBorder="1" applyAlignment="1">
      <alignment horizontal="center" vertical="center"/>
    </xf>
    <xf numFmtId="0" fontId="10" fillId="0" borderId="26" xfId="5" applyFont="1" applyFill="1" applyBorder="1" applyAlignment="1">
      <alignment horizontal="center" vertical="center"/>
    </xf>
    <xf numFmtId="0" fontId="10" fillId="0" borderId="11" xfId="5" applyFont="1" applyFill="1" applyBorder="1" applyAlignment="1">
      <alignment horizontal="center" vertical="center"/>
    </xf>
    <xf numFmtId="0" fontId="10" fillId="0" borderId="27" xfId="5" applyFont="1" applyFill="1" applyBorder="1" applyAlignment="1">
      <alignment horizontal="center" vertical="center"/>
    </xf>
    <xf numFmtId="0" fontId="10" fillId="0" borderId="46" xfId="5" applyFont="1" applyFill="1" applyBorder="1" applyAlignment="1">
      <alignment horizontal="center" vertical="center"/>
    </xf>
    <xf numFmtId="0" fontId="10" fillId="0" borderId="0" xfId="5" applyFont="1" applyFill="1" applyBorder="1" applyAlignment="1">
      <alignment horizontal="center" vertical="center"/>
    </xf>
    <xf numFmtId="0" fontId="10" fillId="0" borderId="3" xfId="5" applyFont="1" applyFill="1"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left" vertical="center" indent="1"/>
    </xf>
    <xf numFmtId="0" fontId="0" fillId="0" borderId="10" xfId="0" applyBorder="1" applyAlignment="1">
      <alignment horizontal="left" vertical="center" indent="1"/>
    </xf>
    <xf numFmtId="0" fontId="0" fillId="0" borderId="11" xfId="0" applyBorder="1" applyAlignment="1">
      <alignment horizontal="left" vertical="center" indent="1"/>
    </xf>
    <xf numFmtId="0" fontId="0" fillId="0" borderId="0" xfId="0" applyAlignment="1">
      <alignment horizontal="right" vertical="center"/>
    </xf>
    <xf numFmtId="0" fontId="94" fillId="0" borderId="1" xfId="2" applyFont="1" applyBorder="1" applyAlignment="1">
      <alignment horizontal="left" vertical="center" indent="1"/>
    </xf>
    <xf numFmtId="0" fontId="130" fillId="0" borderId="0" xfId="2" applyFont="1" applyAlignment="1">
      <alignment horizontal="right" vertical="center"/>
    </xf>
    <xf numFmtId="0" fontId="95" fillId="0" borderId="0" xfId="2" applyFont="1" applyAlignment="1">
      <alignment horizontal="center" vertical="center" wrapText="1"/>
    </xf>
    <xf numFmtId="0" fontId="94" fillId="0" borderId="1" xfId="2" applyFont="1" applyBorder="1" applyAlignment="1">
      <alignment horizontal="center" vertical="center"/>
    </xf>
    <xf numFmtId="0" fontId="94" fillId="0" borderId="13" xfId="2" applyFont="1" applyBorder="1" applyAlignment="1">
      <alignment horizontal="center" vertical="center" wrapText="1"/>
    </xf>
    <xf numFmtId="0" fontId="94" fillId="0" borderId="14" xfId="2" applyFont="1" applyBorder="1" applyAlignment="1">
      <alignment horizontal="center" vertical="center" wrapText="1"/>
    </xf>
    <xf numFmtId="0" fontId="94" fillId="0" borderId="15" xfId="2" applyFont="1" applyBorder="1" applyAlignment="1">
      <alignment horizontal="center" vertical="center" wrapText="1"/>
    </xf>
    <xf numFmtId="0" fontId="94" fillId="0" borderId="1" xfId="2" applyFont="1" applyBorder="1" applyAlignment="1">
      <alignment horizontal="center" vertical="center" wrapText="1"/>
    </xf>
    <xf numFmtId="0" fontId="130" fillId="0" borderId="1" xfId="2" applyFont="1" applyBorder="1" applyAlignment="1">
      <alignment horizontal="center" vertical="center"/>
    </xf>
    <xf numFmtId="0" fontId="130" fillId="0" borderId="13" xfId="2" applyFont="1" applyBorder="1" applyAlignment="1">
      <alignment horizontal="left" vertical="center" wrapText="1" indent="1"/>
    </xf>
    <xf numFmtId="0" fontId="130" fillId="0" borderId="14" xfId="2" applyFont="1" applyBorder="1" applyAlignment="1">
      <alignment horizontal="left" vertical="center" wrapText="1" indent="1"/>
    </xf>
    <xf numFmtId="0" fontId="130" fillId="0" borderId="15" xfId="2" applyFont="1" applyBorder="1" applyAlignment="1">
      <alignment horizontal="left" vertical="center" wrapText="1" indent="1"/>
    </xf>
    <xf numFmtId="0" fontId="130" fillId="0" borderId="2" xfId="2" applyFont="1" applyBorder="1" applyAlignment="1">
      <alignment horizontal="center" vertical="center" wrapText="1"/>
    </xf>
    <xf numFmtId="0" fontId="130" fillId="0" borderId="9" xfId="2" applyFont="1" applyBorder="1" applyAlignment="1">
      <alignment horizontal="center" vertical="center"/>
    </xf>
    <xf numFmtId="0" fontId="130" fillId="0" borderId="6" xfId="2" applyFont="1" applyBorder="1" applyAlignment="1">
      <alignment horizontal="center" vertical="center"/>
    </xf>
    <xf numFmtId="0" fontId="130" fillId="0" borderId="3" xfId="2" applyFont="1" applyBorder="1" applyAlignment="1">
      <alignment horizontal="center" vertical="center"/>
    </xf>
    <xf numFmtId="0" fontId="130" fillId="0" borderId="7" xfId="2" applyFont="1" applyBorder="1" applyAlignment="1">
      <alignment horizontal="center" vertical="center"/>
    </xf>
    <xf numFmtId="0" fontId="130" fillId="0" borderId="5" xfId="2" applyFont="1" applyBorder="1" applyAlignment="1">
      <alignment horizontal="center" vertical="center"/>
    </xf>
    <xf numFmtId="0" fontId="96" fillId="0" borderId="8" xfId="2" applyFont="1" applyBorder="1" applyAlignment="1">
      <alignment horizontal="left" vertical="center" wrapText="1" indent="1"/>
    </xf>
    <xf numFmtId="0" fontId="96" fillId="0" borderId="9" xfId="2" applyFont="1" applyBorder="1" applyAlignment="1">
      <alignment horizontal="left" vertical="center" wrapText="1" indent="1"/>
    </xf>
    <xf numFmtId="0" fontId="96" fillId="0" borderId="0" xfId="2" applyFont="1" applyAlignment="1">
      <alignment horizontal="left" vertical="center" wrapText="1" indent="1"/>
    </xf>
    <xf numFmtId="0" fontId="96" fillId="0" borderId="3" xfId="2" applyFont="1" applyBorder="1" applyAlignment="1">
      <alignment horizontal="left" vertical="center" wrapText="1" indent="1"/>
    </xf>
    <xf numFmtId="0" fontId="96" fillId="0" borderId="4" xfId="2" applyFont="1" applyBorder="1" applyAlignment="1">
      <alignment horizontal="left" vertical="center" wrapText="1" indent="1"/>
    </xf>
    <xf numFmtId="0" fontId="96" fillId="0" borderId="5" xfId="2" applyFont="1" applyBorder="1" applyAlignment="1">
      <alignment horizontal="left" vertical="center" wrapText="1" indent="1"/>
    </xf>
    <xf numFmtId="0" fontId="130" fillId="0" borderId="12" xfId="2" applyFont="1" applyBorder="1" applyAlignment="1">
      <alignment horizontal="center" vertical="center" wrapText="1"/>
    </xf>
    <xf numFmtId="0" fontId="130" fillId="0" borderId="10" xfId="2" applyFont="1" applyBorder="1" applyAlignment="1">
      <alignment horizontal="center" vertical="center"/>
    </xf>
    <xf numFmtId="0" fontId="130" fillId="0" borderId="11" xfId="2" applyFont="1" applyBorder="1" applyAlignment="1">
      <alignment horizontal="center" vertical="center"/>
    </xf>
    <xf numFmtId="0" fontId="96" fillId="0" borderId="1" xfId="2" applyFont="1" applyBorder="1" applyAlignment="1">
      <alignment horizontal="left" vertical="center" wrapText="1" indent="1"/>
    </xf>
    <xf numFmtId="0" fontId="130" fillId="0" borderId="1" xfId="2" applyFont="1" applyBorder="1" applyAlignment="1">
      <alignment horizontal="center" vertical="center" wrapText="1"/>
    </xf>
    <xf numFmtId="0" fontId="94" fillId="0" borderId="2" xfId="2" applyFont="1" applyBorder="1" applyAlignment="1">
      <alignment horizontal="center" vertical="center" wrapText="1"/>
    </xf>
    <xf numFmtId="0" fontId="94" fillId="0" borderId="9" xfId="2" applyFont="1" applyBorder="1" applyAlignment="1">
      <alignment horizontal="center" vertical="center" wrapText="1"/>
    </xf>
    <xf numFmtId="0" fontId="94" fillId="0" borderId="6" xfId="2" applyFont="1" applyBorder="1" applyAlignment="1">
      <alignment horizontal="center" vertical="center" wrapText="1"/>
    </xf>
    <xf numFmtId="0" fontId="94" fillId="0" borderId="3" xfId="2" applyFont="1" applyBorder="1" applyAlignment="1">
      <alignment horizontal="center" vertical="center" wrapText="1"/>
    </xf>
    <xf numFmtId="0" fontId="94" fillId="0" borderId="7" xfId="2" applyFont="1" applyBorder="1" applyAlignment="1">
      <alignment horizontal="center" vertical="center" wrapText="1"/>
    </xf>
    <xf numFmtId="0" fontId="94" fillId="0" borderId="5" xfId="2" applyFont="1" applyBorder="1" applyAlignment="1">
      <alignment horizontal="center" vertical="center" wrapText="1"/>
    </xf>
    <xf numFmtId="0" fontId="94" fillId="0" borderId="2" xfId="2" applyFont="1" applyBorder="1" applyAlignment="1">
      <alignment horizontal="left" vertical="center" indent="1"/>
    </xf>
    <xf numFmtId="0" fontId="94" fillId="0" borderId="9" xfId="2" applyFont="1" applyBorder="1" applyAlignment="1">
      <alignment horizontal="left" vertical="center" indent="1"/>
    </xf>
    <xf numFmtId="0" fontId="0" fillId="0" borderId="13" xfId="2" applyFont="1" applyBorder="1" applyAlignment="1">
      <alignment vertical="center"/>
    </xf>
    <xf numFmtId="0" fontId="0" fillId="0" borderId="15" xfId="2" applyFont="1" applyBorder="1" applyAlignment="1">
      <alignment vertical="center"/>
    </xf>
    <xf numFmtId="0" fontId="0" fillId="0" borderId="14" xfId="2" applyFont="1" applyBorder="1" applyAlignment="1">
      <alignment vertical="center"/>
    </xf>
    <xf numFmtId="0" fontId="0" fillId="0" borderId="41" xfId="2" applyFont="1" applyBorder="1" applyAlignment="1">
      <alignment vertical="center"/>
    </xf>
    <xf numFmtId="0" fontId="0" fillId="0" borderId="94" xfId="2" applyFont="1" applyBorder="1" applyAlignment="1">
      <alignment vertical="center"/>
    </xf>
    <xf numFmtId="0" fontId="0" fillId="0" borderId="31" xfId="2" applyFont="1" applyBorder="1" applyAlignment="1">
      <alignment vertical="center"/>
    </xf>
    <xf numFmtId="0" fontId="0" fillId="0" borderId="30" xfId="2" applyFont="1" applyBorder="1" applyAlignment="1">
      <alignment vertical="center"/>
    </xf>
    <xf numFmtId="0" fontId="0" fillId="0" borderId="99" xfId="2" applyFont="1" applyBorder="1" applyAlignment="1">
      <alignment vertical="center"/>
    </xf>
    <xf numFmtId="0" fontId="0" fillId="0" borderId="101" xfId="2" applyFont="1" applyBorder="1" applyAlignment="1">
      <alignment vertical="center" textRotation="255" wrapText="1"/>
    </xf>
    <xf numFmtId="0" fontId="0" fillId="0" borderId="23" xfId="2" applyFont="1" applyBorder="1" applyAlignment="1">
      <alignment vertical="center" textRotation="255" wrapText="1"/>
    </xf>
    <xf numFmtId="0" fontId="0" fillId="0" borderId="102" xfId="2" applyFont="1" applyBorder="1" applyAlignment="1">
      <alignment vertical="center" textRotation="255" wrapText="1"/>
    </xf>
    <xf numFmtId="0" fontId="5" fillId="0" borderId="66" xfId="2" applyFont="1" applyBorder="1" applyAlignment="1">
      <alignment horizontal="center" vertical="center" wrapText="1"/>
    </xf>
    <xf numFmtId="0" fontId="5" fillId="0" borderId="67" xfId="2" applyFont="1" applyBorder="1" applyAlignment="1">
      <alignment vertical="center"/>
    </xf>
    <xf numFmtId="0" fontId="0" fillId="0" borderId="66" xfId="2" applyFont="1" applyBorder="1" applyAlignment="1">
      <alignment horizontal="center" vertical="center"/>
    </xf>
    <xf numFmtId="0" fontId="0" fillId="0" borderId="68" xfId="2" applyFont="1" applyBorder="1" applyAlignment="1">
      <alignment horizontal="center" vertical="center"/>
    </xf>
    <xf numFmtId="0" fontId="0" fillId="0" borderId="13" xfId="2" applyFont="1" applyBorder="1" applyAlignment="1">
      <alignment horizontal="center" vertical="center"/>
    </xf>
    <xf numFmtId="0" fontId="0" fillId="0" borderId="14" xfId="2" applyFont="1" applyBorder="1" applyAlignment="1">
      <alignment horizontal="center" vertical="center"/>
    </xf>
    <xf numFmtId="0" fontId="0" fillId="0" borderId="15" xfId="2" applyFont="1" applyBorder="1" applyAlignment="1">
      <alignment horizontal="center" vertical="center"/>
    </xf>
    <xf numFmtId="0" fontId="0" fillId="0" borderId="41" xfId="2" applyFont="1" applyBorder="1" applyAlignment="1">
      <alignment horizontal="center" vertical="center"/>
    </xf>
    <xf numFmtId="0" fontId="0" fillId="0" borderId="103" xfId="2" applyFont="1" applyBorder="1" applyAlignment="1">
      <alignment horizontal="distributed" vertical="center"/>
    </xf>
    <xf numFmtId="0" fontId="0" fillId="0" borderId="104" xfId="2" applyFont="1" applyBorder="1" applyAlignment="1">
      <alignment horizontal="distributed" vertical="center"/>
    </xf>
    <xf numFmtId="0" fontId="0" fillId="0" borderId="105" xfId="2" applyFont="1" applyBorder="1" applyAlignment="1">
      <alignment horizontal="center" vertical="center"/>
    </xf>
    <xf numFmtId="0" fontId="0" fillId="0" borderId="104" xfId="2" applyFont="1" applyBorder="1" applyAlignment="1">
      <alignment horizontal="center" vertical="center"/>
    </xf>
    <xf numFmtId="0" fontId="0" fillId="0" borderId="106" xfId="2" applyFont="1" applyBorder="1" applyAlignment="1">
      <alignment horizontal="center" vertical="center"/>
    </xf>
    <xf numFmtId="0" fontId="0" fillId="0" borderId="24" xfId="2" applyFont="1" applyBorder="1" applyAlignment="1">
      <alignment vertical="center" textRotation="255" wrapText="1"/>
    </xf>
    <xf numFmtId="0" fontId="0" fillId="0" borderId="107" xfId="2" applyFont="1" applyBorder="1" applyAlignment="1">
      <alignment horizontal="distributed" vertical="center"/>
    </xf>
    <xf numFmtId="0" fontId="0" fillId="0" borderId="82" xfId="2" applyFont="1" applyBorder="1" applyAlignment="1">
      <alignment horizontal="distributed" vertical="center"/>
    </xf>
    <xf numFmtId="0" fontId="0" fillId="0" borderId="43" xfId="2" applyFont="1" applyBorder="1" applyAlignment="1">
      <alignment horizontal="distributed" vertical="center"/>
    </xf>
    <xf numFmtId="0" fontId="0" fillId="0" borderId="66" xfId="2" applyFont="1" applyBorder="1" applyAlignment="1">
      <alignment horizontal="distributed" vertical="center"/>
    </xf>
    <xf numFmtId="0" fontId="0" fillId="0" borderId="68" xfId="2" applyFont="1" applyBorder="1" applyAlignment="1">
      <alignment horizontal="distributed" vertical="center"/>
    </xf>
    <xf numFmtId="0" fontId="0" fillId="0" borderId="10" xfId="2" applyFont="1" applyBorder="1" applyAlignment="1">
      <alignment vertical="center" textRotation="255" wrapText="1"/>
    </xf>
    <xf numFmtId="0" fontId="0" fillId="0" borderId="108" xfId="2" applyFont="1" applyBorder="1" applyAlignment="1">
      <alignment vertical="center" textRotation="255" wrapText="1"/>
    </xf>
    <xf numFmtId="0" fontId="0" fillId="0" borderId="2" xfId="2" applyFont="1" applyBorder="1" applyAlignment="1">
      <alignment horizontal="distributed" vertical="center"/>
    </xf>
    <xf numFmtId="0" fontId="0" fillId="0" borderId="9" xfId="2" applyFont="1" applyBorder="1" applyAlignment="1">
      <alignment horizontal="distributed" vertical="center"/>
    </xf>
    <xf numFmtId="0" fontId="0" fillId="0" borderId="7" xfId="2" applyFont="1" applyBorder="1" applyAlignment="1">
      <alignment horizontal="distributed" vertical="center"/>
    </xf>
    <xf numFmtId="0" fontId="0" fillId="0" borderId="5" xfId="2" applyFont="1" applyBorder="1" applyAlignment="1">
      <alignment horizontal="distributed" vertical="center"/>
    </xf>
    <xf numFmtId="0" fontId="0" fillId="0" borderId="42" xfId="2" applyFont="1" applyBorder="1" applyAlignment="1">
      <alignment horizontal="center" vertical="center"/>
    </xf>
    <xf numFmtId="0" fontId="0" fillId="0" borderId="80" xfId="2" applyFont="1" applyBorder="1" applyAlignment="1">
      <alignment horizontal="center" vertical="center"/>
    </xf>
    <xf numFmtId="0" fontId="0" fillId="0" borderId="81" xfId="2" applyFont="1" applyBorder="1" applyAlignment="1">
      <alignment horizontal="center" vertical="center"/>
    </xf>
    <xf numFmtId="0" fontId="0" fillId="2" borderId="42" xfId="2" applyFont="1" applyFill="1" applyBorder="1" applyAlignment="1">
      <alignment horizontal="center" vertical="center"/>
    </xf>
    <xf numFmtId="0" fontId="0" fillId="2" borderId="100" xfId="2" applyFont="1" applyFill="1" applyBorder="1" applyAlignment="1">
      <alignment horizontal="center" vertical="center"/>
    </xf>
    <xf numFmtId="0" fontId="0" fillId="0" borderId="77" xfId="2" applyFont="1" applyBorder="1" applyAlignment="1">
      <alignment horizontal="distributed" vertical="center"/>
    </xf>
    <xf numFmtId="0" fontId="0" fillId="0" borderId="15" xfId="2" applyFont="1" applyBorder="1" applyAlignment="1">
      <alignment horizontal="distributed" vertical="center"/>
    </xf>
    <xf numFmtId="0" fontId="0" fillId="0" borderId="69" xfId="2" applyFont="1" applyBorder="1" applyAlignment="1">
      <alignment horizontal="distributed" vertical="center"/>
    </xf>
    <xf numFmtId="0" fontId="0" fillId="0" borderId="33" xfId="2" applyFont="1" applyBorder="1" applyAlignment="1">
      <alignment horizontal="distributed" vertical="center"/>
    </xf>
    <xf numFmtId="0" fontId="0" fillId="0" borderId="71" xfId="2" applyFont="1" applyBorder="1" applyAlignment="1">
      <alignment vertical="center"/>
    </xf>
    <xf numFmtId="0" fontId="0" fillId="0" borderId="70" xfId="2" applyFont="1" applyBorder="1" applyAlignment="1">
      <alignment vertical="center"/>
    </xf>
    <xf numFmtId="0" fontId="0" fillId="0" borderId="72" xfId="2" applyFont="1" applyBorder="1" applyAlignment="1">
      <alignment vertical="center"/>
    </xf>
    <xf numFmtId="0" fontId="0" fillId="0" borderId="98" xfId="2" applyFont="1" applyBorder="1" applyAlignment="1">
      <alignment horizontal="distributed" vertical="center"/>
    </xf>
    <xf numFmtId="0" fontId="0" fillId="0" borderId="23" xfId="2" applyFont="1" applyBorder="1" applyAlignment="1">
      <alignment horizontal="distributed" vertical="center"/>
    </xf>
    <xf numFmtId="0" fontId="0" fillId="0" borderId="12" xfId="2" applyFont="1" applyBorder="1" applyAlignment="1">
      <alignment horizontal="distributed" vertical="center"/>
    </xf>
    <xf numFmtId="0" fontId="0" fillId="0" borderId="10" xfId="2" applyFont="1" applyBorder="1" applyAlignment="1">
      <alignment horizontal="distributed" vertical="center"/>
    </xf>
    <xf numFmtId="0" fontId="0" fillId="0" borderId="2" xfId="2" applyFont="1" applyBorder="1" applyAlignment="1">
      <alignment vertical="center"/>
    </xf>
    <xf numFmtId="0" fontId="0" fillId="0" borderId="78" xfId="2" applyFont="1" applyBorder="1" applyAlignment="1">
      <alignment vertical="center"/>
    </xf>
    <xf numFmtId="0" fontId="0" fillId="0" borderId="6" xfId="2" applyFont="1" applyBorder="1" applyAlignment="1">
      <alignment vertical="center"/>
    </xf>
    <xf numFmtId="0" fontId="0" fillId="0" borderId="83" xfId="2" applyFont="1" applyBorder="1" applyAlignment="1">
      <alignment vertical="center"/>
    </xf>
    <xf numFmtId="0" fontId="0" fillId="0" borderId="8" xfId="2" applyFont="1" applyBorder="1" applyAlignment="1">
      <alignment vertical="center"/>
    </xf>
    <xf numFmtId="0" fontId="0" fillId="0" borderId="9" xfId="2" applyFont="1" applyBorder="1" applyAlignment="1">
      <alignment vertical="center"/>
    </xf>
    <xf numFmtId="0" fontId="0" fillId="0" borderId="0" xfId="2" applyFont="1" applyAlignment="1">
      <alignment horizontal="right" vertical="center"/>
    </xf>
    <xf numFmtId="0" fontId="16" fillId="0" borderId="0" xfId="2" applyFont="1" applyAlignment="1">
      <alignment horizontal="center" vertical="center" wrapText="1"/>
    </xf>
    <xf numFmtId="0" fontId="16" fillId="0" borderId="0" xfId="2" applyFont="1" applyAlignment="1">
      <alignment horizontal="center" vertical="center"/>
    </xf>
    <xf numFmtId="0" fontId="51" fillId="0" borderId="0" xfId="8" applyFont="1" applyBorder="1" applyAlignment="1">
      <alignment horizontal="center" vertical="center"/>
    </xf>
    <xf numFmtId="0" fontId="41" fillId="0" borderId="109" xfId="8" applyFont="1" applyBorder="1" applyAlignment="1">
      <alignment horizontal="distributed" vertical="center"/>
    </xf>
    <xf numFmtId="0" fontId="41" fillId="0" borderId="110" xfId="8" applyFont="1" applyBorder="1" applyAlignment="1">
      <alignment horizontal="distributed" vertical="center"/>
    </xf>
    <xf numFmtId="0" fontId="41" fillId="0" borderId="110" xfId="1" applyFont="1" applyBorder="1" applyAlignment="1">
      <alignment horizontal="distributed" vertical="center"/>
    </xf>
    <xf numFmtId="0" fontId="52" fillId="0" borderId="111" xfId="8" applyFont="1" applyBorder="1" applyAlignment="1">
      <alignment horizontal="center" vertical="center" shrinkToFit="1"/>
    </xf>
    <xf numFmtId="0" fontId="52" fillId="0" borderId="112" xfId="8" applyFont="1" applyBorder="1" applyAlignment="1">
      <alignment horizontal="center" vertical="center" shrinkToFit="1"/>
    </xf>
    <xf numFmtId="0" fontId="40" fillId="0" borderId="69" xfId="5" applyFont="1" applyFill="1" applyBorder="1" applyAlignment="1">
      <alignment horizontal="distributed" vertical="center"/>
    </xf>
    <xf numFmtId="0" fontId="40" fillId="0" borderId="70" xfId="5" applyFont="1" applyFill="1" applyBorder="1" applyAlignment="1">
      <alignment horizontal="distributed" vertical="center"/>
    </xf>
    <xf numFmtId="0" fontId="42" fillId="0" borderId="33" xfId="1" applyFont="1" applyBorder="1" applyAlignment="1">
      <alignment horizontal="distributed" vertical="center"/>
    </xf>
    <xf numFmtId="0" fontId="53" fillId="0" borderId="70" xfId="5" applyFont="1" applyFill="1" applyBorder="1" applyAlignment="1">
      <alignment horizontal="center" vertical="center" shrinkToFit="1"/>
    </xf>
    <xf numFmtId="0" fontId="53" fillId="0" borderId="72" xfId="5" applyFont="1" applyFill="1" applyBorder="1" applyAlignment="1">
      <alignment horizontal="center" vertical="center" shrinkToFit="1"/>
    </xf>
    <xf numFmtId="0" fontId="40" fillId="0" borderId="77" xfId="5" applyFont="1" applyFill="1" applyBorder="1" applyAlignment="1">
      <alignment horizontal="distributed" vertical="center"/>
    </xf>
    <xf numFmtId="0" fontId="40" fillId="0" borderId="14" xfId="5" applyFont="1" applyFill="1" applyBorder="1" applyAlignment="1">
      <alignment horizontal="distributed" vertical="center"/>
    </xf>
    <xf numFmtId="0" fontId="42" fillId="0" borderId="15" xfId="1" applyFont="1" applyBorder="1" applyAlignment="1">
      <alignment horizontal="distributed" vertical="center"/>
    </xf>
    <xf numFmtId="0" fontId="53" fillId="0" borderId="14" xfId="5" applyFont="1" applyFill="1" applyBorder="1" applyAlignment="1">
      <alignment horizontal="center" vertical="center" shrinkToFit="1"/>
    </xf>
    <xf numFmtId="0" fontId="53" fillId="0" borderId="41" xfId="5" applyFont="1" applyFill="1" applyBorder="1" applyAlignment="1">
      <alignment horizontal="center" vertical="center" shrinkToFit="1"/>
    </xf>
    <xf numFmtId="0" fontId="40" fillId="0" borderId="46" xfId="5" applyFont="1" applyFill="1" applyBorder="1" applyAlignment="1">
      <alignment horizontal="center" vertical="center"/>
    </xf>
    <xf numFmtId="0" fontId="40" fillId="0" borderId="3" xfId="5" applyFont="1" applyFill="1" applyBorder="1" applyAlignment="1">
      <alignment horizontal="center" vertical="center"/>
    </xf>
    <xf numFmtId="0" fontId="40" fillId="0" borderId="73" xfId="5" applyFont="1" applyFill="1" applyBorder="1" applyAlignment="1">
      <alignment horizontal="center" vertical="center"/>
    </xf>
    <xf numFmtId="0" fontId="40" fillId="0" borderId="75" xfId="5" applyFont="1" applyFill="1" applyBorder="1" applyAlignment="1">
      <alignment horizontal="center" vertical="center"/>
    </xf>
    <xf numFmtId="0" fontId="53" fillId="0" borderId="4" xfId="5" applyFont="1" applyFill="1" applyBorder="1" applyAlignment="1">
      <alignment horizontal="center" vertical="center" shrinkToFit="1"/>
    </xf>
    <xf numFmtId="0" fontId="53" fillId="0" borderId="5" xfId="5" applyFont="1" applyFill="1" applyBorder="1" applyAlignment="1">
      <alignment horizontal="center" vertical="center" shrinkToFit="1"/>
    </xf>
    <xf numFmtId="0" fontId="40" fillId="0" borderId="10" xfId="5" applyFont="1" applyFill="1" applyBorder="1" applyAlignment="1">
      <alignment horizontal="center" vertical="center" shrinkToFit="1"/>
    </xf>
    <xf numFmtId="0" fontId="42" fillId="0" borderId="108" xfId="1" applyFont="1" applyBorder="1" applyAlignment="1">
      <alignment horizontal="center" vertical="center" shrinkToFit="1"/>
    </xf>
    <xf numFmtId="0" fontId="53" fillId="0" borderId="2" xfId="5" applyFont="1" applyFill="1" applyBorder="1" applyAlignment="1">
      <alignment horizontal="center" vertical="center" shrinkToFit="1"/>
    </xf>
    <xf numFmtId="0" fontId="53" fillId="0" borderId="78" xfId="5" applyFont="1" applyFill="1" applyBorder="1" applyAlignment="1">
      <alignment horizontal="center" vertical="center" shrinkToFit="1"/>
    </xf>
    <xf numFmtId="0" fontId="53" fillId="0" borderId="76" xfId="5" applyFont="1" applyFill="1" applyBorder="1" applyAlignment="1">
      <alignment horizontal="center" vertical="center" shrinkToFit="1"/>
    </xf>
    <xf numFmtId="0" fontId="53" fillId="0" borderId="79" xfId="5" applyFont="1" applyFill="1" applyBorder="1" applyAlignment="1">
      <alignment horizontal="center" vertical="center" shrinkToFit="1"/>
    </xf>
    <xf numFmtId="0" fontId="53" fillId="0" borderId="80" xfId="5" applyFont="1" applyFill="1" applyBorder="1" applyAlignment="1">
      <alignment horizontal="center" vertical="center" shrinkToFit="1"/>
    </xf>
    <xf numFmtId="0" fontId="53" fillId="0" borderId="81" xfId="5" applyFont="1" applyFill="1" applyBorder="1" applyAlignment="1">
      <alignment horizontal="center" vertical="center" shrinkToFit="1"/>
    </xf>
    <xf numFmtId="0" fontId="41" fillId="0" borderId="101" xfId="8" applyFont="1" applyBorder="1" applyAlignment="1">
      <alignment horizontal="center" vertical="center" wrapText="1"/>
    </xf>
    <xf numFmtId="0" fontId="41" fillId="0" borderId="23" xfId="8" applyFont="1" applyBorder="1" applyAlignment="1">
      <alignment horizontal="center" vertical="center" wrapText="1"/>
    </xf>
    <xf numFmtId="0" fontId="42" fillId="0" borderId="113" xfId="8" applyFont="1" applyBorder="1" applyAlignment="1">
      <alignment horizontal="center" vertical="center" wrapText="1"/>
    </xf>
    <xf numFmtId="0" fontId="42" fillId="0" borderId="114" xfId="8" applyFont="1" applyBorder="1" applyAlignment="1">
      <alignment horizontal="center" vertical="center" wrapText="1"/>
    </xf>
    <xf numFmtId="0" fontId="41" fillId="0" borderId="15" xfId="8" applyFont="1" applyBorder="1" applyAlignment="1">
      <alignment horizontal="center" vertical="center" wrapText="1"/>
    </xf>
    <xf numFmtId="0" fontId="42" fillId="0" borderId="14" xfId="8" applyFont="1" applyBorder="1" applyAlignment="1">
      <alignment horizontal="center" vertical="center" wrapText="1"/>
    </xf>
    <xf numFmtId="0" fontId="42" fillId="0" borderId="115" xfId="8" applyFont="1" applyBorder="1" applyAlignment="1">
      <alignment vertical="center" wrapText="1"/>
    </xf>
    <xf numFmtId="0" fontId="42" fillId="0" borderId="27" xfId="8" applyFont="1" applyBorder="1" applyAlignment="1">
      <alignment vertical="center" wrapText="1"/>
    </xf>
    <xf numFmtId="0" fontId="42" fillId="0" borderId="71" xfId="8" applyFont="1" applyBorder="1" applyAlignment="1">
      <alignment horizontal="center" vertical="center" wrapText="1"/>
    </xf>
    <xf numFmtId="0" fontId="42" fillId="0" borderId="70" xfId="8" applyFont="1" applyBorder="1" applyAlignment="1">
      <alignment horizontal="center" vertical="center" wrapText="1"/>
    </xf>
    <xf numFmtId="0" fontId="42" fillId="0" borderId="33" xfId="8" applyFont="1" applyBorder="1" applyAlignment="1">
      <alignment horizontal="center" vertical="center" wrapText="1"/>
    </xf>
    <xf numFmtId="0" fontId="43" fillId="0" borderId="116" xfId="8" applyFont="1" applyBorder="1" applyAlignment="1">
      <alignment horizontal="left" vertical="center" wrapText="1"/>
    </xf>
    <xf numFmtId="0" fontId="43" fillId="0" borderId="89" xfId="8" applyFont="1" applyBorder="1" applyAlignment="1">
      <alignment horizontal="left" vertical="center" wrapText="1"/>
    </xf>
    <xf numFmtId="0" fontId="41" fillId="0" borderId="15" xfId="8" applyFont="1" applyFill="1" applyBorder="1" applyAlignment="1">
      <alignment horizontal="center" vertical="center" wrapText="1"/>
    </xf>
    <xf numFmtId="0" fontId="52" fillId="0" borderId="0" xfId="8" applyFont="1" applyBorder="1" applyAlignment="1">
      <alignment horizontal="center" vertical="center" shrinkToFit="1"/>
    </xf>
    <xf numFmtId="0" fontId="52" fillId="0" borderId="83" xfId="8" applyFont="1" applyBorder="1" applyAlignment="1">
      <alignment horizontal="center" vertical="center" shrinkToFit="1"/>
    </xf>
    <xf numFmtId="0" fontId="52" fillId="0" borderId="4" xfId="8" applyFont="1" applyBorder="1" applyAlignment="1">
      <alignment horizontal="center" vertical="center" shrinkToFit="1"/>
    </xf>
    <xf numFmtId="0" fontId="52" fillId="0" borderId="40" xfId="8" applyFont="1" applyBorder="1" applyAlignment="1">
      <alignment horizontal="center" vertical="center" shrinkToFit="1"/>
    </xf>
    <xf numFmtId="0" fontId="41" fillId="0" borderId="3" xfId="8" applyFont="1" applyFill="1" applyBorder="1" applyAlignment="1">
      <alignment horizontal="center" vertical="center" wrapText="1"/>
    </xf>
    <xf numFmtId="0" fontId="42" fillId="0" borderId="12" xfId="8" applyFont="1" applyBorder="1" applyAlignment="1">
      <alignment horizontal="center" vertical="center" wrapText="1"/>
    </xf>
    <xf numFmtId="0" fontId="42" fillId="0" borderId="10" xfId="8" applyFont="1" applyBorder="1" applyAlignment="1">
      <alignment horizontal="center" vertical="center" wrapText="1"/>
    </xf>
    <xf numFmtId="0" fontId="48" fillId="0" borderId="8" xfId="8" applyFont="1" applyBorder="1" applyAlignment="1">
      <alignment horizontal="center" vertical="center" shrinkToFit="1"/>
    </xf>
    <xf numFmtId="0" fontId="48" fillId="0" borderId="78" xfId="8" applyFont="1" applyBorder="1" applyAlignment="1">
      <alignment horizontal="center" vertical="center" shrinkToFit="1"/>
    </xf>
    <xf numFmtId="0" fontId="48" fillId="0" borderId="0" xfId="8" applyFont="1" applyBorder="1" applyAlignment="1">
      <alignment horizontal="center" vertical="center" shrinkToFit="1"/>
    </xf>
    <xf numFmtId="0" fontId="48" fillId="0" borderId="83" xfId="8" applyFont="1" applyBorder="1" applyAlignment="1">
      <alignment horizontal="center" vertical="center" shrinkToFit="1"/>
    </xf>
    <xf numFmtId="0" fontId="42" fillId="0" borderId="0" xfId="8" applyFont="1" applyFill="1" applyAlignment="1">
      <alignment vertical="center" wrapText="1"/>
    </xf>
    <xf numFmtId="0" fontId="41" fillId="0" borderId="0" xfId="8" applyFont="1" applyAlignment="1">
      <alignment horizontal="left" vertical="center" wrapText="1"/>
    </xf>
    <xf numFmtId="0" fontId="41" fillId="0" borderId="90" xfId="8" applyFont="1" applyBorder="1" applyAlignment="1">
      <alignment horizontal="center" vertical="center" wrapText="1"/>
    </xf>
    <xf numFmtId="0" fontId="41" fillId="0" borderId="102" xfId="8" applyFont="1" applyBorder="1" applyAlignment="1">
      <alignment horizontal="center" vertical="center" wrapText="1"/>
    </xf>
    <xf numFmtId="0" fontId="52" fillId="0" borderId="45" xfId="8" applyFont="1" applyBorder="1" applyAlignment="1">
      <alignment vertical="center" shrinkToFit="1"/>
    </xf>
    <xf numFmtId="0" fontId="52" fillId="0" borderId="91" xfId="8" applyFont="1" applyBorder="1" applyAlignment="1">
      <alignment vertical="center" shrinkToFit="1"/>
    </xf>
    <xf numFmtId="0" fontId="52" fillId="0" borderId="1" xfId="8" applyFont="1" applyBorder="1" applyAlignment="1">
      <alignment vertical="center" wrapText="1"/>
    </xf>
    <xf numFmtId="0" fontId="52" fillId="0" borderId="38" xfId="8" applyFont="1" applyBorder="1" applyAlignment="1">
      <alignment vertical="center" wrapText="1"/>
    </xf>
    <xf numFmtId="0" fontId="52" fillId="0" borderId="94" xfId="8" applyFont="1" applyBorder="1" applyAlignment="1">
      <alignment horizontal="center" vertical="center" wrapText="1"/>
    </xf>
    <xf numFmtId="0" fontId="52" fillId="0" borderId="30" xfId="8" applyFont="1" applyBorder="1" applyAlignment="1">
      <alignment horizontal="center" vertical="center" wrapText="1"/>
    </xf>
    <xf numFmtId="0" fontId="52" fillId="0" borderId="99" xfId="8" applyFont="1" applyBorder="1" applyAlignment="1">
      <alignment horizontal="center" vertical="center" wrapText="1"/>
    </xf>
    <xf numFmtId="0" fontId="42" fillId="0" borderId="0" xfId="8" applyFont="1" applyBorder="1" applyAlignment="1">
      <alignment vertical="center"/>
    </xf>
    <xf numFmtId="0" fontId="42" fillId="0" borderId="0" xfId="8" applyFont="1" applyAlignment="1">
      <alignment vertical="center" wrapText="1"/>
    </xf>
    <xf numFmtId="0" fontId="41" fillId="0" borderId="90" xfId="8" applyFont="1" applyFill="1" applyBorder="1" applyAlignment="1">
      <alignment horizontal="center" vertical="center" wrapText="1"/>
    </xf>
    <xf numFmtId="0" fontId="41" fillId="0" borderId="23" xfId="8" applyFont="1" applyFill="1" applyBorder="1" applyAlignment="1">
      <alignment horizontal="center" vertical="center" wrapText="1"/>
    </xf>
    <xf numFmtId="0" fontId="41" fillId="0" borderId="102" xfId="8" applyFont="1" applyFill="1" applyBorder="1" applyAlignment="1">
      <alignment horizontal="center" vertical="center" wrapText="1"/>
    </xf>
    <xf numFmtId="0" fontId="52" fillId="0" borderId="45" xfId="8" applyFont="1" applyFill="1" applyBorder="1" applyAlignment="1">
      <alignment vertical="center" shrinkToFit="1"/>
    </xf>
    <xf numFmtId="0" fontId="52" fillId="0" borderId="91" xfId="8" applyFont="1" applyFill="1" applyBorder="1" applyAlignment="1">
      <alignment vertical="center" shrinkToFit="1"/>
    </xf>
    <xf numFmtId="0" fontId="52" fillId="0" borderId="1" xfId="8" applyFont="1" applyFill="1" applyBorder="1" applyAlignment="1">
      <alignment vertical="center" wrapText="1"/>
    </xf>
    <xf numFmtId="0" fontId="52" fillId="0" borderId="38" xfId="8" applyFont="1" applyFill="1" applyBorder="1" applyAlignment="1">
      <alignment vertical="center" wrapText="1"/>
    </xf>
    <xf numFmtId="0" fontId="52" fillId="0" borderId="16" xfId="8" applyFont="1" applyBorder="1" applyAlignment="1">
      <alignment horizontal="center" vertical="center" wrapText="1"/>
    </xf>
    <xf numFmtId="0" fontId="52" fillId="0" borderId="39" xfId="8" applyFont="1" applyBorder="1" applyAlignment="1">
      <alignment horizontal="center" vertical="center" wrapText="1"/>
    </xf>
    <xf numFmtId="0" fontId="51" fillId="0" borderId="117" xfId="8" applyFont="1" applyBorder="1" applyAlignment="1">
      <alignment horizontal="center" vertical="center"/>
    </xf>
    <xf numFmtId="0" fontId="41" fillId="0" borderId="118" xfId="8" applyFont="1" applyBorder="1" applyAlignment="1">
      <alignment horizontal="distributed" vertical="center"/>
    </xf>
    <xf numFmtId="0" fontId="41" fillId="0" borderId="119" xfId="8" applyFont="1" applyBorder="1" applyAlignment="1">
      <alignment horizontal="distributed" vertical="center"/>
    </xf>
    <xf numFmtId="0" fontId="41" fillId="0" borderId="119" xfId="1" applyFont="1" applyBorder="1" applyAlignment="1">
      <alignment horizontal="distributed" vertical="center"/>
    </xf>
    <xf numFmtId="0" fontId="52" fillId="0" borderId="120" xfId="8" applyFont="1" applyBorder="1" applyAlignment="1">
      <alignment horizontal="center" vertical="center" shrinkToFit="1"/>
    </xf>
    <xf numFmtId="0" fontId="52" fillId="0" borderId="121" xfId="8" applyFont="1" applyBorder="1" applyAlignment="1">
      <alignment horizontal="center" vertical="center" shrinkToFit="1"/>
    </xf>
    <xf numFmtId="0" fontId="40" fillId="0" borderId="122" xfId="5" applyFont="1" applyFill="1" applyBorder="1" applyAlignment="1">
      <alignment horizontal="distributed" vertical="center"/>
    </xf>
    <xf numFmtId="0" fontId="53" fillId="0" borderId="123" xfId="5" applyFont="1" applyFill="1" applyBorder="1" applyAlignment="1">
      <alignment horizontal="center" vertical="center" shrinkToFit="1"/>
    </xf>
    <xf numFmtId="0" fontId="40" fillId="0" borderId="124" xfId="5" applyFont="1" applyFill="1" applyBorder="1" applyAlignment="1">
      <alignment horizontal="distributed" vertical="center"/>
    </xf>
    <xf numFmtId="0" fontId="53" fillId="0" borderId="125" xfId="5" applyFont="1" applyFill="1" applyBorder="1" applyAlignment="1">
      <alignment horizontal="center" vertical="center" shrinkToFit="1"/>
    </xf>
    <xf numFmtId="0" fontId="40" fillId="0" borderId="126" xfId="5" applyFont="1" applyFill="1" applyBorder="1" applyAlignment="1">
      <alignment horizontal="center" vertical="center"/>
    </xf>
    <xf numFmtId="0" fontId="40" fillId="0" borderId="127" xfId="5" applyFont="1" applyFill="1" applyBorder="1" applyAlignment="1">
      <alignment horizontal="center" vertical="center"/>
    </xf>
    <xf numFmtId="0" fontId="53" fillId="0" borderId="128" xfId="5" applyFont="1" applyFill="1" applyBorder="1" applyAlignment="1">
      <alignment horizontal="center" vertical="center" shrinkToFit="1"/>
    </xf>
    <xf numFmtId="0" fontId="53" fillId="0" borderId="129" xfId="5" applyFont="1" applyFill="1" applyBorder="1" applyAlignment="1">
      <alignment horizontal="center" vertical="center" shrinkToFit="1"/>
    </xf>
    <xf numFmtId="0" fontId="41" fillId="0" borderId="130" xfId="8" applyFont="1" applyBorder="1" applyAlignment="1">
      <alignment horizontal="center" vertical="center" wrapText="1"/>
    </xf>
    <xf numFmtId="0" fontId="41" fillId="0" borderId="131" xfId="8" applyFont="1" applyBorder="1" applyAlignment="1">
      <alignment horizontal="center" vertical="center" wrapText="1"/>
    </xf>
    <xf numFmtId="0" fontId="41" fillId="0" borderId="132" xfId="8" applyFont="1" applyBorder="1" applyAlignment="1">
      <alignment horizontal="center" vertical="center" wrapText="1"/>
    </xf>
    <xf numFmtId="0" fontId="42" fillId="0" borderId="133" xfId="8" applyFont="1" applyBorder="1" applyAlignment="1">
      <alignment horizontal="center" vertical="center" wrapText="1"/>
    </xf>
    <xf numFmtId="0" fontId="43" fillId="0" borderId="134" xfId="8" applyFont="1" applyBorder="1" applyAlignment="1">
      <alignment horizontal="left" vertical="center" wrapText="1"/>
    </xf>
    <xf numFmtId="0" fontId="43" fillId="0" borderId="135" xfId="8" applyFont="1" applyBorder="1" applyAlignment="1">
      <alignment horizontal="left" vertical="center" wrapText="1"/>
    </xf>
    <xf numFmtId="0" fontId="52" fillId="0" borderId="136" xfId="8" applyFont="1" applyBorder="1" applyAlignment="1">
      <alignment horizontal="center" vertical="center" shrinkToFit="1"/>
    </xf>
    <xf numFmtId="0" fontId="52" fillId="0" borderId="137" xfId="8" applyFont="1" applyBorder="1" applyAlignment="1">
      <alignment horizontal="center" vertical="center" shrinkToFit="1"/>
    </xf>
    <xf numFmtId="0" fontId="41" fillId="0" borderId="85" xfId="8" applyFont="1" applyFill="1" applyBorder="1" applyAlignment="1">
      <alignment horizontal="center" vertical="center" wrapText="1"/>
    </xf>
    <xf numFmtId="0" fontId="42" fillId="0" borderId="29" xfId="8" applyFont="1" applyBorder="1" applyAlignment="1">
      <alignment horizontal="center" vertical="center" wrapText="1"/>
    </xf>
    <xf numFmtId="0" fontId="48" fillId="0" borderId="128" xfId="8" applyFont="1" applyBorder="1" applyAlignment="1">
      <alignment horizontal="center" vertical="center" shrinkToFit="1"/>
    </xf>
    <xf numFmtId="0" fontId="48" fillId="0" borderId="87" xfId="8" applyFont="1" applyBorder="1" applyAlignment="1">
      <alignment horizontal="center" vertical="center" shrinkToFit="1"/>
    </xf>
    <xf numFmtId="0" fontId="48" fillId="0" borderId="138" xfId="8" applyFont="1" applyBorder="1" applyAlignment="1">
      <alignment horizontal="center" vertical="center" shrinkToFit="1"/>
    </xf>
    <xf numFmtId="0" fontId="17" fillId="0" borderId="27" xfId="6" applyFont="1" applyFill="1" applyBorder="1" applyAlignment="1">
      <alignment horizontal="distributed" vertical="center" indent="1"/>
    </xf>
    <xf numFmtId="0" fontId="17" fillId="0" borderId="1" xfId="6" applyFont="1" applyFill="1" applyBorder="1" applyAlignment="1">
      <alignment horizontal="distributed" vertical="center" indent="1"/>
    </xf>
    <xf numFmtId="0" fontId="17" fillId="0" borderId="1" xfId="6" applyFont="1" applyFill="1" applyBorder="1" applyAlignment="1">
      <alignment horizontal="left" vertical="center" indent="1"/>
    </xf>
    <xf numFmtId="0" fontId="17" fillId="0" borderId="38" xfId="6" applyFont="1" applyFill="1" applyBorder="1" applyAlignment="1">
      <alignment horizontal="left" vertical="center" indent="1"/>
    </xf>
    <xf numFmtId="0" fontId="9" fillId="0" borderId="0" xfId="6" applyFont="1" applyFill="1" applyAlignment="1">
      <alignment horizontal="center" vertical="center"/>
    </xf>
    <xf numFmtId="0" fontId="17" fillId="0" borderId="115" xfId="6" applyFont="1" applyFill="1" applyBorder="1" applyAlignment="1">
      <alignment horizontal="distributed" vertical="center" indent="1"/>
    </xf>
    <xf numFmtId="0" fontId="17" fillId="0" borderId="45" xfId="6" applyFont="1" applyFill="1" applyBorder="1" applyAlignment="1">
      <alignment horizontal="distributed" vertical="center" indent="1"/>
    </xf>
    <xf numFmtId="0" fontId="17" fillId="0" borderId="45" xfId="6" applyFont="1" applyFill="1" applyBorder="1" applyAlignment="1">
      <alignment horizontal="left" vertical="center" indent="1"/>
    </xf>
    <xf numFmtId="0" fontId="17" fillId="0" borderId="91" xfId="6" applyFont="1" applyFill="1" applyBorder="1" applyAlignment="1">
      <alignment horizontal="left" vertical="center" indent="1"/>
    </xf>
    <xf numFmtId="0" fontId="17" fillId="0" borderId="27" xfId="6" applyFont="1" applyFill="1" applyBorder="1" applyAlignment="1">
      <alignment horizontal="center" vertical="center"/>
    </xf>
    <xf numFmtId="0" fontId="17" fillId="0" borderId="1" xfId="6" applyFont="1" applyFill="1" applyBorder="1" applyAlignment="1">
      <alignment horizontal="center" vertical="center"/>
    </xf>
    <xf numFmtId="0" fontId="17" fillId="0" borderId="139" xfId="6" applyFont="1" applyFill="1" applyBorder="1" applyAlignment="1">
      <alignment horizontal="center" vertical="center"/>
    </xf>
    <xf numFmtId="0" fontId="17" fillId="0" borderId="25" xfId="6" applyFont="1" applyFill="1" applyBorder="1" applyAlignment="1">
      <alignment horizontal="center" vertical="center"/>
    </xf>
    <xf numFmtId="0" fontId="17" fillId="0" borderId="26" xfId="6" applyFont="1" applyFill="1" applyBorder="1" applyAlignment="1">
      <alignment horizontal="center" vertical="center" textRotation="255"/>
    </xf>
    <xf numFmtId="0" fontId="17" fillId="0" borderId="11" xfId="6" applyFont="1" applyFill="1" applyBorder="1" applyAlignment="1">
      <alignment horizontal="center" vertical="center" textRotation="255"/>
    </xf>
    <xf numFmtId="0" fontId="17" fillId="0" borderId="27" xfId="6" applyFont="1" applyFill="1" applyBorder="1" applyAlignment="1">
      <alignment horizontal="center" vertical="center" textRotation="255"/>
    </xf>
    <xf numFmtId="0" fontId="17" fillId="0" borderId="1" xfId="6" applyFont="1" applyFill="1" applyBorder="1" applyAlignment="1">
      <alignment horizontal="center" vertical="center" textRotation="255"/>
    </xf>
    <xf numFmtId="0" fontId="17" fillId="0" borderId="107" xfId="6" applyFont="1" applyFill="1" applyBorder="1" applyAlignment="1">
      <alignment horizontal="center" vertical="center"/>
    </xf>
    <xf numFmtId="0" fontId="17" fillId="0" borderId="82" xfId="6" applyFont="1" applyFill="1" applyBorder="1" applyAlignment="1">
      <alignment horizontal="center" vertical="center"/>
    </xf>
    <xf numFmtId="0" fontId="17" fillId="0" borderId="43" xfId="6" applyFont="1" applyFill="1" applyBorder="1" applyAlignment="1">
      <alignment horizontal="center" vertical="center"/>
    </xf>
    <xf numFmtId="0" fontId="17" fillId="0" borderId="10" xfId="6" applyFont="1" applyFill="1" applyBorder="1" applyAlignment="1">
      <alignment horizontal="center" vertical="center"/>
    </xf>
    <xf numFmtId="0" fontId="17" fillId="0" borderId="11" xfId="6" applyFont="1" applyFill="1" applyBorder="1" applyAlignment="1">
      <alignment horizontal="center" vertical="center"/>
    </xf>
    <xf numFmtId="0" fontId="17" fillId="0" borderId="13" xfId="6" applyFont="1" applyFill="1" applyBorder="1" applyAlignment="1">
      <alignment horizontal="center" vertical="center"/>
    </xf>
    <xf numFmtId="0" fontId="17" fillId="0" borderId="14" xfId="6" applyFont="1" applyFill="1" applyBorder="1" applyAlignment="1">
      <alignment horizontal="center" vertical="center"/>
    </xf>
    <xf numFmtId="0" fontId="17" fillId="0" borderId="2" xfId="6" applyFont="1" applyFill="1" applyBorder="1" applyAlignment="1">
      <alignment horizontal="left" vertical="center" wrapText="1"/>
    </xf>
    <xf numFmtId="0" fontId="17" fillId="0" borderId="8" xfId="6" applyFont="1" applyFill="1" applyBorder="1" applyAlignment="1">
      <alignment horizontal="left" vertical="center"/>
    </xf>
    <xf numFmtId="0" fontId="17" fillId="0" borderId="78" xfId="6" applyFont="1" applyFill="1" applyBorder="1" applyAlignment="1">
      <alignment horizontal="left" vertical="center"/>
    </xf>
    <xf numFmtId="0" fontId="17" fillId="0" borderId="6" xfId="6" applyFont="1" applyFill="1" applyBorder="1" applyAlignment="1">
      <alignment horizontal="left" vertical="center"/>
    </xf>
    <xf numFmtId="0" fontId="17" fillId="0" borderId="0" xfId="6" applyFont="1" applyFill="1" applyBorder="1" applyAlignment="1">
      <alignment horizontal="left" vertical="center"/>
    </xf>
    <xf numFmtId="0" fontId="17" fillId="0" borderId="83" xfId="6" applyFont="1" applyFill="1" applyBorder="1" applyAlignment="1">
      <alignment horizontal="left" vertical="center"/>
    </xf>
    <xf numFmtId="0" fontId="17" fillId="0" borderId="7" xfId="6" applyFont="1" applyFill="1" applyBorder="1" applyAlignment="1">
      <alignment horizontal="left" vertical="center"/>
    </xf>
    <xf numFmtId="0" fontId="17" fillId="0" borderId="4" xfId="6" applyFont="1" applyFill="1" applyBorder="1" applyAlignment="1">
      <alignment horizontal="left" vertical="center"/>
    </xf>
    <xf numFmtId="0" fontId="17" fillId="0" borderId="40" xfId="6" applyFont="1" applyFill="1" applyBorder="1" applyAlignment="1">
      <alignment horizontal="left" vertical="center"/>
    </xf>
    <xf numFmtId="0" fontId="17" fillId="0" borderId="38" xfId="6" applyFont="1" applyFill="1" applyBorder="1" applyAlignment="1">
      <alignment horizontal="center" vertical="center"/>
    </xf>
    <xf numFmtId="0" fontId="17" fillId="0" borderId="88" xfId="6" applyFont="1" applyFill="1" applyBorder="1" applyAlignment="1">
      <alignment horizontal="center" vertical="center"/>
    </xf>
    <xf numFmtId="0" fontId="17" fillId="0" borderId="25" xfId="6" applyFont="1" applyFill="1" applyBorder="1" applyAlignment="1">
      <alignment horizontal="distributed" vertical="center" indent="1"/>
    </xf>
    <xf numFmtId="0" fontId="17" fillId="0" borderId="66" xfId="6" applyFont="1" applyFill="1" applyBorder="1" applyAlignment="1">
      <alignment horizontal="center" vertical="center"/>
    </xf>
    <xf numFmtId="0" fontId="17" fillId="0" borderId="67" xfId="6" applyFont="1" applyFill="1" applyBorder="1" applyAlignment="1">
      <alignment horizontal="center" vertical="center"/>
    </xf>
    <xf numFmtId="0" fontId="17" fillId="0" borderId="68" xfId="6" applyFont="1" applyFill="1" applyBorder="1" applyAlignment="1">
      <alignment horizontal="center" vertical="center"/>
    </xf>
    <xf numFmtId="0" fontId="11" fillId="0" borderId="32" xfId="6" applyFont="1" applyFill="1" applyBorder="1" applyAlignment="1">
      <alignment horizontal="left" wrapText="1"/>
    </xf>
    <xf numFmtId="0" fontId="11" fillId="0" borderId="0" xfId="6" applyFont="1" applyFill="1" applyBorder="1" applyAlignment="1">
      <alignment horizontal="left" wrapText="1"/>
    </xf>
    <xf numFmtId="0" fontId="11" fillId="0" borderId="0" xfId="6" applyFont="1" applyFill="1" applyBorder="1" applyAlignment="1">
      <alignment horizontal="left"/>
    </xf>
    <xf numFmtId="0" fontId="17" fillId="0" borderId="16" xfId="6" applyFont="1" applyFill="1" applyBorder="1" applyAlignment="1">
      <alignment horizontal="center" vertical="center"/>
    </xf>
    <xf numFmtId="0" fontId="17" fillId="0" borderId="39" xfId="6" applyFont="1" applyFill="1" applyBorder="1" applyAlignment="1">
      <alignment horizontal="center" vertical="center"/>
    </xf>
    <xf numFmtId="0" fontId="17" fillId="0" borderId="60" xfId="6" applyFont="1" applyFill="1" applyBorder="1" applyAlignment="1">
      <alignment horizontal="center" vertical="center" textRotation="255"/>
    </xf>
    <xf numFmtId="0" fontId="17" fillId="0" borderId="9" xfId="6" applyFont="1" applyFill="1" applyBorder="1" applyAlignment="1">
      <alignment horizontal="center" vertical="center" textRotation="255"/>
    </xf>
    <xf numFmtId="0" fontId="17" fillId="0" borderId="46" xfId="6" applyFont="1" applyFill="1" applyBorder="1" applyAlignment="1">
      <alignment horizontal="center" vertical="center" textRotation="255"/>
    </xf>
    <xf numFmtId="0" fontId="17" fillId="0" borderId="3" xfId="6" applyFont="1" applyFill="1" applyBorder="1" applyAlignment="1">
      <alignment horizontal="center" vertical="center" textRotation="255"/>
    </xf>
    <xf numFmtId="0" fontId="17" fillId="0" borderId="84" xfId="6" applyFont="1" applyFill="1" applyBorder="1" applyAlignment="1">
      <alignment horizontal="center" vertical="center" textRotation="255"/>
    </xf>
    <xf numFmtId="0" fontId="17" fillId="0" borderId="85" xfId="6" applyFont="1" applyFill="1" applyBorder="1" applyAlignment="1">
      <alignment horizontal="center" vertical="center" textRotation="255"/>
    </xf>
    <xf numFmtId="0" fontId="17" fillId="0" borderId="15" xfId="6" applyFont="1" applyFill="1" applyBorder="1" applyAlignment="1">
      <alignment horizontal="center" vertical="center"/>
    </xf>
    <xf numFmtId="0" fontId="17" fillId="0" borderId="41" xfId="6" applyFont="1" applyFill="1" applyBorder="1" applyAlignment="1">
      <alignment horizontal="center" vertical="center"/>
    </xf>
    <xf numFmtId="0" fontId="0" fillId="0" borderId="94" xfId="0" applyBorder="1" applyAlignment="1">
      <alignment vertical="center"/>
    </xf>
    <xf numFmtId="0" fontId="0" fillId="0" borderId="31" xfId="0" applyBorder="1" applyAlignment="1">
      <alignment vertical="center"/>
    </xf>
    <xf numFmtId="0" fontId="0" fillId="0" borderId="30" xfId="0" applyBorder="1" applyAlignment="1">
      <alignment vertical="center"/>
    </xf>
    <xf numFmtId="0" fontId="0" fillId="0" borderId="99" xfId="0" applyBorder="1" applyAlignment="1">
      <alignment vertical="center"/>
    </xf>
    <xf numFmtId="0" fontId="0" fillId="0" borderId="77" xfId="0" applyBorder="1" applyAlignment="1">
      <alignment horizontal="distributed" vertical="center"/>
    </xf>
    <xf numFmtId="0" fontId="0" fillId="0" borderId="15" xfId="0" applyBorder="1" applyAlignment="1">
      <alignment horizontal="distributed"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41" xfId="0" applyBorder="1" applyAlignment="1">
      <alignment horizontal="center" vertical="center"/>
    </xf>
    <xf numFmtId="0" fontId="0" fillId="0" borderId="13" xfId="0" applyBorder="1" applyAlignment="1">
      <alignment vertical="center"/>
    </xf>
    <xf numFmtId="0" fontId="0" fillId="0" borderId="15" xfId="0" applyBorder="1" applyAlignment="1">
      <alignment vertical="center"/>
    </xf>
    <xf numFmtId="0" fontId="0" fillId="0" borderId="14" xfId="0" applyBorder="1" applyAlignment="1">
      <alignment vertical="center"/>
    </xf>
    <xf numFmtId="0" fontId="0" fillId="0" borderId="41" xfId="0" applyBorder="1" applyAlignment="1">
      <alignment vertical="center"/>
    </xf>
    <xf numFmtId="0" fontId="5" fillId="0" borderId="101" xfId="0" applyFont="1" applyBorder="1" applyAlignment="1">
      <alignment vertical="center" textRotation="255" wrapText="1"/>
    </xf>
    <xf numFmtId="0" fontId="5" fillId="0" borderId="23" xfId="0" applyFont="1" applyBorder="1" applyAlignment="1">
      <alignment vertical="center" textRotation="255" wrapText="1"/>
    </xf>
    <xf numFmtId="0" fontId="5" fillId="0" borderId="102" xfId="0" applyFont="1" applyBorder="1" applyAlignment="1">
      <alignment vertical="center" textRotation="255" wrapText="1"/>
    </xf>
    <xf numFmtId="0" fontId="0" fillId="0" borderId="66" xfId="0" applyBorder="1" applyAlignment="1">
      <alignment horizontal="center" vertical="center" wrapText="1"/>
    </xf>
    <xf numFmtId="0" fontId="0" fillId="0" borderId="67" xfId="0" applyBorder="1" applyAlignment="1">
      <alignment vertical="center"/>
    </xf>
    <xf numFmtId="0" fontId="0" fillId="0" borderId="66" xfId="0" applyBorder="1" applyAlignment="1">
      <alignment horizontal="center" vertical="center"/>
    </xf>
    <xf numFmtId="0" fontId="0" fillId="0" borderId="68" xfId="0" applyBorder="1" applyAlignment="1">
      <alignment horizontal="center" vertical="center"/>
    </xf>
    <xf numFmtId="0" fontId="0" fillId="0" borderId="15" xfId="0" applyBorder="1" applyAlignment="1">
      <alignment horizontal="center" vertical="center"/>
    </xf>
    <xf numFmtId="0" fontId="0" fillId="0" borderId="103" xfId="0" applyBorder="1" applyAlignment="1">
      <alignment horizontal="distributed" vertical="center"/>
    </xf>
    <xf numFmtId="0" fontId="0" fillId="0" borderId="104" xfId="0" applyBorder="1" applyAlignment="1">
      <alignment horizontal="distributed" vertical="center"/>
    </xf>
    <xf numFmtId="0" fontId="0" fillId="0" borderId="105" xfId="0" applyBorder="1" applyAlignment="1">
      <alignment horizontal="center" vertical="center"/>
    </xf>
    <xf numFmtId="0" fontId="0" fillId="0" borderId="104" xfId="0" applyBorder="1" applyAlignment="1">
      <alignment horizontal="center" vertical="center"/>
    </xf>
    <xf numFmtId="0" fontId="0" fillId="0" borderId="106" xfId="0" applyBorder="1" applyAlignment="1">
      <alignment horizontal="center" vertical="center"/>
    </xf>
    <xf numFmtId="0" fontId="5" fillId="0" borderId="24" xfId="0" applyFont="1" applyBorder="1" applyAlignment="1">
      <alignment vertical="center" textRotation="255" wrapText="1"/>
    </xf>
    <xf numFmtId="0" fontId="0" fillId="0" borderId="107" xfId="0" applyBorder="1" applyAlignment="1">
      <alignment horizontal="distributed" vertical="center"/>
    </xf>
    <xf numFmtId="0" fontId="0" fillId="0" borderId="82" xfId="0" applyBorder="1" applyAlignment="1">
      <alignment vertical="center"/>
    </xf>
    <xf numFmtId="0" fontId="0" fillId="0" borderId="43" xfId="0" applyBorder="1" applyAlignment="1">
      <alignment vertical="center"/>
    </xf>
    <xf numFmtId="0" fontId="0" fillId="0" borderId="66" xfId="0" applyBorder="1" applyAlignment="1">
      <alignment horizontal="distributed" vertical="center"/>
    </xf>
    <xf numFmtId="0" fontId="0" fillId="0" borderId="68" xfId="0" applyBorder="1" applyAlignment="1">
      <alignment horizontal="distributed" vertical="center"/>
    </xf>
    <xf numFmtId="0" fontId="0" fillId="0" borderId="10" xfId="0" applyBorder="1" applyAlignment="1">
      <alignment vertical="center" textRotation="255" wrapText="1"/>
    </xf>
    <xf numFmtId="0" fontId="0" fillId="0" borderId="108" xfId="0" applyBorder="1" applyAlignment="1">
      <alignment vertical="center" textRotation="255" wrapText="1"/>
    </xf>
    <xf numFmtId="0" fontId="0" fillId="0" borderId="1" xfId="0" applyBorder="1" applyAlignment="1">
      <alignment horizontal="distributed" vertical="center"/>
    </xf>
    <xf numFmtId="0" fontId="0" fillId="0" borderId="2" xfId="0" applyBorder="1" applyAlignment="1">
      <alignment horizontal="center" vertical="center"/>
    </xf>
    <xf numFmtId="0" fontId="0" fillId="2" borderId="42" xfId="0" applyFill="1" applyBorder="1" applyAlignment="1">
      <alignment horizontal="center" vertical="center"/>
    </xf>
    <xf numFmtId="0" fontId="0" fillId="0" borderId="100" xfId="0" applyBorder="1" applyAlignment="1">
      <alignment horizontal="center" vertical="center"/>
    </xf>
    <xf numFmtId="0" fontId="16" fillId="0" borderId="0" xfId="0" applyFont="1" applyAlignment="1">
      <alignment horizontal="center" vertical="center"/>
    </xf>
    <xf numFmtId="0" fontId="0" fillId="0" borderId="69" xfId="0" applyBorder="1" applyAlignment="1">
      <alignment horizontal="distributed" vertical="center"/>
    </xf>
    <xf numFmtId="0" fontId="0" fillId="0" borderId="33" xfId="0" applyBorder="1" applyAlignment="1">
      <alignment horizontal="distributed" vertical="center"/>
    </xf>
    <xf numFmtId="0" fontId="0" fillId="0" borderId="71" xfId="0" applyBorder="1" applyAlignment="1">
      <alignment vertical="center"/>
    </xf>
    <xf numFmtId="0" fontId="0" fillId="0" borderId="70" xfId="0" applyBorder="1" applyAlignment="1">
      <alignment vertical="center"/>
    </xf>
    <xf numFmtId="0" fontId="0" fillId="0" borderId="72" xfId="0" applyBorder="1" applyAlignment="1">
      <alignment vertical="center"/>
    </xf>
    <xf numFmtId="0" fontId="0" fillId="0" borderId="98" xfId="0" applyBorder="1" applyAlignment="1">
      <alignment horizontal="distributed" vertical="center"/>
    </xf>
    <xf numFmtId="0" fontId="0" fillId="0" borderId="23" xfId="0" applyBorder="1" applyAlignment="1">
      <alignment horizontal="distributed" vertical="center"/>
    </xf>
    <xf numFmtId="0" fontId="0" fillId="0" borderId="12" xfId="0" applyBorder="1" applyAlignment="1">
      <alignment horizontal="distributed" vertical="center"/>
    </xf>
    <xf numFmtId="0" fontId="0" fillId="0" borderId="10" xfId="0" applyBorder="1" applyAlignment="1">
      <alignment horizontal="distributed" vertical="center"/>
    </xf>
    <xf numFmtId="0" fontId="0" fillId="0" borderId="2" xfId="0" applyBorder="1" applyAlignment="1">
      <alignment vertical="center"/>
    </xf>
    <xf numFmtId="0" fontId="0" fillId="0" borderId="78" xfId="0" applyBorder="1" applyAlignment="1">
      <alignment vertical="center"/>
    </xf>
    <xf numFmtId="0" fontId="0" fillId="0" borderId="6" xfId="0" applyBorder="1" applyAlignment="1">
      <alignment vertical="center"/>
    </xf>
    <xf numFmtId="0" fontId="0" fillId="0" borderId="83"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97" fillId="0" borderId="0" xfId="10" applyFont="1" applyAlignment="1">
      <alignment horizontal="right" vertical="center"/>
    </xf>
    <xf numFmtId="0" fontId="95" fillId="0" borderId="0" xfId="10" applyFont="1" applyBorder="1" applyAlignment="1">
      <alignment horizontal="center" vertical="center"/>
    </xf>
    <xf numFmtId="0" fontId="94" fillId="0" borderId="13" xfId="10" applyFont="1" applyBorder="1" applyAlignment="1">
      <alignment horizontal="center" vertical="center"/>
    </xf>
    <xf numFmtId="0" fontId="94" fillId="0" borderId="14" xfId="10" applyFont="1" applyBorder="1" applyAlignment="1">
      <alignment horizontal="center" vertical="center"/>
    </xf>
    <xf numFmtId="0" fontId="94" fillId="0" borderId="15" xfId="10" applyFont="1" applyBorder="1" applyAlignment="1">
      <alignment horizontal="center" vertical="center"/>
    </xf>
    <xf numFmtId="0" fontId="97" fillId="0" borderId="8" xfId="13" applyFont="1" applyBorder="1" applyAlignment="1">
      <alignment horizontal="center" vertical="center"/>
    </xf>
    <xf numFmtId="0" fontId="97" fillId="0" borderId="9" xfId="13" applyFont="1" applyBorder="1" applyAlignment="1">
      <alignment horizontal="center" vertical="center"/>
    </xf>
    <xf numFmtId="0" fontId="97" fillId="0" borderId="12" xfId="10" applyFont="1" applyBorder="1" applyAlignment="1">
      <alignment horizontal="left" vertical="center"/>
    </xf>
    <xf numFmtId="0" fontId="97" fillId="0" borderId="10" xfId="10" applyFont="1" applyBorder="1" applyAlignment="1">
      <alignment horizontal="left" vertical="center"/>
    </xf>
    <xf numFmtId="0" fontId="97" fillId="0" borderId="11" xfId="10" applyFont="1" applyBorder="1" applyAlignment="1">
      <alignment horizontal="left" vertical="center"/>
    </xf>
    <xf numFmtId="0" fontId="97" fillId="0" borderId="13" xfId="10" applyFont="1" applyBorder="1" applyAlignment="1">
      <alignment horizontal="center" vertical="center"/>
    </xf>
    <xf numFmtId="0" fontId="97" fillId="0" borderId="14" xfId="10" applyFont="1" applyBorder="1" applyAlignment="1">
      <alignment horizontal="center" vertical="center"/>
    </xf>
    <xf numFmtId="0" fontId="97" fillId="0" borderId="15" xfId="10" applyFont="1" applyBorder="1" applyAlignment="1">
      <alignment horizontal="center" vertical="center"/>
    </xf>
    <xf numFmtId="0" fontId="97" fillId="0" borderId="13" xfId="10" applyFont="1" applyBorder="1" applyAlignment="1">
      <alignment horizontal="left" vertical="center" wrapText="1"/>
    </xf>
    <xf numFmtId="0" fontId="97" fillId="0" borderId="14" xfId="10" applyFont="1" applyBorder="1" applyAlignment="1">
      <alignment horizontal="left" vertical="center" wrapText="1"/>
    </xf>
    <xf numFmtId="0" fontId="97" fillId="0" borderId="15" xfId="10" applyFont="1" applyBorder="1" applyAlignment="1">
      <alignment horizontal="left" vertical="center" wrapText="1"/>
    </xf>
    <xf numFmtId="0" fontId="97" fillId="0" borderId="13" xfId="10" applyFont="1" applyBorder="1" applyAlignment="1">
      <alignment horizontal="center" vertical="center" wrapText="1"/>
    </xf>
    <xf numFmtId="0" fontId="97" fillId="0" borderId="14" xfId="10" applyFont="1" applyBorder="1" applyAlignment="1">
      <alignment horizontal="center" vertical="center" wrapText="1"/>
    </xf>
    <xf numFmtId="0" fontId="97" fillId="0" borderId="15" xfId="10" applyFont="1" applyBorder="1" applyAlignment="1">
      <alignment horizontal="center" vertical="center" wrapText="1"/>
    </xf>
    <xf numFmtId="0" fontId="17" fillId="0" borderId="94" xfId="5" applyFont="1" applyFill="1" applyBorder="1" applyAlignment="1">
      <alignment horizontal="center" vertical="center"/>
    </xf>
    <xf numFmtId="0" fontId="17" fillId="0" borderId="30" xfId="5" applyFont="1" applyFill="1" applyBorder="1" applyAlignment="1">
      <alignment horizontal="center" vertical="center"/>
    </xf>
    <xf numFmtId="0" fontId="17" fillId="0" borderId="94" xfId="5" applyFont="1" applyFill="1" applyBorder="1" applyAlignment="1">
      <alignment horizontal="right" vertical="center"/>
    </xf>
    <xf numFmtId="0" fontId="17" fillId="0" borderId="30" xfId="5" applyFont="1" applyFill="1" applyBorder="1" applyAlignment="1">
      <alignment horizontal="right" vertical="center"/>
    </xf>
    <xf numFmtId="0" fontId="17" fillId="0" borderId="99" xfId="5" applyFont="1" applyFill="1" applyBorder="1" applyAlignment="1">
      <alignment horizontal="right" vertical="center"/>
    </xf>
    <xf numFmtId="0" fontId="22" fillId="0" borderId="32" xfId="5" applyFont="1" applyBorder="1" applyAlignment="1">
      <alignment horizontal="left" vertical="center"/>
    </xf>
    <xf numFmtId="0" fontId="17" fillId="0" borderId="115" xfId="5" applyFont="1" applyFill="1" applyBorder="1" applyAlignment="1">
      <alignment horizontal="center" vertical="center" textRotation="255"/>
    </xf>
    <xf numFmtId="0" fontId="17" fillId="0" borderId="45" xfId="5" applyFont="1" applyFill="1" applyBorder="1" applyAlignment="1">
      <alignment horizontal="center" vertical="center" textRotation="255"/>
    </xf>
    <xf numFmtId="0" fontId="17" fillId="0" borderId="27" xfId="5" applyFont="1" applyFill="1" applyBorder="1" applyAlignment="1">
      <alignment horizontal="center" vertical="center" textRotation="255"/>
    </xf>
    <xf numFmtId="0" fontId="17" fillId="0" borderId="1" xfId="5" applyFont="1" applyFill="1" applyBorder="1" applyAlignment="1">
      <alignment horizontal="center" vertical="center" textRotation="255"/>
    </xf>
    <xf numFmtId="0" fontId="17" fillId="0" borderId="28" xfId="5" applyFont="1" applyFill="1" applyBorder="1" applyAlignment="1">
      <alignment horizontal="center" vertical="center" textRotation="255"/>
    </xf>
    <xf numFmtId="0" fontId="17" fillId="0" borderId="16" xfId="5" applyFont="1" applyFill="1" applyBorder="1" applyAlignment="1">
      <alignment horizontal="center" vertical="center" textRotation="255"/>
    </xf>
    <xf numFmtId="0" fontId="10" fillId="0" borderId="45" xfId="5" applyFont="1" applyFill="1" applyBorder="1" applyAlignment="1">
      <alignment horizontal="left" vertical="center" wrapText="1"/>
    </xf>
    <xf numFmtId="0" fontId="10" fillId="0" borderId="1" xfId="5" applyFont="1" applyFill="1" applyBorder="1" applyAlignment="1">
      <alignment horizontal="left" vertical="center" wrapText="1"/>
    </xf>
    <xf numFmtId="0" fontId="10" fillId="0" borderId="45" xfId="5" applyFont="1" applyFill="1" applyBorder="1" applyAlignment="1">
      <alignment horizontal="center" vertical="center" wrapText="1"/>
    </xf>
    <xf numFmtId="0" fontId="10" fillId="0" borderId="1" xfId="5" applyFont="1" applyFill="1" applyBorder="1" applyAlignment="1">
      <alignment horizontal="center" vertical="center" wrapText="1"/>
    </xf>
    <xf numFmtId="0" fontId="11" fillId="0" borderId="8" xfId="5" applyFont="1" applyFill="1" applyBorder="1" applyAlignment="1">
      <alignment horizontal="center" vertical="center"/>
    </xf>
    <xf numFmtId="0" fontId="11" fillId="0" borderId="78" xfId="5" applyFont="1" applyFill="1" applyBorder="1" applyAlignment="1">
      <alignment horizontal="center" vertical="center"/>
    </xf>
    <xf numFmtId="0" fontId="11" fillId="0" borderId="1" xfId="5" applyFont="1" applyFill="1" applyBorder="1" applyAlignment="1">
      <alignment horizontal="center" vertical="center"/>
    </xf>
    <xf numFmtId="0" fontId="11" fillId="0" borderId="13" xfId="5" applyFont="1" applyFill="1" applyBorder="1" applyAlignment="1">
      <alignment horizontal="center" vertical="center"/>
    </xf>
    <xf numFmtId="0" fontId="11" fillId="0" borderId="14" xfId="5" applyFont="1" applyFill="1" applyBorder="1" applyAlignment="1">
      <alignment horizontal="center" vertical="center"/>
    </xf>
    <xf numFmtId="0" fontId="11" fillId="0" borderId="15" xfId="5" applyFont="1" applyFill="1" applyBorder="1" applyAlignment="1">
      <alignment horizontal="center" vertical="center"/>
    </xf>
    <xf numFmtId="0" fontId="22" fillId="0" borderId="71" xfId="5" applyFont="1" applyFill="1" applyBorder="1" applyAlignment="1">
      <alignment horizontal="center" vertical="center" wrapText="1"/>
    </xf>
    <xf numFmtId="0" fontId="22" fillId="0" borderId="70" xfId="5" applyFont="1" applyFill="1" applyBorder="1" applyAlignment="1">
      <alignment horizontal="center" vertical="center" wrapText="1"/>
    </xf>
    <xf numFmtId="0" fontId="22" fillId="0" borderId="33" xfId="5" applyFont="1" applyFill="1" applyBorder="1" applyAlignment="1">
      <alignment horizontal="center" vertical="center" wrapText="1"/>
    </xf>
    <xf numFmtId="0" fontId="22" fillId="0" borderId="13" xfId="5" applyFont="1" applyFill="1" applyBorder="1" applyAlignment="1">
      <alignment horizontal="center" vertical="center" wrapText="1"/>
    </xf>
    <xf numFmtId="0" fontId="22" fillId="0" borderId="14" xfId="5" applyFont="1" applyFill="1" applyBorder="1" applyAlignment="1">
      <alignment horizontal="center" vertical="center" wrapText="1"/>
    </xf>
    <xf numFmtId="0" fontId="22" fillId="0" borderId="15" xfId="5" applyFont="1" applyFill="1" applyBorder="1" applyAlignment="1">
      <alignment horizontal="center" vertical="center" wrapText="1"/>
    </xf>
    <xf numFmtId="0" fontId="22" fillId="0" borderId="32" xfId="5" applyFont="1" applyFill="1" applyBorder="1" applyAlignment="1">
      <alignment horizontal="center" vertical="center" wrapText="1"/>
    </xf>
    <xf numFmtId="0" fontId="22" fillId="0" borderId="140" xfId="5" applyFont="1" applyFill="1" applyBorder="1" applyAlignment="1">
      <alignment horizontal="center" vertical="center" wrapText="1"/>
    </xf>
    <xf numFmtId="0" fontId="22" fillId="0" borderId="0" xfId="5" applyFont="1" applyFill="1" applyBorder="1" applyAlignment="1">
      <alignment horizontal="center" vertical="center" wrapText="1"/>
    </xf>
    <xf numFmtId="0" fontId="22" fillId="0" borderId="83" xfId="5" applyFont="1" applyFill="1" applyBorder="1" applyAlignment="1">
      <alignment horizontal="center" vertical="center" wrapText="1"/>
    </xf>
    <xf numFmtId="0" fontId="22" fillId="0" borderId="4" xfId="5" applyFont="1" applyFill="1" applyBorder="1" applyAlignment="1">
      <alignment horizontal="center" vertical="center" wrapText="1"/>
    </xf>
    <xf numFmtId="0" fontId="22" fillId="0" borderId="40" xfId="5" applyFont="1" applyFill="1" applyBorder="1" applyAlignment="1">
      <alignment horizontal="center" vertical="center" wrapText="1"/>
    </xf>
    <xf numFmtId="0" fontId="17" fillId="0" borderId="12" xfId="5" applyFont="1" applyFill="1" applyBorder="1" applyAlignment="1">
      <alignment horizontal="center" vertical="center"/>
    </xf>
    <xf numFmtId="0" fontId="17" fillId="0" borderId="12" xfId="5" applyFont="1" applyFill="1" applyBorder="1" applyAlignment="1">
      <alignment horizontal="right" vertical="center"/>
    </xf>
    <xf numFmtId="0" fontId="17" fillId="0" borderId="13" xfId="5" applyFont="1" applyFill="1" applyBorder="1" applyAlignment="1">
      <alignment horizontal="center" vertical="center"/>
    </xf>
    <xf numFmtId="0" fontId="17" fillId="0" borderId="14" xfId="5" applyFont="1" applyFill="1" applyBorder="1" applyAlignment="1">
      <alignment horizontal="center" vertical="center"/>
    </xf>
    <xf numFmtId="0" fontId="17" fillId="0" borderId="41" xfId="5" applyFont="1" applyFill="1" applyBorder="1" applyAlignment="1">
      <alignment horizontal="center" vertical="center"/>
    </xf>
    <xf numFmtId="0" fontId="17" fillId="0" borderId="1" xfId="5" applyFont="1" applyFill="1" applyBorder="1" applyAlignment="1">
      <alignment horizontal="center" vertical="center" wrapText="1"/>
    </xf>
    <xf numFmtId="0" fontId="17" fillId="0" borderId="35" xfId="5" applyFont="1" applyFill="1" applyBorder="1" applyAlignment="1">
      <alignment horizontal="center" vertical="center" textRotation="255"/>
    </xf>
    <xf numFmtId="0" fontId="17" fillId="0" borderId="36" xfId="5" applyFont="1" applyFill="1" applyBorder="1" applyAlignment="1">
      <alignment horizontal="center" vertical="center" textRotation="255"/>
    </xf>
    <xf numFmtId="0" fontId="17" fillId="0" borderId="98" xfId="5" applyFont="1" applyFill="1" applyBorder="1" applyAlignment="1">
      <alignment horizontal="center" vertical="center" textRotation="255"/>
    </xf>
    <xf numFmtId="0" fontId="17" fillId="0" borderId="12" xfId="5" applyFont="1" applyFill="1" applyBorder="1" applyAlignment="1">
      <alignment horizontal="center" vertical="center" textRotation="255"/>
    </xf>
    <xf numFmtId="0" fontId="17" fillId="0" borderId="36" xfId="5" applyFont="1" applyFill="1" applyBorder="1" applyAlignment="1">
      <alignment horizontal="center" vertical="center" wrapText="1"/>
    </xf>
    <xf numFmtId="0" fontId="22" fillId="0" borderId="107" xfId="5" applyFont="1" applyFill="1" applyBorder="1" applyAlignment="1">
      <alignment horizontal="center" vertical="center" wrapText="1"/>
    </xf>
    <xf numFmtId="0" fontId="22" fillId="0" borderId="82" xfId="5" applyFont="1" applyFill="1" applyBorder="1" applyAlignment="1">
      <alignment horizontal="center" vertical="center" wrapText="1"/>
    </xf>
    <xf numFmtId="0" fontId="22" fillId="0" borderId="141" xfId="5" applyFont="1" applyFill="1" applyBorder="1" applyAlignment="1">
      <alignment horizontal="center" vertical="center" wrapText="1"/>
    </xf>
    <xf numFmtId="0" fontId="22" fillId="0" borderId="6" xfId="5" applyFont="1" applyFill="1" applyBorder="1" applyAlignment="1">
      <alignment horizontal="center" vertical="center" wrapText="1"/>
    </xf>
    <xf numFmtId="0" fontId="22" fillId="0" borderId="7" xfId="5" applyFont="1" applyFill="1" applyBorder="1" applyAlignment="1">
      <alignment horizontal="center" vertical="center" wrapText="1"/>
    </xf>
    <xf numFmtId="0" fontId="17" fillId="0" borderId="13" xfId="5" applyFont="1" applyFill="1" applyBorder="1" applyAlignment="1">
      <alignment horizontal="left" vertical="center" wrapText="1"/>
    </xf>
    <xf numFmtId="0" fontId="17" fillId="0" borderId="14" xfId="5" applyFont="1" applyFill="1" applyBorder="1" applyAlignment="1">
      <alignment horizontal="left" vertical="center" wrapText="1"/>
    </xf>
    <xf numFmtId="0" fontId="17" fillId="0" borderId="15" xfId="5" applyFont="1" applyFill="1" applyBorder="1" applyAlignment="1">
      <alignment horizontal="left" vertical="center" wrapText="1"/>
    </xf>
    <xf numFmtId="0" fontId="17" fillId="0" borderId="15" xfId="5" applyFont="1" applyFill="1" applyBorder="1" applyAlignment="1">
      <alignment horizontal="center" vertical="center"/>
    </xf>
    <xf numFmtId="0" fontId="17" fillId="0" borderId="98" xfId="5" applyFont="1" applyFill="1" applyBorder="1" applyAlignment="1">
      <alignment horizontal="center" vertical="center"/>
    </xf>
    <xf numFmtId="0" fontId="17" fillId="0" borderId="1" xfId="5" applyFont="1" applyFill="1" applyBorder="1" applyAlignment="1">
      <alignment horizontal="distributed" vertical="center" indent="1"/>
    </xf>
    <xf numFmtId="0" fontId="17" fillId="0" borderId="38" xfId="5" applyFont="1" applyFill="1" applyBorder="1" applyAlignment="1">
      <alignment horizontal="center" vertical="center"/>
    </xf>
    <xf numFmtId="0" fontId="17" fillId="0" borderId="34" xfId="5" applyFont="1" applyFill="1" applyBorder="1" applyAlignment="1">
      <alignment horizontal="center" vertical="center"/>
    </xf>
    <xf numFmtId="0" fontId="17" fillId="0" borderId="12" xfId="5" applyFont="1" applyFill="1" applyBorder="1" applyAlignment="1">
      <alignment horizontal="distributed" vertical="center" indent="1"/>
    </xf>
    <xf numFmtId="0" fontId="9" fillId="0" borderId="0" xfId="5" applyFont="1" applyFill="1" applyAlignment="1">
      <alignment horizontal="center" vertical="center"/>
    </xf>
    <xf numFmtId="0" fontId="17" fillId="0" borderId="115" xfId="5" applyFont="1" applyFill="1" applyBorder="1" applyAlignment="1">
      <alignment horizontal="distributed" vertical="center" indent="1"/>
    </xf>
    <xf numFmtId="0" fontId="17" fillId="0" borderId="45" xfId="5" applyFont="1" applyFill="1" applyBorder="1" applyAlignment="1">
      <alignment horizontal="distributed" vertical="center" indent="1"/>
    </xf>
    <xf numFmtId="0" fontId="17" fillId="0" borderId="45" xfId="5" applyFont="1" applyFill="1" applyBorder="1" applyAlignment="1">
      <alignment horizontal="left" vertical="center" indent="1"/>
    </xf>
    <xf numFmtId="0" fontId="17" fillId="0" borderId="91" xfId="5" applyFont="1" applyFill="1" applyBorder="1" applyAlignment="1">
      <alignment horizontal="left" vertical="center" indent="1"/>
    </xf>
    <xf numFmtId="0" fontId="17" fillId="0" borderId="27" xfId="5" applyFont="1" applyFill="1" applyBorder="1" applyAlignment="1">
      <alignment horizontal="distributed" vertical="center" indent="1"/>
    </xf>
    <xf numFmtId="0" fontId="17" fillId="0" borderId="1" xfId="5" applyFont="1" applyFill="1" applyBorder="1" applyAlignment="1">
      <alignment horizontal="left" vertical="center" indent="1"/>
    </xf>
    <xf numFmtId="0" fontId="17" fillId="0" borderId="38" xfId="5" applyFont="1" applyFill="1" applyBorder="1" applyAlignment="1">
      <alignment horizontal="left" vertical="center" indent="1"/>
    </xf>
    <xf numFmtId="0" fontId="17" fillId="0" borderId="99" xfId="5" applyFont="1" applyFill="1" applyBorder="1" applyAlignment="1">
      <alignment horizontal="center" vertical="center"/>
    </xf>
    <xf numFmtId="0" fontId="5" fillId="0" borderId="94" xfId="2" applyFont="1" applyBorder="1" applyAlignment="1">
      <alignment horizontal="left" vertical="center"/>
    </xf>
    <xf numFmtId="0" fontId="5" fillId="0" borderId="31" xfId="2" applyFont="1" applyBorder="1" applyAlignment="1">
      <alignment horizontal="left" vertical="center"/>
    </xf>
    <xf numFmtId="0" fontId="5" fillId="0" borderId="30" xfId="2" applyFont="1" applyBorder="1" applyAlignment="1">
      <alignment horizontal="left" vertical="center"/>
    </xf>
    <xf numFmtId="0" fontId="5" fillId="0" borderId="99" xfId="2" applyFont="1" applyBorder="1" applyAlignment="1">
      <alignment horizontal="left" vertical="center"/>
    </xf>
    <xf numFmtId="0" fontId="5" fillId="0" borderId="13" xfId="2" applyFont="1" applyBorder="1" applyAlignment="1">
      <alignment horizontal="left" vertical="center"/>
    </xf>
    <xf numFmtId="0" fontId="5" fillId="0" borderId="15" xfId="2" applyFont="1" applyBorder="1" applyAlignment="1">
      <alignment horizontal="left" vertical="center"/>
    </xf>
    <xf numFmtId="0" fontId="5" fillId="0" borderId="14" xfId="2" applyFont="1" applyBorder="1" applyAlignment="1">
      <alignment horizontal="left" vertical="center"/>
    </xf>
    <xf numFmtId="0" fontId="5" fillId="0" borderId="41" xfId="2" applyFont="1" applyBorder="1" applyAlignment="1">
      <alignment horizontal="left" vertical="center"/>
    </xf>
    <xf numFmtId="0" fontId="5" fillId="0" borderId="101" xfId="2" applyBorder="1" applyAlignment="1">
      <alignment horizontal="center" vertical="center" textRotation="255" wrapText="1"/>
    </xf>
    <xf numFmtId="0" fontId="5" fillId="0" borderId="23" xfId="2" applyFont="1" applyBorder="1" applyAlignment="1">
      <alignment horizontal="center" vertical="center" textRotation="255" wrapText="1"/>
    </xf>
    <xf numFmtId="0" fontId="5" fillId="0" borderId="102" xfId="2" applyFont="1" applyBorder="1" applyAlignment="1">
      <alignment horizontal="center" vertical="center" textRotation="255" wrapText="1"/>
    </xf>
    <xf numFmtId="0" fontId="5" fillId="0" borderId="66" xfId="2" applyFont="1" applyBorder="1" applyAlignment="1">
      <alignment horizontal="center" vertical="center"/>
    </xf>
    <xf numFmtId="0" fontId="5" fillId="0" borderId="68" xfId="2" applyFont="1" applyBorder="1" applyAlignment="1">
      <alignment horizontal="center" vertical="center"/>
    </xf>
    <xf numFmtId="0" fontId="5" fillId="0" borderId="13" xfId="2" applyFont="1" applyBorder="1" applyAlignment="1">
      <alignment horizontal="center" vertical="center"/>
    </xf>
    <xf numFmtId="0" fontId="5" fillId="0" borderId="14" xfId="2" applyFont="1" applyBorder="1" applyAlignment="1">
      <alignment horizontal="center" vertical="center"/>
    </xf>
    <xf numFmtId="0" fontId="5" fillId="0" borderId="15" xfId="2" applyFont="1" applyBorder="1" applyAlignment="1">
      <alignment horizontal="center" vertical="center"/>
    </xf>
    <xf numFmtId="0" fontId="5" fillId="0" borderId="41" xfId="2" applyFont="1" applyBorder="1" applyAlignment="1">
      <alignment horizontal="center" vertical="center"/>
    </xf>
    <xf numFmtId="0" fontId="5" fillId="0" borderId="77" xfId="2" applyFont="1" applyBorder="1" applyAlignment="1">
      <alignment horizontal="distributed" vertical="center"/>
    </xf>
    <xf numFmtId="0" fontId="5" fillId="0" borderId="15" xfId="2" applyFont="1" applyBorder="1" applyAlignment="1">
      <alignment horizontal="distributed" vertical="center"/>
    </xf>
    <xf numFmtId="0" fontId="5" fillId="0" borderId="14" xfId="2" applyFont="1" applyBorder="1" applyAlignment="1">
      <alignment vertical="center"/>
    </xf>
    <xf numFmtId="0" fontId="5" fillId="0" borderId="41" xfId="2" applyFont="1" applyBorder="1" applyAlignment="1">
      <alignment vertical="center"/>
    </xf>
    <xf numFmtId="0" fontId="5" fillId="0" borderId="13" xfId="2" applyBorder="1" applyAlignment="1">
      <alignment horizontal="center" vertical="center"/>
    </xf>
    <xf numFmtId="0" fontId="5" fillId="0" borderId="103" xfId="2" applyFont="1" applyBorder="1" applyAlignment="1">
      <alignment horizontal="distributed" vertical="center"/>
    </xf>
    <xf numFmtId="0" fontId="5" fillId="0" borderId="104" xfId="2" applyFont="1" applyBorder="1" applyAlignment="1">
      <alignment horizontal="distributed" vertical="center"/>
    </xf>
    <xf numFmtId="0" fontId="5" fillId="0" borderId="105" xfId="2" applyFont="1" applyBorder="1" applyAlignment="1">
      <alignment horizontal="center" vertical="center"/>
    </xf>
    <xf numFmtId="0" fontId="5" fillId="0" borderId="104" xfId="2" applyFont="1" applyBorder="1" applyAlignment="1">
      <alignment horizontal="center" vertical="center"/>
    </xf>
    <xf numFmtId="0" fontId="5" fillId="0" borderId="106" xfId="2" applyFont="1" applyBorder="1" applyAlignment="1">
      <alignment horizontal="center" vertical="center"/>
    </xf>
    <xf numFmtId="0" fontId="5" fillId="0" borderId="98" xfId="2" applyFont="1" applyBorder="1" applyAlignment="1">
      <alignment horizontal="distributed" vertical="center"/>
    </xf>
    <xf numFmtId="0" fontId="5" fillId="0" borderId="23" xfId="2" applyFont="1" applyBorder="1" applyAlignment="1">
      <alignment horizontal="distributed" vertical="center"/>
    </xf>
    <xf numFmtId="0" fontId="5" fillId="0" borderId="13" xfId="2" applyFont="1" applyBorder="1" applyAlignment="1">
      <alignment vertical="center"/>
    </xf>
    <xf numFmtId="0" fontId="5" fillId="0" borderId="15" xfId="2" applyFont="1" applyBorder="1" applyAlignment="1">
      <alignment vertical="center"/>
    </xf>
    <xf numFmtId="0" fontId="5" fillId="0" borderId="12" xfId="2" applyFont="1" applyBorder="1" applyAlignment="1">
      <alignment horizontal="distributed" vertical="center"/>
    </xf>
    <xf numFmtId="0" fontId="5" fillId="0" borderId="10" xfId="2" applyFont="1" applyBorder="1" applyAlignment="1">
      <alignment horizontal="distributed" vertical="center"/>
    </xf>
    <xf numFmtId="0" fontId="5" fillId="0" borderId="2" xfId="2" applyFont="1" applyBorder="1" applyAlignment="1">
      <alignment vertical="center"/>
    </xf>
    <xf numFmtId="0" fontId="5" fillId="0" borderId="78" xfId="2" applyFont="1" applyBorder="1" applyAlignment="1">
      <alignment vertical="center"/>
    </xf>
    <xf numFmtId="0" fontId="5" fillId="0" borderId="6" xfId="2" applyFont="1" applyBorder="1" applyAlignment="1">
      <alignment vertical="center"/>
    </xf>
    <xf numFmtId="0" fontId="5" fillId="0" borderId="83" xfId="2" applyFont="1" applyBorder="1" applyAlignment="1">
      <alignment vertical="center"/>
    </xf>
    <xf numFmtId="0" fontId="5" fillId="0" borderId="8" xfId="2" applyFont="1" applyBorder="1" applyAlignment="1">
      <alignment vertical="center"/>
    </xf>
    <xf numFmtId="0" fontId="5" fillId="0" borderId="9" xfId="2" applyFont="1" applyBorder="1" applyAlignment="1">
      <alignment vertical="center"/>
    </xf>
    <xf numFmtId="0" fontId="5" fillId="0" borderId="69" xfId="2" applyFont="1" applyBorder="1" applyAlignment="1">
      <alignment horizontal="distributed" vertical="center"/>
    </xf>
    <xf numFmtId="0" fontId="5" fillId="0" borderId="33" xfId="2" applyFont="1" applyBorder="1" applyAlignment="1">
      <alignment horizontal="distributed" vertical="center"/>
    </xf>
    <xf numFmtId="0" fontId="5" fillId="0" borderId="71" xfId="2" applyFont="1" applyBorder="1" applyAlignment="1">
      <alignment vertical="center"/>
    </xf>
    <xf numFmtId="0" fontId="5" fillId="0" borderId="70" xfId="2" applyFont="1" applyBorder="1" applyAlignment="1">
      <alignment vertical="center"/>
    </xf>
    <xf numFmtId="0" fontId="5" fillId="0" borderId="72" xfId="2" applyFont="1" applyBorder="1" applyAlignment="1">
      <alignment vertical="center"/>
    </xf>
    <xf numFmtId="0" fontId="25" fillId="0" borderId="13" xfId="2" applyFont="1" applyBorder="1" applyAlignment="1">
      <alignment horizontal="center" vertical="center"/>
    </xf>
    <xf numFmtId="0" fontId="25" fillId="0" borderId="14" xfId="2" applyFont="1" applyBorder="1" applyAlignment="1">
      <alignment horizontal="center" vertical="center"/>
    </xf>
    <xf numFmtId="0" fontId="25" fillId="0" borderId="94" xfId="2" applyFont="1" applyBorder="1" applyAlignment="1">
      <alignment horizontal="center" vertical="center"/>
    </xf>
    <xf numFmtId="0" fontId="25" fillId="0" borderId="30" xfId="2" applyFont="1" applyBorder="1" applyAlignment="1">
      <alignment horizontal="center" vertical="center"/>
    </xf>
    <xf numFmtId="0" fontId="28" fillId="0" borderId="60" xfId="2" applyFont="1" applyBorder="1" applyAlignment="1">
      <alignment horizontal="center" vertical="center"/>
    </xf>
    <xf numFmtId="0" fontId="28" fillId="0" borderId="8" xfId="2" applyFont="1" applyBorder="1" applyAlignment="1">
      <alignment horizontal="center" vertical="center"/>
    </xf>
    <xf numFmtId="0" fontId="26" fillId="0" borderId="66" xfId="2" applyFont="1" applyBorder="1" applyAlignment="1">
      <alignment horizontal="center" vertical="center"/>
    </xf>
    <xf numFmtId="0" fontId="26" fillId="0" borderId="67" xfId="2" applyFont="1" applyBorder="1" applyAlignment="1">
      <alignment horizontal="center" vertical="center"/>
    </xf>
    <xf numFmtId="0" fontId="26" fillId="0" borderId="13" xfId="2" applyFont="1" applyBorder="1" applyAlignment="1">
      <alignment horizontal="center" vertical="center"/>
    </xf>
    <xf numFmtId="0" fontId="26" fillId="0" borderId="14" xfId="2" applyFont="1" applyBorder="1" applyAlignment="1">
      <alignment horizontal="center" vertical="center"/>
    </xf>
    <xf numFmtId="0" fontId="32" fillId="0" borderId="87" xfId="2" applyFont="1" applyBorder="1" applyAlignment="1">
      <alignment horizontal="center" vertical="center" shrinkToFit="1"/>
    </xf>
    <xf numFmtId="0" fontId="25" fillId="0" borderId="22" xfId="2" applyFont="1" applyBorder="1" applyAlignment="1">
      <alignment horizontal="center" vertical="center"/>
    </xf>
    <xf numFmtId="0" fontId="25" fillId="0" borderId="46" xfId="2" applyFont="1" applyBorder="1" applyAlignment="1">
      <alignment horizontal="center" vertical="center"/>
    </xf>
    <xf numFmtId="0" fontId="25" fillId="0" borderId="61" xfId="2" applyFont="1" applyBorder="1" applyAlignment="1">
      <alignment horizontal="center" vertical="center"/>
    </xf>
    <xf numFmtId="0" fontId="25" fillId="0" borderId="33" xfId="2" applyFont="1" applyBorder="1" applyAlignment="1">
      <alignment horizontal="center" vertical="center"/>
    </xf>
    <xf numFmtId="0" fontId="25" fillId="0" borderId="45" xfId="2" applyFont="1" applyBorder="1" applyAlignment="1">
      <alignment horizontal="center" vertical="center"/>
    </xf>
    <xf numFmtId="0" fontId="25" fillId="0" borderId="71" xfId="2" applyFont="1" applyBorder="1" applyAlignment="1">
      <alignment horizontal="center" vertical="center"/>
    </xf>
    <xf numFmtId="0" fontId="26" fillId="0" borderId="45" xfId="2" applyFont="1" applyBorder="1" applyAlignment="1">
      <alignment horizontal="center" vertical="center"/>
    </xf>
    <xf numFmtId="0" fontId="26" fillId="0" borderId="91" xfId="2" applyFont="1" applyBorder="1" applyAlignment="1">
      <alignment horizontal="center" vertical="center"/>
    </xf>
    <xf numFmtId="0" fontId="25" fillId="0" borderId="1" xfId="2" applyFont="1" applyBorder="1" applyAlignment="1">
      <alignment horizontal="center" vertical="center"/>
    </xf>
    <xf numFmtId="0" fontId="26" fillId="0" borderId="1" xfId="2" applyFont="1" applyBorder="1" applyAlignment="1">
      <alignment horizontal="center" vertical="center"/>
    </xf>
    <xf numFmtId="0" fontId="26" fillId="0" borderId="38" xfId="2" applyFont="1" applyBorder="1" applyAlignment="1">
      <alignment horizontal="center" vertical="center"/>
    </xf>
    <xf numFmtId="10" fontId="26" fillId="0" borderId="13" xfId="2" applyNumberFormat="1" applyFont="1" applyBorder="1" applyAlignment="1">
      <alignment horizontal="center" vertical="center"/>
    </xf>
    <xf numFmtId="0" fontId="26" fillId="0" borderId="41" xfId="2" applyFont="1" applyBorder="1" applyAlignment="1">
      <alignment horizontal="center" vertical="center"/>
    </xf>
    <xf numFmtId="0" fontId="26" fillId="0" borderId="60" xfId="2" applyFont="1" applyBorder="1" applyAlignment="1">
      <alignment horizontal="center" vertical="center"/>
    </xf>
    <xf numFmtId="0" fontId="26" fillId="0" borderId="8" xfId="2" applyFont="1" applyBorder="1" applyAlignment="1">
      <alignment horizontal="center" vertical="center"/>
    </xf>
    <xf numFmtId="0" fontId="32" fillId="0" borderId="87" xfId="2" applyFont="1" applyBorder="1" applyAlignment="1">
      <alignment horizontal="center" vertical="center"/>
    </xf>
    <xf numFmtId="0" fontId="23" fillId="0" borderId="0" xfId="2" applyFont="1" applyAlignment="1">
      <alignment horizontal="center" vertical="center"/>
    </xf>
    <xf numFmtId="0" fontId="32" fillId="0" borderId="0" xfId="2" applyFont="1" applyBorder="1" applyAlignment="1">
      <alignment horizontal="center" vertical="center" shrinkToFit="1"/>
    </xf>
    <xf numFmtId="0" fontId="23" fillId="0" borderId="33" xfId="2" applyFont="1" applyBorder="1" applyAlignment="1">
      <alignment horizontal="center" vertical="center"/>
    </xf>
    <xf numFmtId="0" fontId="23" fillId="0" borderId="45" xfId="2" applyFont="1" applyBorder="1" applyAlignment="1">
      <alignment horizontal="center" vertical="center"/>
    </xf>
    <xf numFmtId="0" fontId="23" fillId="0" borderId="71" xfId="2" applyFont="1" applyBorder="1" applyAlignment="1">
      <alignment horizontal="center" vertical="center"/>
    </xf>
    <xf numFmtId="0" fontId="26" fillId="0" borderId="142" xfId="2" applyFont="1" applyBorder="1" applyAlignment="1">
      <alignment horizontal="center" vertical="center"/>
    </xf>
    <xf numFmtId="0" fontId="26" fillId="0" borderId="32" xfId="2" applyFont="1" applyBorder="1" applyAlignment="1">
      <alignment horizontal="center" vertical="center"/>
    </xf>
    <xf numFmtId="0" fontId="26" fillId="0" borderId="140" xfId="2" applyFont="1" applyBorder="1" applyAlignment="1">
      <alignment horizontal="center" vertical="center"/>
    </xf>
    <xf numFmtId="0" fontId="23" fillId="0" borderId="1" xfId="2" applyFont="1" applyBorder="1" applyAlignment="1">
      <alignment horizontal="center" vertical="center"/>
    </xf>
    <xf numFmtId="0" fontId="23" fillId="0" borderId="13" xfId="2" applyFont="1" applyBorder="1" applyAlignment="1">
      <alignment horizontal="center" vertical="center"/>
    </xf>
    <xf numFmtId="0" fontId="23" fillId="0" borderId="14" xfId="2" applyFont="1" applyBorder="1" applyAlignment="1">
      <alignment horizontal="center" vertical="center"/>
    </xf>
    <xf numFmtId="10" fontId="26" fillId="0" borderId="14" xfId="2" applyNumberFormat="1" applyFont="1" applyBorder="1" applyAlignment="1">
      <alignment horizontal="center" vertical="center"/>
    </xf>
    <xf numFmtId="10" fontId="26" fillId="0" borderId="41" xfId="2" applyNumberFormat="1" applyFont="1" applyBorder="1" applyAlignment="1">
      <alignment horizontal="center" vertical="center"/>
    </xf>
    <xf numFmtId="0" fontId="23" fillId="0" borderId="8" xfId="2" applyFont="1" applyBorder="1" applyAlignment="1">
      <alignment horizontal="center" vertical="center"/>
    </xf>
    <xf numFmtId="0" fontId="23" fillId="0" borderId="4" xfId="2" applyFont="1" applyBorder="1" applyAlignment="1">
      <alignment horizontal="center" vertical="center"/>
    </xf>
    <xf numFmtId="0" fontId="23" fillId="0" borderId="9" xfId="2" applyFont="1" applyBorder="1" applyAlignment="1">
      <alignment horizontal="center" vertical="center"/>
    </xf>
    <xf numFmtId="0" fontId="23" fillId="0" borderId="5" xfId="2" applyFont="1" applyBorder="1" applyAlignment="1">
      <alignment horizontal="center" vertical="center"/>
    </xf>
    <xf numFmtId="10" fontId="28" fillId="0" borderId="13" xfId="2" applyNumberFormat="1" applyFont="1" applyBorder="1" applyAlignment="1">
      <alignment horizontal="center" vertical="center" wrapText="1"/>
    </xf>
    <xf numFmtId="10" fontId="28" fillId="0" borderId="15" xfId="2" applyNumberFormat="1" applyFont="1" applyBorder="1" applyAlignment="1">
      <alignment horizontal="center" vertical="center" wrapText="1"/>
    </xf>
    <xf numFmtId="10" fontId="28" fillId="0" borderId="2" xfId="2" applyNumberFormat="1" applyFont="1" applyBorder="1" applyAlignment="1">
      <alignment horizontal="center" vertical="center" wrapText="1"/>
    </xf>
    <xf numFmtId="10" fontId="28" fillId="0" borderId="78" xfId="2" applyNumberFormat="1" applyFont="1" applyBorder="1" applyAlignment="1">
      <alignment horizontal="center" vertical="center" wrapText="1"/>
    </xf>
    <xf numFmtId="10" fontId="26" fillId="0" borderId="2" xfId="2" applyNumberFormat="1" applyFont="1" applyBorder="1" applyAlignment="1">
      <alignment horizontal="center" vertical="center"/>
    </xf>
    <xf numFmtId="10" fontId="26" fillId="0" borderId="9" xfId="2" applyNumberFormat="1" applyFont="1" applyBorder="1" applyAlignment="1">
      <alignment horizontal="center" vertical="center"/>
    </xf>
    <xf numFmtId="0" fontId="26" fillId="0" borderId="2" xfId="2" applyFont="1" applyBorder="1" applyAlignment="1">
      <alignment horizontal="center" vertical="center"/>
    </xf>
    <xf numFmtId="0" fontId="26" fillId="0" borderId="78" xfId="2" applyFont="1" applyBorder="1" applyAlignment="1">
      <alignment horizontal="center" vertical="center"/>
    </xf>
    <xf numFmtId="0" fontId="23" fillId="0" borderId="144" xfId="2" applyFont="1" applyBorder="1" applyAlignment="1">
      <alignment horizontal="center" vertical="center"/>
    </xf>
    <xf numFmtId="0" fontId="23" fillId="0" borderId="80" xfId="2" applyFont="1" applyBorder="1" applyAlignment="1">
      <alignment horizontal="center" vertical="center"/>
    </xf>
    <xf numFmtId="0" fontId="23" fillId="0" borderId="100" xfId="2" applyFont="1" applyBorder="1" applyAlignment="1">
      <alignment horizontal="center" vertical="center"/>
    </xf>
    <xf numFmtId="0" fontId="26" fillId="0" borderId="7" xfId="2" applyFont="1" applyBorder="1" applyAlignment="1">
      <alignment horizontal="center" vertical="center"/>
    </xf>
    <xf numFmtId="0" fontId="26" fillId="0" borderId="4" xfId="2" applyFont="1" applyBorder="1" applyAlignment="1">
      <alignment horizontal="center" vertical="center"/>
    </xf>
    <xf numFmtId="0" fontId="26" fillId="0" borderId="40" xfId="2" applyFont="1" applyBorder="1" applyAlignment="1">
      <alignment horizontal="center" vertical="center"/>
    </xf>
    <xf numFmtId="0" fontId="26" fillId="0" borderId="6" xfId="2" applyFont="1" applyBorder="1" applyAlignment="1">
      <alignment horizontal="center" vertical="center"/>
    </xf>
    <xf numFmtId="0" fontId="26" fillId="0" borderId="0" xfId="2" applyFont="1" applyBorder="1" applyAlignment="1">
      <alignment horizontal="center" vertical="center"/>
    </xf>
    <xf numFmtId="0" fontId="26" fillId="0" borderId="83" xfId="2" applyFont="1" applyBorder="1" applyAlignment="1">
      <alignment horizontal="center" vertical="center"/>
    </xf>
    <xf numFmtId="0" fontId="23" fillId="0" borderId="6" xfId="2" applyFont="1" applyBorder="1" applyAlignment="1">
      <alignment horizontal="center" vertical="center"/>
    </xf>
    <xf numFmtId="0" fontId="23" fillId="0" borderId="0" xfId="2" applyFont="1" applyBorder="1" applyAlignment="1">
      <alignment horizontal="center" vertical="center"/>
    </xf>
    <xf numFmtId="0" fontId="23" fillId="0" borderId="83" xfId="2" applyFont="1" applyBorder="1" applyAlignment="1">
      <alignment horizontal="center" vertical="center"/>
    </xf>
    <xf numFmtId="0" fontId="23" fillId="0" borderId="41" xfId="2" applyFont="1" applyBorder="1" applyAlignment="1">
      <alignment horizontal="center" vertical="center"/>
    </xf>
    <xf numFmtId="0" fontId="23" fillId="0" borderId="86" xfId="2" applyFont="1" applyBorder="1" applyAlignment="1">
      <alignment horizontal="center" vertical="center"/>
    </xf>
    <xf numFmtId="0" fontId="23" fillId="0" borderId="87" xfId="2" applyFont="1" applyBorder="1" applyAlignment="1">
      <alignment horizontal="center" vertical="center"/>
    </xf>
    <xf numFmtId="0" fontId="23" fillId="0" borderId="143" xfId="2" applyFont="1" applyBorder="1" applyAlignment="1">
      <alignment horizontal="center" vertical="center"/>
    </xf>
    <xf numFmtId="180" fontId="26" fillId="0" borderId="13" xfId="2" applyNumberFormat="1" applyFont="1" applyBorder="1" applyAlignment="1">
      <alignment horizontal="center" vertical="center"/>
    </xf>
    <xf numFmtId="180" fontId="26" fillId="0" borderId="14" xfId="2" applyNumberFormat="1" applyFont="1" applyBorder="1" applyAlignment="1">
      <alignment horizontal="center" vertical="center"/>
    </xf>
    <xf numFmtId="180" fontId="26" fillId="0" borderId="41" xfId="2" applyNumberFormat="1" applyFont="1" applyBorder="1" applyAlignment="1">
      <alignment horizontal="center" vertical="center"/>
    </xf>
    <xf numFmtId="0" fontId="0" fillId="0" borderId="18" xfId="0" applyBorder="1" applyAlignment="1">
      <alignment horizontal="left" vertical="center"/>
    </xf>
    <xf numFmtId="0" fontId="0" fillId="0" borderId="54" xfId="0" applyBorder="1" applyAlignment="1">
      <alignment horizontal="left" vertical="center"/>
    </xf>
    <xf numFmtId="0" fontId="0" fillId="0" borderId="2" xfId="0" applyBorder="1" applyAlignment="1">
      <alignment horizontal="left" vertical="center"/>
    </xf>
    <xf numFmtId="0" fontId="0" fillId="0" borderId="8" xfId="0" applyBorder="1" applyAlignment="1">
      <alignment horizontal="left" vertical="center"/>
    </xf>
    <xf numFmtId="0" fontId="0" fillId="0" borderId="21" xfId="0" applyBorder="1" applyAlignment="1">
      <alignment horizontal="left" vertical="center"/>
    </xf>
    <xf numFmtId="0" fontId="0" fillId="0" borderId="76" xfId="0" applyBorder="1" applyAlignment="1">
      <alignment horizontal="left" vertical="center"/>
    </xf>
    <xf numFmtId="0" fontId="0" fillId="0" borderId="74" xfId="0" applyBorder="1" applyAlignment="1">
      <alignment horizontal="left" vertical="center"/>
    </xf>
    <xf numFmtId="0" fontId="0" fillId="0" borderId="145" xfId="0" applyBorder="1" applyAlignment="1">
      <alignment horizontal="left" vertical="center"/>
    </xf>
    <xf numFmtId="0" fontId="21" fillId="0" borderId="0" xfId="0" applyFont="1" applyAlignment="1">
      <alignment horizontal="left" vertical="center" wrapText="1"/>
    </xf>
    <xf numFmtId="0" fontId="0" fillId="0" borderId="57" xfId="0" applyBorder="1" applyAlignment="1">
      <alignment horizontal="left" vertical="center"/>
    </xf>
    <xf numFmtId="0" fontId="0" fillId="0" borderId="6" xfId="0" applyBorder="1" applyAlignment="1">
      <alignment horizontal="center"/>
    </xf>
    <xf numFmtId="0" fontId="0" fillId="0" borderId="0" xfId="0" applyBorder="1" applyAlignment="1">
      <alignment horizontal="center"/>
    </xf>
    <xf numFmtId="0" fontId="0" fillId="0" borderId="20" xfId="0" applyBorder="1" applyAlignment="1">
      <alignment horizontal="center"/>
    </xf>
    <xf numFmtId="0" fontId="0" fillId="0" borderId="7" xfId="0" applyBorder="1" applyAlignment="1">
      <alignment horizontal="center"/>
    </xf>
    <xf numFmtId="0" fontId="0" fillId="0" borderId="4" xfId="0" applyBorder="1" applyAlignment="1">
      <alignment horizontal="center"/>
    </xf>
    <xf numFmtId="0" fontId="0" fillId="0" borderId="146" xfId="0" applyBorder="1" applyAlignment="1">
      <alignment horizontal="center"/>
    </xf>
    <xf numFmtId="0" fontId="0" fillId="0" borderId="12" xfId="0" applyBorder="1" applyAlignment="1">
      <alignment horizontal="center" vertical="center"/>
    </xf>
    <xf numFmtId="0" fontId="0" fillId="0" borderId="147" xfId="0" applyBorder="1" applyAlignment="1">
      <alignment horizontal="center" vertical="center"/>
    </xf>
    <xf numFmtId="0" fontId="14" fillId="0" borderId="0" xfId="0" applyFont="1" applyAlignment="1">
      <alignment horizontal="center" vertical="center"/>
    </xf>
    <xf numFmtId="0" fontId="0" fillId="0" borderId="36" xfId="0" applyBorder="1" applyAlignment="1">
      <alignment horizontal="center" vertical="center"/>
    </xf>
    <xf numFmtId="0" fontId="0" fillId="0" borderId="148" xfId="0" applyBorder="1" applyAlignment="1">
      <alignment horizontal="center" vertical="center"/>
    </xf>
    <xf numFmtId="0" fontId="0" fillId="0" borderId="1" xfId="0" applyBorder="1" applyAlignment="1">
      <alignment horizontal="center" vertical="center"/>
    </xf>
    <xf numFmtId="0" fontId="0" fillId="0" borderId="149" xfId="0" applyBorder="1" applyAlignment="1">
      <alignment horizontal="center" vertical="center"/>
    </xf>
    <xf numFmtId="0" fontId="0" fillId="0" borderId="150" xfId="0" applyBorder="1" applyAlignment="1">
      <alignment horizontal="left" vertical="center" wrapText="1"/>
    </xf>
    <xf numFmtId="0" fontId="0" fillId="0" borderId="19" xfId="0" applyBorder="1" applyAlignment="1">
      <alignment horizontal="left" vertical="center" wrapText="1"/>
    </xf>
    <xf numFmtId="0" fontId="0" fillId="0" borderId="7" xfId="0" applyBorder="1" applyAlignment="1">
      <alignment horizontal="left"/>
    </xf>
    <xf numFmtId="0" fontId="0" fillId="0" borderId="4" xfId="0" applyBorder="1" applyAlignment="1">
      <alignment horizontal="left"/>
    </xf>
    <xf numFmtId="0" fontId="0" fillId="0" borderId="146" xfId="0" applyBorder="1" applyAlignment="1">
      <alignment horizontal="left"/>
    </xf>
    <xf numFmtId="0" fontId="0" fillId="0" borderId="0" xfId="0" applyAlignment="1">
      <alignment horizontal="left" vertical="center" wrapText="1"/>
    </xf>
    <xf numFmtId="0" fontId="8" fillId="0" borderId="6" xfId="0" applyFont="1" applyBorder="1" applyAlignment="1">
      <alignment horizontal="left" vertical="center"/>
    </xf>
    <xf numFmtId="0" fontId="8" fillId="0" borderId="0" xfId="0" applyFont="1" applyBorder="1" applyAlignment="1">
      <alignment horizontal="left" vertical="center"/>
    </xf>
    <xf numFmtId="0" fontId="8" fillId="0" borderId="20" xfId="0" applyFont="1" applyBorder="1" applyAlignment="1">
      <alignment horizontal="left" vertical="center"/>
    </xf>
    <xf numFmtId="0" fontId="8" fillId="0" borderId="7" xfId="0" applyFont="1" applyBorder="1" applyAlignment="1">
      <alignment horizontal="left" vertical="center"/>
    </xf>
    <xf numFmtId="0" fontId="8" fillId="0" borderId="4" xfId="0" applyFont="1" applyBorder="1" applyAlignment="1">
      <alignment horizontal="left" vertical="center"/>
    </xf>
    <xf numFmtId="0" fontId="8" fillId="0" borderId="146" xfId="0" applyFont="1" applyBorder="1" applyAlignment="1">
      <alignment horizontal="left" vertical="center"/>
    </xf>
    <xf numFmtId="0" fontId="8" fillId="0" borderId="13" xfId="0" applyFont="1" applyBorder="1" applyAlignment="1">
      <alignment horizontal="left" vertical="top"/>
    </xf>
    <xf numFmtId="0" fontId="8" fillId="0" borderId="14" xfId="0" applyFont="1" applyBorder="1" applyAlignment="1">
      <alignment horizontal="left" vertical="top"/>
    </xf>
    <xf numFmtId="0" fontId="8" fillId="0" borderId="151" xfId="0" applyFont="1" applyBorder="1" applyAlignment="1">
      <alignment horizontal="left" vertical="top"/>
    </xf>
    <xf numFmtId="0" fontId="15" fillId="0" borderId="0" xfId="0" applyFont="1" applyAlignment="1">
      <alignment horizontal="center" vertical="center"/>
    </xf>
    <xf numFmtId="0" fontId="8" fillId="0" borderId="13" xfId="0" applyFont="1" applyBorder="1" applyAlignment="1">
      <alignment horizontal="left" vertical="center"/>
    </xf>
    <xf numFmtId="0" fontId="0" fillId="0" borderId="14" xfId="0" applyBorder="1" applyAlignment="1">
      <alignment horizontal="left" vertical="center"/>
    </xf>
    <xf numFmtId="0" fontId="0" fillId="0" borderId="151" xfId="0" applyBorder="1" applyAlignment="1">
      <alignment horizontal="left" vertical="center"/>
    </xf>
    <xf numFmtId="0" fontId="45" fillId="0" borderId="0" xfId="3" applyFont="1" applyAlignment="1">
      <alignment horizontal="right" vertical="center"/>
    </xf>
    <xf numFmtId="0" fontId="45" fillId="0" borderId="0" xfId="3" applyFont="1" applyAlignment="1">
      <alignment horizontal="center" vertical="center"/>
    </xf>
    <xf numFmtId="0" fontId="42" fillId="0" borderId="17" xfId="3" applyFont="1" applyBorder="1" applyAlignment="1">
      <alignment horizontal="left" vertical="center"/>
    </xf>
    <xf numFmtId="0" fontId="42" fillId="0" borderId="36" xfId="3" applyFont="1" applyBorder="1" applyAlignment="1">
      <alignment horizontal="left" vertical="center"/>
    </xf>
    <xf numFmtId="0" fontId="34" fillId="0" borderId="36" xfId="3" applyBorder="1" applyAlignment="1">
      <alignment horizontal="center" vertical="center"/>
    </xf>
    <xf numFmtId="0" fontId="34" fillId="0" borderId="148" xfId="3" applyBorder="1" applyAlignment="1">
      <alignment horizontal="center" vertical="center"/>
    </xf>
    <xf numFmtId="0" fontId="42" fillId="0" borderId="18" xfId="3" applyFont="1" applyBorder="1" applyAlignment="1">
      <alignment horizontal="left" vertical="center"/>
    </xf>
    <xf numFmtId="0" fontId="42" fillId="0" borderId="1" xfId="3" applyFont="1" applyBorder="1" applyAlignment="1">
      <alignment horizontal="left" vertical="center"/>
    </xf>
    <xf numFmtId="0" fontId="34" fillId="0" borderId="1" xfId="3" applyBorder="1" applyAlignment="1">
      <alignment horizontal="center" vertical="center"/>
    </xf>
    <xf numFmtId="0" fontId="34" fillId="0" borderId="149" xfId="3" applyBorder="1" applyAlignment="1">
      <alignment horizontal="center" vertical="center"/>
    </xf>
    <xf numFmtId="0" fontId="42" fillId="0" borderId="54" xfId="3" applyFont="1" applyBorder="1" applyAlignment="1">
      <alignment horizontal="left" vertical="center"/>
    </xf>
    <xf numFmtId="0" fontId="42" fillId="0" borderId="25" xfId="3" applyFont="1" applyBorder="1" applyAlignment="1">
      <alignment horizontal="left" vertical="center"/>
    </xf>
    <xf numFmtId="0" fontId="34" fillId="0" borderId="25" xfId="3" applyBorder="1" applyAlignment="1">
      <alignment horizontal="center" vertical="center"/>
    </xf>
    <xf numFmtId="0" fontId="34" fillId="0" borderId="153" xfId="3" applyBorder="1" applyAlignment="1">
      <alignment horizontal="center" vertical="center"/>
    </xf>
    <xf numFmtId="0" fontId="42" fillId="0" borderId="82" xfId="3" applyFont="1" applyBorder="1" applyAlignment="1">
      <alignment horizontal="left" vertical="center" wrapText="1"/>
    </xf>
    <xf numFmtId="0" fontId="42" fillId="0" borderId="58" xfId="3" applyFont="1" applyBorder="1" applyAlignment="1">
      <alignment horizontal="center" vertical="center"/>
    </xf>
    <xf numFmtId="0" fontId="42" fillId="0" borderId="154" xfId="3" applyFont="1" applyBorder="1" applyAlignment="1">
      <alignment horizontal="center" vertical="center"/>
    </xf>
    <xf numFmtId="0" fontId="42" fillId="0" borderId="155" xfId="3" applyFont="1" applyBorder="1" applyAlignment="1">
      <alignment horizontal="center" vertical="center"/>
    </xf>
    <xf numFmtId="0" fontId="44" fillId="0" borderId="36" xfId="3" applyFont="1" applyBorder="1" applyAlignment="1">
      <alignment horizontal="center" vertical="center"/>
    </xf>
    <xf numFmtId="0" fontId="44" fillId="0" borderId="148" xfId="3" applyFont="1" applyBorder="1" applyAlignment="1">
      <alignment horizontal="center" vertical="center"/>
    </xf>
    <xf numFmtId="0" fontId="44" fillId="0" borderId="1" xfId="3" applyFont="1" applyBorder="1" applyAlignment="1">
      <alignment horizontal="center" vertical="center"/>
    </xf>
    <xf numFmtId="0" fontId="44" fillId="0" borderId="149" xfId="3" applyFont="1" applyBorder="1" applyAlignment="1">
      <alignment horizontal="center" vertical="center"/>
    </xf>
    <xf numFmtId="0" fontId="44" fillId="0" borderId="151" xfId="3" applyFont="1" applyBorder="1" applyAlignment="1">
      <alignment horizontal="center" vertical="center"/>
    </xf>
    <xf numFmtId="0" fontId="42" fillId="0" borderId="1" xfId="3" applyFont="1" applyBorder="1" applyAlignment="1">
      <alignment horizontal="center" vertical="center"/>
    </xf>
    <xf numFmtId="0" fontId="42" fillId="0" borderId="149" xfId="3" applyFont="1" applyBorder="1" applyAlignment="1">
      <alignment horizontal="center" vertical="center"/>
    </xf>
    <xf numFmtId="0" fontId="42" fillId="0" borderId="25" xfId="3" applyFont="1" applyBorder="1" applyAlignment="1">
      <alignment horizontal="center" vertical="center"/>
    </xf>
    <xf numFmtId="0" fontId="42" fillId="0" borderId="153" xfId="3" applyFont="1" applyBorder="1" applyAlignment="1">
      <alignment horizontal="center" vertical="center"/>
    </xf>
    <xf numFmtId="0" fontId="44" fillId="0" borderId="105" xfId="3" applyFont="1" applyBorder="1" applyAlignment="1">
      <alignment horizontal="right" vertical="center"/>
    </xf>
    <xf numFmtId="0" fontId="44" fillId="0" borderId="104" xfId="3" applyFont="1" applyBorder="1" applyAlignment="1">
      <alignment horizontal="right" vertical="center"/>
    </xf>
    <xf numFmtId="0" fontId="44" fillId="0" borderId="156" xfId="3" applyFont="1" applyBorder="1" applyAlignment="1">
      <alignment horizontal="right" vertical="center"/>
    </xf>
    <xf numFmtId="0" fontId="42" fillId="0" borderId="17" xfId="3" applyFont="1" applyBorder="1" applyAlignment="1">
      <alignment horizontal="center" vertical="center"/>
    </xf>
    <xf numFmtId="0" fontId="42" fillId="0" borderId="36" xfId="3" applyFont="1" applyBorder="1" applyAlignment="1">
      <alignment horizontal="center" vertical="center"/>
    </xf>
    <xf numFmtId="0" fontId="42" fillId="0" borderId="148" xfId="3" applyFont="1" applyBorder="1" applyAlignment="1">
      <alignment horizontal="center" vertical="center"/>
    </xf>
    <xf numFmtId="0" fontId="44" fillId="0" borderId="13" xfId="3" applyFont="1" applyBorder="1" applyAlignment="1">
      <alignment horizontal="center" vertical="center"/>
    </xf>
    <xf numFmtId="0" fontId="44" fillId="0" borderId="14" xfId="3" applyFont="1" applyBorder="1" applyAlignment="1">
      <alignment horizontal="center" vertical="center"/>
    </xf>
    <xf numFmtId="0" fontId="44" fillId="0" borderId="15" xfId="3" applyFont="1" applyBorder="1" applyAlignment="1">
      <alignment horizontal="center" vertical="center"/>
    </xf>
    <xf numFmtId="0" fontId="42" fillId="0" borderId="13" xfId="3" applyFont="1" applyBorder="1" applyAlignment="1">
      <alignment horizontal="center" vertical="center"/>
    </xf>
    <xf numFmtId="0" fontId="42" fillId="0" borderId="14" xfId="3" applyFont="1" applyBorder="1" applyAlignment="1">
      <alignment horizontal="center" vertical="center"/>
    </xf>
    <xf numFmtId="0" fontId="42" fillId="0" borderId="15" xfId="3" applyFont="1" applyBorder="1" applyAlignment="1">
      <alignment horizontal="center" vertical="center"/>
    </xf>
    <xf numFmtId="0" fontId="42" fillId="0" borderId="151" xfId="3" applyFont="1" applyBorder="1" applyAlignment="1">
      <alignment horizontal="center" vertical="center"/>
    </xf>
    <xf numFmtId="0" fontId="42" fillId="0" borderId="2" xfId="3" applyFont="1" applyBorder="1" applyAlignment="1">
      <alignment horizontal="center" vertical="center"/>
    </xf>
    <xf numFmtId="0" fontId="42" fillId="0" borderId="8" xfId="3" applyFont="1" applyBorder="1" applyAlignment="1">
      <alignment horizontal="center" vertical="center"/>
    </xf>
    <xf numFmtId="0" fontId="42" fillId="0" borderId="9" xfId="3" applyFont="1" applyBorder="1" applyAlignment="1">
      <alignment horizontal="center" vertical="center"/>
    </xf>
    <xf numFmtId="0" fontId="42" fillId="0" borderId="21" xfId="3" applyFont="1" applyBorder="1" applyAlignment="1">
      <alignment horizontal="center" vertical="center"/>
    </xf>
    <xf numFmtId="0" fontId="46" fillId="0" borderId="0" xfId="3" applyFont="1" applyAlignment="1">
      <alignment horizontal="left" vertical="center" wrapText="1"/>
    </xf>
    <xf numFmtId="0" fontId="42" fillId="0" borderId="1" xfId="3" applyFont="1" applyBorder="1" applyAlignment="1">
      <alignment horizontal="left" vertical="center" wrapText="1"/>
    </xf>
    <xf numFmtId="0" fontId="44" fillId="0" borderId="12" xfId="3" applyFont="1" applyBorder="1" applyAlignment="1">
      <alignment horizontal="right" vertical="center"/>
    </xf>
    <xf numFmtId="0" fontId="44" fillId="0" borderId="11" xfId="3" applyFont="1" applyBorder="1" applyAlignment="1">
      <alignment horizontal="right" vertical="center"/>
    </xf>
    <xf numFmtId="0" fontId="44" fillId="0" borderId="157" xfId="3" applyFont="1" applyBorder="1" applyAlignment="1">
      <alignment horizontal="center" vertical="center"/>
    </xf>
    <xf numFmtId="0" fontId="44" fillId="0" borderId="158" xfId="3" applyFont="1" applyBorder="1" applyAlignment="1">
      <alignment horizontal="center" vertical="center"/>
    </xf>
    <xf numFmtId="190" fontId="34" fillId="0" borderId="36" xfId="3" applyNumberFormat="1" applyBorder="1" applyAlignment="1">
      <alignment horizontal="center" vertical="center"/>
    </xf>
    <xf numFmtId="190" fontId="34" fillId="0" borderId="148" xfId="3" applyNumberFormat="1" applyBorder="1" applyAlignment="1">
      <alignment horizontal="center" vertical="center"/>
    </xf>
    <xf numFmtId="0" fontId="43" fillId="0" borderId="0" xfId="3" applyFont="1" applyAlignment="1">
      <alignment horizontal="left" vertical="center" wrapText="1"/>
    </xf>
    <xf numFmtId="0" fontId="44" fillId="0" borderId="2" xfId="3" applyFont="1" applyBorder="1" applyAlignment="1">
      <alignment horizontal="right" vertical="center"/>
    </xf>
    <xf numFmtId="0" fontId="44" fillId="0" borderId="7" xfId="3" applyFont="1" applyBorder="1" applyAlignment="1">
      <alignment horizontal="right" vertical="center"/>
    </xf>
    <xf numFmtId="0" fontId="10" fillId="0" borderId="14" xfId="5" applyFont="1" applyBorder="1" applyAlignment="1">
      <alignment horizontal="center" vertical="center"/>
    </xf>
    <xf numFmtId="0" fontId="10" fillId="0" borderId="15" xfId="5" applyFont="1" applyBorder="1" applyAlignment="1">
      <alignment horizontal="center" vertical="center"/>
    </xf>
    <xf numFmtId="0" fontId="10" fillId="0" borderId="13" xfId="5" applyFont="1" applyBorder="1" applyAlignment="1">
      <alignment horizontal="center" vertical="center" shrinkToFit="1"/>
    </xf>
    <xf numFmtId="0" fontId="10" fillId="0" borderId="15" xfId="5" applyFont="1" applyBorder="1" applyAlignment="1">
      <alignment horizontal="center" vertical="center" shrinkToFit="1"/>
    </xf>
    <xf numFmtId="0" fontId="10" fillId="0" borderId="13" xfId="5" applyFont="1" applyBorder="1" applyAlignment="1">
      <alignment horizontal="center" vertical="center" wrapText="1" shrinkToFit="1"/>
    </xf>
    <xf numFmtId="0" fontId="11" fillId="0" borderId="0" xfId="5" applyFont="1" applyFill="1" applyBorder="1" applyAlignment="1">
      <alignment vertical="top" wrapText="1"/>
    </xf>
    <xf numFmtId="0" fontId="10" fillId="0" borderId="13" xfId="5" applyFont="1" applyFill="1" applyBorder="1" applyAlignment="1">
      <alignment horizontal="center" vertical="center"/>
    </xf>
    <xf numFmtId="0" fontId="10" fillId="0" borderId="13" xfId="5" applyFont="1" applyFill="1" applyBorder="1" applyAlignment="1">
      <alignment horizontal="center" vertical="center" shrinkToFit="1"/>
    </xf>
    <xf numFmtId="0" fontId="10" fillId="0" borderId="15" xfId="5" applyFont="1" applyFill="1" applyBorder="1" applyAlignment="1">
      <alignment horizontal="center" vertical="center" shrinkToFit="1"/>
    </xf>
    <xf numFmtId="0" fontId="10" fillId="0" borderId="4" xfId="5" applyFont="1" applyFill="1" applyBorder="1" applyAlignment="1">
      <alignment vertical="center"/>
    </xf>
    <xf numFmtId="0" fontId="10" fillId="0" borderId="13" xfId="5" applyFont="1" applyFill="1" applyBorder="1" applyAlignment="1">
      <alignment vertical="center" wrapText="1"/>
    </xf>
    <xf numFmtId="0" fontId="10" fillId="0" borderId="14" xfId="5" applyFont="1" applyFill="1" applyBorder="1" applyAlignment="1">
      <alignment vertical="center" wrapText="1"/>
    </xf>
    <xf numFmtId="0" fontId="10" fillId="0" borderId="15" xfId="5" applyFont="1" applyFill="1" applyBorder="1" applyAlignment="1">
      <alignment vertical="center" wrapText="1"/>
    </xf>
    <xf numFmtId="0" fontId="10" fillId="0" borderId="0" xfId="5" applyFont="1" applyFill="1" applyBorder="1" applyAlignment="1">
      <alignment vertical="center"/>
    </xf>
    <xf numFmtId="0" fontId="10" fillId="0" borderId="63" xfId="5" applyFont="1" applyFill="1" applyBorder="1" applyAlignment="1">
      <alignment horizontal="center" vertical="center"/>
    </xf>
    <xf numFmtId="0" fontId="10" fillId="0" borderId="64" xfId="5" applyFont="1" applyFill="1" applyBorder="1" applyAlignment="1">
      <alignment horizontal="center" vertical="center"/>
    </xf>
    <xf numFmtId="0" fontId="10" fillId="0" borderId="65" xfId="5" applyFont="1" applyFill="1" applyBorder="1" applyAlignment="1">
      <alignment horizontal="center" vertical="center"/>
    </xf>
    <xf numFmtId="0" fontId="10" fillId="0" borderId="144" xfId="5" applyFont="1" applyFill="1" applyBorder="1" applyAlignment="1">
      <alignment horizontal="center" vertical="center"/>
    </xf>
    <xf numFmtId="0" fontId="10" fillId="0" borderId="81" xfId="5" applyFont="1" applyFill="1" applyBorder="1" applyAlignment="1">
      <alignment horizontal="center" vertical="center"/>
    </xf>
    <xf numFmtId="0" fontId="10" fillId="0" borderId="42" xfId="5" applyFont="1" applyFill="1" applyBorder="1" applyAlignment="1">
      <alignment horizontal="center" vertical="center"/>
    </xf>
    <xf numFmtId="0" fontId="10" fillId="0" borderId="80" xfId="5" applyFont="1" applyFill="1" applyBorder="1" applyAlignment="1">
      <alignment horizontal="center" vertical="center"/>
    </xf>
    <xf numFmtId="0" fontId="10" fillId="0" borderId="100" xfId="5" applyFont="1" applyFill="1" applyBorder="1" applyAlignment="1">
      <alignment horizontal="center" vertical="center"/>
    </xf>
    <xf numFmtId="0" fontId="10" fillId="0" borderId="46" xfId="5" applyFont="1" applyFill="1" applyBorder="1" applyAlignment="1">
      <alignment horizontal="center" vertical="center" textRotation="255" wrapText="1"/>
    </xf>
    <xf numFmtId="0" fontId="10" fillId="0" borderId="84" xfId="5" applyFont="1" applyFill="1" applyBorder="1" applyAlignment="1">
      <alignment horizontal="center" vertical="center" textRotation="255" wrapText="1"/>
    </xf>
    <xf numFmtId="0" fontId="11" fillId="0" borderId="13" xfId="5" applyFont="1" applyFill="1" applyBorder="1" applyAlignment="1">
      <alignment vertical="center"/>
    </xf>
    <xf numFmtId="0" fontId="11" fillId="0" borderId="14" xfId="5" applyFont="1" applyFill="1" applyBorder="1" applyAlignment="1">
      <alignment vertical="center"/>
    </xf>
    <xf numFmtId="0" fontId="11" fillId="0" borderId="15" xfId="5" applyFont="1" applyFill="1" applyBorder="1" applyAlignment="1">
      <alignment vertical="center"/>
    </xf>
    <xf numFmtId="0" fontId="11" fillId="0" borderId="13" xfId="5" applyFont="1" applyFill="1" applyBorder="1" applyAlignment="1">
      <alignment vertical="center" wrapText="1"/>
    </xf>
    <xf numFmtId="0" fontId="10" fillId="0" borderId="13" xfId="5" applyFont="1" applyFill="1" applyBorder="1" applyAlignment="1">
      <alignment horizontal="center" vertical="center" wrapText="1"/>
    </xf>
    <xf numFmtId="0" fontId="10" fillId="0" borderId="14" xfId="5" applyFont="1" applyFill="1" applyBorder="1" applyAlignment="1">
      <alignment horizontal="center" vertical="center" wrapText="1"/>
    </xf>
    <xf numFmtId="0" fontId="10" fillId="0" borderId="15" xfId="5" applyFont="1" applyFill="1" applyBorder="1" applyAlignment="1">
      <alignment horizontal="center" vertical="center" wrapText="1"/>
    </xf>
    <xf numFmtId="0" fontId="10" fillId="0" borderId="2" xfId="5" applyFont="1" applyFill="1" applyBorder="1" applyAlignment="1">
      <alignment horizontal="center" vertical="center"/>
    </xf>
    <xf numFmtId="0" fontId="10" fillId="0" borderId="8" xfId="5" applyFont="1" applyFill="1" applyBorder="1" applyAlignment="1">
      <alignment horizontal="center" vertical="center"/>
    </xf>
    <xf numFmtId="0" fontId="10" fillId="0" borderId="7" xfId="5" applyFont="1" applyFill="1" applyBorder="1" applyAlignment="1">
      <alignment horizontal="center" vertical="center"/>
    </xf>
    <xf numFmtId="0" fontId="10" fillId="0" borderId="4" xfId="5" applyFont="1" applyFill="1" applyBorder="1" applyAlignment="1">
      <alignment horizontal="center" vertical="center"/>
    </xf>
    <xf numFmtId="0" fontId="10" fillId="0" borderId="8" xfId="5" applyFont="1" applyFill="1" applyBorder="1" applyAlignment="1">
      <alignment horizontal="left" vertical="center" indent="2"/>
    </xf>
    <xf numFmtId="0" fontId="10" fillId="0" borderId="9" xfId="5" applyFont="1" applyFill="1" applyBorder="1" applyAlignment="1">
      <alignment horizontal="left" vertical="center" indent="2"/>
    </xf>
    <xf numFmtId="0" fontId="10" fillId="0" borderId="4" xfId="5" applyFont="1" applyFill="1" applyBorder="1" applyAlignment="1">
      <alignment horizontal="left" vertical="center" indent="2"/>
    </xf>
    <xf numFmtId="0" fontId="10" fillId="0" borderId="5" xfId="5" applyFont="1" applyFill="1" applyBorder="1" applyAlignment="1">
      <alignment horizontal="left" vertical="center" indent="2"/>
    </xf>
    <xf numFmtId="0" fontId="10" fillId="0" borderId="41" xfId="5" applyFont="1" applyFill="1" applyBorder="1" applyAlignment="1">
      <alignment horizontal="center" vertical="center"/>
    </xf>
    <xf numFmtId="0" fontId="9" fillId="0" borderId="0" xfId="5" applyFont="1" applyAlignment="1">
      <alignment horizontal="center" vertical="center" wrapText="1"/>
    </xf>
    <xf numFmtId="0" fontId="10" fillId="0" borderId="226" xfId="5" applyFont="1" applyBorder="1" applyAlignment="1">
      <alignment horizontal="center" vertical="center"/>
    </xf>
    <xf numFmtId="0" fontId="10" fillId="0" borderId="110" xfId="5" applyFont="1" applyBorder="1" applyAlignment="1">
      <alignment horizontal="center" vertical="center"/>
    </xf>
    <xf numFmtId="0" fontId="10" fillId="0" borderId="160" xfId="5" applyFont="1" applyBorder="1" applyAlignment="1">
      <alignment horizontal="center" vertical="center"/>
    </xf>
    <xf numFmtId="0" fontId="10" fillId="0" borderId="69" xfId="5" applyFont="1" applyFill="1" applyBorder="1" applyAlignment="1">
      <alignment horizontal="center" vertical="center"/>
    </xf>
    <xf numFmtId="0" fontId="10" fillId="0" borderId="70" xfId="5" applyFont="1" applyFill="1" applyBorder="1" applyAlignment="1">
      <alignment horizontal="center" vertical="center"/>
    </xf>
    <xf numFmtId="0" fontId="10" fillId="0" borderId="33" xfId="5" applyFont="1" applyFill="1" applyBorder="1" applyAlignment="1">
      <alignment horizontal="center" vertical="center"/>
    </xf>
    <xf numFmtId="0" fontId="11" fillId="0" borderId="71" xfId="5" applyFont="1" applyFill="1" applyBorder="1" applyAlignment="1">
      <alignment horizontal="center" vertical="center" shrinkToFit="1"/>
    </xf>
    <xf numFmtId="0" fontId="11" fillId="0" borderId="70" xfId="5" applyFont="1" applyFill="1" applyBorder="1" applyAlignment="1">
      <alignment horizontal="center" vertical="center" shrinkToFit="1"/>
    </xf>
    <xf numFmtId="0" fontId="11" fillId="0" borderId="72" xfId="5" applyFont="1" applyFill="1" applyBorder="1" applyAlignment="1">
      <alignment horizontal="center" vertical="center" shrinkToFit="1"/>
    </xf>
    <xf numFmtId="0" fontId="34" fillId="0" borderId="1" xfId="10" applyBorder="1" applyAlignment="1">
      <alignment horizontal="center" vertical="center"/>
    </xf>
    <xf numFmtId="0" fontId="68" fillId="0" borderId="0" xfId="10" applyFont="1" applyBorder="1" applyAlignment="1">
      <alignment horizontal="center" vertical="center"/>
    </xf>
    <xf numFmtId="0" fontId="34" fillId="0" borderId="13" xfId="10" applyBorder="1" applyAlignment="1">
      <alignment horizontal="center" vertical="center"/>
    </xf>
    <xf numFmtId="0" fontId="34" fillId="0" borderId="14" xfId="10" applyBorder="1" applyAlignment="1">
      <alignment horizontal="center" vertical="center"/>
    </xf>
    <xf numFmtId="0" fontId="34" fillId="0" borderId="13" xfId="10" applyBorder="1" applyAlignment="1">
      <alignment horizontal="center" vertical="center" shrinkToFit="1"/>
    </xf>
    <xf numFmtId="0" fontId="34" fillId="0" borderId="15" xfId="10" applyBorder="1" applyAlignment="1">
      <alignment horizontal="center" vertical="center" shrinkToFit="1"/>
    </xf>
    <xf numFmtId="0" fontId="34" fillId="0" borderId="13" xfId="10" applyBorder="1" applyAlignment="1">
      <alignment horizontal="right" vertical="center"/>
    </xf>
    <xf numFmtId="0" fontId="34" fillId="0" borderId="14" xfId="10" applyBorder="1" applyAlignment="1">
      <alignment horizontal="right" vertical="center"/>
    </xf>
    <xf numFmtId="0" fontId="34" fillId="0" borderId="15" xfId="10" applyBorder="1" applyAlignment="1">
      <alignment horizontal="right" vertical="center"/>
    </xf>
    <xf numFmtId="0" fontId="34" fillId="0" borderId="13" xfId="10" applyBorder="1" applyAlignment="1">
      <alignment horizontal="left" vertical="center"/>
    </xf>
    <xf numFmtId="0" fontId="34" fillId="0" borderId="14" xfId="10" applyBorder="1" applyAlignment="1">
      <alignment horizontal="left" vertical="center"/>
    </xf>
    <xf numFmtId="0" fontId="34" fillId="0" borderId="15" xfId="10" applyBorder="1" applyAlignment="1">
      <alignment horizontal="left" vertical="center"/>
    </xf>
    <xf numFmtId="0" fontId="34" fillId="0" borderId="1" xfId="10" applyFill="1" applyBorder="1" applyAlignment="1">
      <alignment horizontal="center" vertical="center"/>
    </xf>
    <xf numFmtId="0" fontId="34" fillId="0" borderId="0" xfId="10" applyFill="1" applyBorder="1" applyAlignment="1">
      <alignment vertical="center" wrapText="1"/>
    </xf>
    <xf numFmtId="0" fontId="34" fillId="0" borderId="15" xfId="10" applyBorder="1" applyAlignment="1">
      <alignment horizontal="center" vertical="center"/>
    </xf>
    <xf numFmtId="0" fontId="34" fillId="0" borderId="13" xfId="10" applyBorder="1" applyAlignment="1">
      <alignment vertical="center"/>
    </xf>
    <xf numFmtId="0" fontId="34" fillId="0" borderId="14" xfId="10" applyBorder="1" applyAlignment="1">
      <alignment vertical="center"/>
    </xf>
    <xf numFmtId="0" fontId="34" fillId="0" borderId="15" xfId="10" applyBorder="1" applyAlignment="1">
      <alignment vertical="center"/>
    </xf>
    <xf numFmtId="0" fontId="34" fillId="0" borderId="2" xfId="10" applyBorder="1" applyAlignment="1">
      <alignment horizontal="center" vertical="center"/>
    </xf>
    <xf numFmtId="0" fontId="34" fillId="0" borderId="8" xfId="10" applyBorder="1" applyAlignment="1">
      <alignment horizontal="center" vertical="center"/>
    </xf>
    <xf numFmtId="0" fontId="34" fillId="0" borderId="9" xfId="10" applyBorder="1" applyAlignment="1">
      <alignment horizontal="center" vertical="center"/>
    </xf>
    <xf numFmtId="0" fontId="34" fillId="0" borderId="7" xfId="10" applyBorder="1" applyAlignment="1">
      <alignment horizontal="center" vertical="center"/>
    </xf>
    <xf numFmtId="0" fontId="34" fillId="0" borderId="4" xfId="10" applyBorder="1" applyAlignment="1">
      <alignment horizontal="center" vertical="center"/>
    </xf>
    <xf numFmtId="0" fontId="34" fillId="0" borderId="5" xfId="10" applyBorder="1" applyAlignment="1">
      <alignment horizontal="center" vertical="center"/>
    </xf>
    <xf numFmtId="0" fontId="34" fillId="0" borderId="13" xfId="10" applyFont="1" applyBorder="1" applyAlignment="1">
      <alignment vertical="center" wrapText="1"/>
    </xf>
    <xf numFmtId="0" fontId="34" fillId="0" borderId="14" xfId="10" applyFont="1" applyBorder="1" applyAlignment="1">
      <alignment vertical="center" wrapText="1"/>
    </xf>
    <xf numFmtId="0" fontId="34" fillId="0" borderId="15" xfId="10" applyFont="1" applyBorder="1" applyAlignment="1">
      <alignment vertical="center" wrapText="1"/>
    </xf>
    <xf numFmtId="0" fontId="34" fillId="0" borderId="1" xfId="10" applyBorder="1" applyAlignment="1">
      <alignment vertical="center"/>
    </xf>
    <xf numFmtId="0" fontId="34" fillId="0" borderId="0" xfId="10" applyBorder="1" applyAlignment="1">
      <alignment vertical="center" wrapText="1"/>
    </xf>
    <xf numFmtId="0" fontId="51" fillId="0" borderId="87" xfId="8" applyFont="1" applyBorder="1" applyAlignment="1">
      <alignment horizontal="center" vertical="center"/>
    </xf>
    <xf numFmtId="0" fontId="41" fillId="0" borderId="110" xfId="11" applyFont="1" applyBorder="1" applyAlignment="1">
      <alignment horizontal="distributed" vertical="center"/>
    </xf>
    <xf numFmtId="0" fontId="52" fillId="0" borderId="71" xfId="8" applyFont="1" applyBorder="1" applyAlignment="1">
      <alignment horizontal="center" vertical="center"/>
    </xf>
    <xf numFmtId="0" fontId="52" fillId="0" borderId="70" xfId="8" applyFont="1" applyBorder="1" applyAlignment="1">
      <alignment horizontal="center" vertical="center"/>
    </xf>
    <xf numFmtId="0" fontId="52" fillId="0" borderId="72" xfId="8" applyFont="1" applyBorder="1" applyAlignment="1">
      <alignment horizontal="center" vertical="center"/>
    </xf>
    <xf numFmtId="0" fontId="40" fillId="0" borderId="61" xfId="5" applyFont="1" applyFill="1" applyBorder="1" applyAlignment="1">
      <alignment horizontal="distributed" vertical="center"/>
    </xf>
    <xf numFmtId="0" fontId="40" fillId="0" borderId="4" xfId="5" applyFont="1" applyFill="1" applyBorder="1" applyAlignment="1">
      <alignment horizontal="distributed" vertical="center"/>
    </xf>
    <xf numFmtId="0" fontId="42" fillId="0" borderId="4" xfId="11" applyFont="1" applyBorder="1" applyAlignment="1">
      <alignment horizontal="distributed" vertical="center"/>
    </xf>
    <xf numFmtId="0" fontId="53" fillId="0" borderId="13" xfId="5" applyFont="1" applyFill="1" applyBorder="1" applyAlignment="1">
      <alignment horizontal="center" vertical="center"/>
    </xf>
    <xf numFmtId="0" fontId="53" fillId="0" borderId="14" xfId="5" applyFont="1" applyFill="1" applyBorder="1" applyAlignment="1">
      <alignment horizontal="center" vertical="center"/>
    </xf>
    <xf numFmtId="0" fontId="53" fillId="0" borderId="41" xfId="5" applyFont="1" applyFill="1" applyBorder="1" applyAlignment="1">
      <alignment horizontal="center" vertical="center"/>
    </xf>
    <xf numFmtId="0" fontId="48" fillId="0" borderId="77" xfId="8" applyFont="1" applyBorder="1" applyAlignment="1">
      <alignment horizontal="center" vertical="center" wrapText="1"/>
    </xf>
    <xf numFmtId="0" fontId="48" fillId="0" borderId="15" xfId="8" applyFont="1" applyBorder="1" applyAlignment="1">
      <alignment horizontal="center" vertical="center" wrapText="1"/>
    </xf>
    <xf numFmtId="0" fontId="42" fillId="0" borderId="14" xfId="11" applyFont="1" applyBorder="1" applyAlignment="1">
      <alignment horizontal="distributed" vertical="center"/>
    </xf>
    <xf numFmtId="0" fontId="53" fillId="0" borderId="7" xfId="5" applyFont="1" applyFill="1" applyBorder="1" applyAlignment="1">
      <alignment horizontal="center" vertical="center"/>
    </xf>
    <xf numFmtId="0" fontId="53" fillId="0" borderId="4" xfId="5" applyFont="1" applyFill="1" applyBorder="1" applyAlignment="1">
      <alignment horizontal="center" vertical="center"/>
    </xf>
    <xf numFmtId="0" fontId="53" fillId="0" borderId="5" xfId="5" applyFont="1" applyFill="1" applyBorder="1" applyAlignment="1">
      <alignment horizontal="center" vertical="center"/>
    </xf>
    <xf numFmtId="0" fontId="40" fillId="0" borderId="10" xfId="5" applyFont="1" applyFill="1" applyBorder="1" applyAlignment="1">
      <alignment horizontal="center" vertical="center"/>
    </xf>
    <xf numFmtId="0" fontId="42" fillId="0" borderId="10" xfId="11" applyFont="1" applyBorder="1" applyAlignment="1">
      <alignment horizontal="center" vertical="center"/>
    </xf>
    <xf numFmtId="0" fontId="48" fillId="0" borderId="14" xfId="8" applyFont="1" applyBorder="1" applyAlignment="1">
      <alignment horizontal="center" vertical="center" wrapText="1"/>
    </xf>
    <xf numFmtId="0" fontId="52" fillId="0" borderId="13" xfId="8" applyFont="1" applyBorder="1" applyAlignment="1">
      <alignment horizontal="center" vertical="center" wrapText="1"/>
    </xf>
    <xf numFmtId="0" fontId="52" fillId="0" borderId="14" xfId="8" applyFont="1" applyBorder="1" applyAlignment="1">
      <alignment horizontal="center" vertical="center" wrapText="1"/>
    </xf>
    <xf numFmtId="0" fontId="52" fillId="0" borderId="41" xfId="8" applyFont="1" applyBorder="1" applyAlignment="1">
      <alignment horizontal="center" vertical="center" wrapText="1"/>
    </xf>
    <xf numFmtId="0" fontId="48" fillId="0" borderId="107" xfId="8" applyFont="1" applyBorder="1" applyAlignment="1">
      <alignment horizontal="center" vertical="center" wrapText="1"/>
    </xf>
    <xf numFmtId="0" fontId="48" fillId="0" borderId="82" xfId="8" applyFont="1" applyBorder="1" applyAlignment="1">
      <alignment horizontal="center" vertical="center" wrapText="1"/>
    </xf>
    <xf numFmtId="0" fontId="48" fillId="0" borderId="141" xfId="8" applyFont="1" applyBorder="1" applyAlignment="1">
      <alignment horizontal="center" vertical="center" wrapText="1"/>
    </xf>
    <xf numFmtId="0" fontId="52" fillId="0" borderId="2" xfId="8" applyFont="1" applyBorder="1" applyAlignment="1">
      <alignment horizontal="center" vertical="center" wrapText="1"/>
    </xf>
    <xf numFmtId="0" fontId="52" fillId="0" borderId="8" xfId="8" applyFont="1" applyBorder="1" applyAlignment="1">
      <alignment horizontal="center" vertical="center" wrapText="1"/>
    </xf>
    <xf numFmtId="0" fontId="52" fillId="0" borderId="78" xfId="8" applyFont="1" applyBorder="1" applyAlignment="1">
      <alignment horizontal="center" vertical="center" wrapText="1"/>
    </xf>
    <xf numFmtId="0" fontId="52" fillId="0" borderId="7" xfId="8" applyFont="1" applyBorder="1" applyAlignment="1">
      <alignment horizontal="center" vertical="center" wrapText="1"/>
    </xf>
    <xf numFmtId="0" fontId="52" fillId="0" borderId="4" xfId="8" applyFont="1" applyBorder="1" applyAlignment="1">
      <alignment horizontal="center" vertical="center" wrapText="1"/>
    </xf>
    <xf numFmtId="0" fontId="52" fillId="0" borderId="40" xfId="8" applyFont="1" applyBorder="1" applyAlignment="1">
      <alignment horizontal="center" vertical="center" wrapText="1"/>
    </xf>
    <xf numFmtId="0" fontId="21" fillId="0" borderId="3" xfId="8" applyFont="1" applyBorder="1" applyAlignment="1">
      <alignment horizontal="center" vertical="center" wrapText="1"/>
    </xf>
    <xf numFmtId="0" fontId="36" fillId="0" borderId="12" xfId="8" applyFont="1" applyBorder="1" applyAlignment="1">
      <alignment horizontal="center" vertical="center" wrapText="1"/>
    </xf>
    <xf numFmtId="0" fontId="36" fillId="0" borderId="10" xfId="8" applyFont="1" applyBorder="1" applyAlignment="1">
      <alignment horizontal="center" vertical="center" wrapText="1"/>
    </xf>
    <xf numFmtId="0" fontId="42" fillId="0" borderId="6" xfId="8" applyFont="1" applyBorder="1" applyAlignment="1">
      <alignment horizontal="center" vertical="center" wrapText="1"/>
    </xf>
    <xf numFmtId="0" fontId="42" fillId="0" borderId="0" xfId="8" applyFont="1" applyBorder="1" applyAlignment="1">
      <alignment horizontal="center" vertical="center" wrapText="1"/>
    </xf>
    <xf numFmtId="0" fontId="42" fillId="0" borderId="83" xfId="8" applyFont="1" applyBorder="1" applyAlignment="1">
      <alignment horizontal="center" vertical="center" wrapText="1"/>
    </xf>
    <xf numFmtId="0" fontId="53" fillId="0" borderId="6" xfId="5" applyFont="1" applyFill="1" applyBorder="1" applyAlignment="1">
      <alignment horizontal="center" vertical="center"/>
    </xf>
    <xf numFmtId="0" fontId="53" fillId="0" borderId="0" xfId="5" applyFont="1" applyFill="1" applyBorder="1" applyAlignment="1">
      <alignment horizontal="center" vertical="center"/>
    </xf>
    <xf numFmtId="0" fontId="53" fillId="0" borderId="83" xfId="5" applyFont="1" applyFill="1" applyBorder="1" applyAlignment="1">
      <alignment horizontal="center" vertical="center"/>
    </xf>
    <xf numFmtId="0" fontId="53" fillId="0" borderId="2" xfId="5" applyFont="1" applyFill="1" applyBorder="1" applyAlignment="1">
      <alignment horizontal="center" vertical="center"/>
    </xf>
    <xf numFmtId="0" fontId="53" fillId="0" borderId="8" xfId="5" applyFont="1" applyFill="1" applyBorder="1" applyAlignment="1">
      <alignment horizontal="center" vertical="center"/>
    </xf>
    <xf numFmtId="0" fontId="53" fillId="0" borderId="9" xfId="5" applyFont="1" applyFill="1" applyBorder="1" applyAlignment="1">
      <alignment horizontal="center" vertical="center"/>
    </xf>
    <xf numFmtId="0" fontId="43" fillId="0" borderId="14" xfId="8" applyFont="1" applyBorder="1" applyAlignment="1">
      <alignment horizontal="center" vertical="center" wrapText="1"/>
    </xf>
    <xf numFmtId="0" fontId="42" fillId="0" borderId="22" xfId="8" applyFont="1" applyBorder="1" applyAlignment="1">
      <alignment horizontal="center" vertical="center" wrapText="1"/>
    </xf>
    <xf numFmtId="0" fontId="42" fillId="0" borderId="32" xfId="8" applyFont="1" applyBorder="1" applyAlignment="1">
      <alignment horizontal="center" vertical="center" wrapText="1"/>
    </xf>
    <xf numFmtId="0" fontId="42" fillId="0" borderId="61" xfId="8" applyFont="1" applyBorder="1" applyAlignment="1">
      <alignment horizontal="center" vertical="center" wrapText="1"/>
    </xf>
    <xf numFmtId="0" fontId="42" fillId="0" borderId="4" xfId="8" applyFont="1" applyBorder="1" applyAlignment="1">
      <alignment horizontal="center" vertical="center" wrapText="1"/>
    </xf>
    <xf numFmtId="0" fontId="42" fillId="0" borderId="198" xfId="8" applyFont="1" applyBorder="1" applyAlignment="1">
      <alignment horizontal="center" vertical="center" wrapText="1"/>
    </xf>
    <xf numFmtId="0" fontId="42" fillId="0" borderId="11" xfId="8" applyFont="1" applyBorder="1" applyAlignment="1">
      <alignment horizontal="center" vertical="center" wrapText="1"/>
    </xf>
    <xf numFmtId="0" fontId="43" fillId="0" borderId="140" xfId="8" applyFont="1" applyBorder="1" applyAlignment="1">
      <alignment horizontal="center" vertical="center" wrapText="1"/>
    </xf>
    <xf numFmtId="0" fontId="43" fillId="0" borderId="40" xfId="8" applyFont="1" applyBorder="1" applyAlignment="1">
      <alignment horizontal="center" vertical="center" wrapText="1"/>
    </xf>
    <xf numFmtId="0" fontId="41" fillId="0" borderId="12" xfId="8" applyFont="1" applyBorder="1" applyAlignment="1">
      <alignment horizontal="center" vertical="center" wrapText="1"/>
    </xf>
    <xf numFmtId="0" fontId="41" fillId="0" borderId="10" xfId="8" applyFont="1" applyBorder="1" applyAlignment="1">
      <alignment horizontal="center" vertical="center" wrapText="1"/>
    </xf>
    <xf numFmtId="0" fontId="41" fillId="0" borderId="11" xfId="8" applyFont="1" applyBorder="1" applyAlignment="1">
      <alignment horizontal="center" vertical="center" wrapText="1"/>
    </xf>
    <xf numFmtId="0" fontId="66" fillId="0" borderId="12" xfId="8" applyFont="1" applyBorder="1" applyAlignment="1">
      <alignment horizontal="center" vertical="center" wrapText="1"/>
    </xf>
    <xf numFmtId="0" fontId="66" fillId="0" borderId="10" xfId="8" applyFont="1" applyBorder="1" applyAlignment="1">
      <alignment horizontal="center" vertical="center" wrapText="1"/>
    </xf>
    <xf numFmtId="0" fontId="66" fillId="0" borderId="11" xfId="8" applyFont="1" applyBorder="1" applyAlignment="1">
      <alignment horizontal="center" vertical="center" wrapText="1"/>
    </xf>
    <xf numFmtId="0" fontId="42" fillId="0" borderId="152" xfId="8" applyFont="1" applyBorder="1" applyAlignment="1">
      <alignment horizontal="center" vertical="center" wrapText="1"/>
    </xf>
    <xf numFmtId="0" fontId="42" fillId="0" borderId="30" xfId="8" applyFont="1" applyBorder="1" applyAlignment="1">
      <alignment horizontal="center" vertical="center" wrapText="1"/>
    </xf>
    <xf numFmtId="0" fontId="43" fillId="0" borderId="12" xfId="8" applyFont="1" applyBorder="1" applyAlignment="1">
      <alignment horizontal="center" vertical="center" wrapText="1"/>
    </xf>
    <xf numFmtId="0" fontId="43" fillId="0" borderId="10" xfId="8" applyFont="1" applyBorder="1" applyAlignment="1">
      <alignment horizontal="center" vertical="center" wrapText="1"/>
    </xf>
    <xf numFmtId="0" fontId="43" fillId="0" borderId="11" xfId="8" applyFont="1" applyBorder="1" applyAlignment="1">
      <alignment horizontal="center" vertical="center" wrapText="1"/>
    </xf>
    <xf numFmtId="0" fontId="21" fillId="0" borderId="12" xfId="8" applyFont="1" applyBorder="1" applyAlignment="1">
      <alignment horizontal="center" vertical="center" wrapText="1"/>
    </xf>
    <xf numFmtId="0" fontId="21" fillId="0" borderId="10" xfId="8" applyFont="1" applyBorder="1" applyAlignment="1">
      <alignment horizontal="center" vertical="center" wrapText="1"/>
    </xf>
    <xf numFmtId="0" fontId="52" fillId="0" borderId="71" xfId="8" applyFont="1" applyBorder="1" applyAlignment="1">
      <alignment horizontal="center" vertical="center" wrapText="1"/>
    </xf>
    <xf numFmtId="0" fontId="52" fillId="0" borderId="70" xfId="8" applyFont="1" applyBorder="1" applyAlignment="1">
      <alignment horizontal="center" vertical="center" wrapText="1"/>
    </xf>
    <xf numFmtId="0" fontId="52" fillId="0" borderId="72" xfId="8" applyFont="1" applyBorder="1" applyAlignment="1">
      <alignment horizontal="center" vertical="center" wrapText="1"/>
    </xf>
    <xf numFmtId="0" fontId="66" fillId="0" borderId="15" xfId="8" applyFont="1" applyBorder="1" applyAlignment="1">
      <alignment horizontal="center" vertical="center" wrapText="1"/>
    </xf>
    <xf numFmtId="0" fontId="48" fillId="0" borderId="45" xfId="8" applyFont="1" applyBorder="1" applyAlignment="1">
      <alignment horizontal="center" vertical="center" wrapText="1"/>
    </xf>
    <xf numFmtId="0" fontId="42" fillId="0" borderId="45" xfId="8" applyFont="1" applyBorder="1" applyAlignment="1">
      <alignment horizontal="center" vertical="center" wrapText="1"/>
    </xf>
    <xf numFmtId="0" fontId="42" fillId="0" borderId="197" xfId="8" applyFont="1" applyBorder="1" applyAlignment="1">
      <alignment horizontal="center" vertical="center" wrapText="1"/>
    </xf>
    <xf numFmtId="0" fontId="42" fillId="0" borderId="196" xfId="8" applyFont="1" applyBorder="1" applyAlignment="1">
      <alignment horizontal="center" vertical="center" wrapText="1"/>
    </xf>
    <xf numFmtId="0" fontId="42" fillId="0" borderId="195" xfId="8" applyFont="1" applyBorder="1" applyAlignment="1">
      <alignment horizontal="center" vertical="center" wrapText="1"/>
    </xf>
    <xf numFmtId="0" fontId="52" fillId="0" borderId="15" xfId="8" applyFont="1" applyBorder="1" applyAlignment="1">
      <alignment horizontal="center" vertical="center" wrapText="1"/>
    </xf>
    <xf numFmtId="0" fontId="41" fillId="0" borderId="13" xfId="8" applyFont="1" applyBorder="1" applyAlignment="1">
      <alignment horizontal="center" vertical="center" wrapText="1"/>
    </xf>
    <xf numFmtId="0" fontId="41" fillId="0" borderId="86" xfId="8" applyFont="1" applyBorder="1" applyAlignment="1">
      <alignment horizontal="center" vertical="center" wrapText="1"/>
    </xf>
    <xf numFmtId="0" fontId="41" fillId="0" borderId="87" xfId="8" applyFont="1" applyBorder="1" applyAlignment="1">
      <alignment horizontal="center" vertical="center" wrapText="1"/>
    </xf>
    <xf numFmtId="0" fontId="41" fillId="0" borderId="143" xfId="8" applyFont="1" applyBorder="1" applyAlignment="1">
      <alignment horizontal="center" vertical="center" wrapText="1"/>
    </xf>
    <xf numFmtId="0" fontId="41" fillId="0" borderId="115" xfId="8" applyFont="1" applyBorder="1" applyAlignment="1">
      <alignment horizontal="center" vertical="center" wrapText="1"/>
    </xf>
    <xf numFmtId="0" fontId="41" fillId="0" borderId="27" xfId="8" applyFont="1" applyBorder="1" applyAlignment="1">
      <alignment horizontal="center" vertical="center" wrapText="1"/>
    </xf>
    <xf numFmtId="0" fontId="41" fillId="0" borderId="28" xfId="8" applyFont="1" applyBorder="1" applyAlignment="1">
      <alignment horizontal="center" vertical="center" wrapText="1"/>
    </xf>
    <xf numFmtId="0" fontId="21" fillId="0" borderId="29" xfId="8" applyFont="1" applyBorder="1" applyAlignment="1">
      <alignment horizontal="center" vertical="center" wrapText="1"/>
    </xf>
    <xf numFmtId="0" fontId="19" fillId="0" borderId="12" xfId="8" applyFont="1" applyBorder="1" applyAlignment="1">
      <alignment horizontal="center" vertical="center" wrapText="1"/>
    </xf>
    <xf numFmtId="0" fontId="19" fillId="0" borderId="29" xfId="8" applyFont="1" applyBorder="1" applyAlignment="1">
      <alignment horizontal="center" vertical="center" wrapText="1"/>
    </xf>
    <xf numFmtId="0" fontId="42" fillId="0" borderId="0" xfId="8" applyFont="1" applyFill="1" applyBorder="1" applyAlignment="1">
      <alignment horizontal="left" vertical="center"/>
    </xf>
    <xf numFmtId="0" fontId="41" fillId="0" borderId="0" xfId="8" applyFont="1" applyAlignment="1">
      <alignment horizontal="left" vertical="center"/>
    </xf>
    <xf numFmtId="0" fontId="41" fillId="0" borderId="0" xfId="8" applyFont="1" applyFill="1" applyAlignment="1">
      <alignment horizontal="left" vertical="center" wrapText="1"/>
    </xf>
    <xf numFmtId="0" fontId="21" fillId="0" borderId="198" xfId="8" applyFont="1" applyBorder="1" applyAlignment="1">
      <alignment horizontal="center" vertical="center" wrapText="1"/>
    </xf>
    <xf numFmtId="0" fontId="21" fillId="0" borderId="11" xfId="8" applyFont="1" applyBorder="1" applyAlignment="1">
      <alignment horizontal="center" vertical="center" wrapText="1"/>
    </xf>
    <xf numFmtId="0" fontId="19" fillId="0" borderId="198" xfId="8" applyFont="1" applyBorder="1" applyAlignment="1">
      <alignment horizontal="center" vertical="center" wrapText="1"/>
    </xf>
    <xf numFmtId="0" fontId="19" fillId="0" borderId="10" xfId="8" applyFont="1" applyBorder="1" applyAlignment="1">
      <alignment horizontal="center" vertical="center" wrapText="1"/>
    </xf>
    <xf numFmtId="0" fontId="19" fillId="0" borderId="11" xfId="8" applyFont="1" applyBorder="1" applyAlignment="1">
      <alignment horizontal="center" vertical="center" wrapText="1"/>
    </xf>
    <xf numFmtId="0" fontId="41" fillId="0" borderId="71" xfId="8" applyFont="1" applyBorder="1" applyAlignment="1">
      <alignment horizontal="center" vertical="center" wrapText="1"/>
    </xf>
    <xf numFmtId="0" fontId="41" fillId="0" borderId="33" xfId="8" applyFont="1" applyBorder="1" applyAlignment="1">
      <alignment horizontal="center" vertical="center" wrapText="1"/>
    </xf>
    <xf numFmtId="0" fontId="38" fillId="0" borderId="197" xfId="8" applyFont="1" applyBorder="1" applyAlignment="1">
      <alignment vertical="center"/>
    </xf>
    <xf numFmtId="0" fontId="34" fillId="0" borderId="196" xfId="10" applyBorder="1" applyAlignment="1">
      <alignment vertical="center"/>
    </xf>
    <xf numFmtId="0" fontId="34" fillId="0" borderId="195" xfId="10" applyBorder="1" applyAlignment="1">
      <alignment vertical="center"/>
    </xf>
    <xf numFmtId="0" fontId="54" fillId="0" borderId="2" xfId="8" applyFont="1" applyBorder="1" applyAlignment="1">
      <alignment horizontal="center" vertical="center" wrapText="1"/>
    </xf>
    <xf numFmtId="0" fontId="54" fillId="0" borderId="7" xfId="8" applyFont="1" applyBorder="1" applyAlignment="1">
      <alignment horizontal="center" vertical="center" wrapText="1"/>
    </xf>
    <xf numFmtId="0" fontId="66" fillId="0" borderId="2" xfId="8" applyFont="1" applyBorder="1" applyAlignment="1">
      <alignment horizontal="center" vertical="center" wrapText="1"/>
    </xf>
    <xf numFmtId="0" fontId="66" fillId="0" borderId="7" xfId="8" applyFont="1" applyBorder="1" applyAlignment="1">
      <alignment horizontal="center" vertical="center" wrapText="1"/>
    </xf>
    <xf numFmtId="0" fontId="82" fillId="0" borderId="0" xfId="2" applyFont="1" applyAlignment="1">
      <alignment horizontal="left" vertical="center"/>
    </xf>
    <xf numFmtId="0" fontId="64" fillId="0" borderId="0" xfId="2" applyFont="1" applyBorder="1" applyAlignment="1">
      <alignment horizontal="center" vertical="center"/>
    </xf>
    <xf numFmtId="0" fontId="7" fillId="0" borderId="13" xfId="2" applyFont="1" applyBorder="1" applyAlignment="1">
      <alignment horizontal="center" vertical="center"/>
    </xf>
    <xf numFmtId="0" fontId="7" fillId="0" borderId="14" xfId="2" applyFont="1" applyBorder="1" applyAlignment="1">
      <alignment horizontal="center" vertical="center"/>
    </xf>
    <xf numFmtId="0" fontId="7" fillId="0" borderId="15" xfId="2" applyFont="1" applyBorder="1" applyAlignment="1">
      <alignment horizontal="center" vertical="center"/>
    </xf>
    <xf numFmtId="0" fontId="5" fillId="0" borderId="14" xfId="2" applyBorder="1" applyAlignment="1">
      <alignment horizontal="center" vertical="center"/>
    </xf>
    <xf numFmtId="0" fontId="5" fillId="0" borderId="15" xfId="2" applyBorder="1" applyAlignment="1">
      <alignment horizontal="center" vertical="center"/>
    </xf>
    <xf numFmtId="0" fontId="5" fillId="0" borderId="12" xfId="2" applyBorder="1" applyAlignment="1">
      <alignment horizontal="center" vertical="center" wrapText="1"/>
    </xf>
    <xf numFmtId="0" fontId="5" fillId="0" borderId="11" xfId="2" applyBorder="1" applyAlignment="1">
      <alignment horizontal="center" vertical="center" wrapText="1"/>
    </xf>
    <xf numFmtId="0" fontId="5" fillId="0" borderId="2" xfId="2" applyBorder="1" applyAlignment="1">
      <alignment vertical="center" wrapText="1"/>
    </xf>
    <xf numFmtId="0" fontId="5" fillId="0" borderId="8" xfId="2" applyBorder="1" applyAlignment="1">
      <alignment vertical="center" wrapText="1"/>
    </xf>
    <xf numFmtId="0" fontId="5" fillId="0" borderId="7" xfId="2" applyBorder="1" applyAlignment="1">
      <alignment vertical="center" wrapText="1"/>
    </xf>
    <xf numFmtId="0" fontId="5" fillId="0" borderId="4" xfId="2" applyBorder="1" applyAlignment="1">
      <alignment vertical="center" wrapText="1"/>
    </xf>
    <xf numFmtId="0" fontId="5" fillId="0" borderId="2" xfId="2" applyBorder="1" applyAlignment="1">
      <alignment horizontal="center" vertical="center"/>
    </xf>
    <xf numFmtId="0" fontId="5" fillId="0" borderId="8" xfId="2" applyBorder="1" applyAlignment="1">
      <alignment horizontal="center" vertical="center"/>
    </xf>
    <xf numFmtId="0" fontId="5" fillId="0" borderId="9" xfId="2" applyBorder="1" applyAlignment="1">
      <alignment horizontal="center" vertical="center"/>
    </xf>
    <xf numFmtId="0" fontId="5" fillId="0" borderId="7" xfId="2" applyBorder="1" applyAlignment="1">
      <alignment horizontal="center" vertical="center"/>
    </xf>
    <xf numFmtId="0" fontId="5" fillId="0" borderId="4" xfId="2" applyBorder="1" applyAlignment="1">
      <alignment horizontal="center" vertical="center"/>
    </xf>
    <xf numFmtId="0" fontId="5" fillId="0" borderId="5" xfId="2" applyBorder="1" applyAlignment="1">
      <alignment horizontal="center" vertical="center"/>
    </xf>
    <xf numFmtId="0" fontId="5" fillId="0" borderId="10" xfId="2" applyBorder="1" applyAlignment="1">
      <alignment horizontal="center" vertical="center" wrapText="1"/>
    </xf>
    <xf numFmtId="0" fontId="34" fillId="0" borderId="11" xfId="10" applyBorder="1" applyAlignment="1">
      <alignment horizontal="center" vertical="center" wrapText="1"/>
    </xf>
    <xf numFmtId="0" fontId="5" fillId="0" borderId="1" xfId="2" applyBorder="1" applyAlignment="1">
      <alignment vertical="center" wrapText="1"/>
    </xf>
    <xf numFmtId="0" fontId="5" fillId="0" borderId="1" xfId="2" applyBorder="1" applyAlignment="1">
      <alignment horizontal="center" vertical="center"/>
    </xf>
    <xf numFmtId="0" fontId="5" fillId="0" borderId="13" xfId="2" applyBorder="1" applyAlignment="1">
      <alignment vertical="center" wrapText="1"/>
    </xf>
    <xf numFmtId="0" fontId="5" fillId="0" borderId="15" xfId="2" applyBorder="1" applyAlignment="1">
      <alignment vertical="center" wrapText="1"/>
    </xf>
    <xf numFmtId="0" fontId="5" fillId="0" borderId="1" xfId="2" applyBorder="1" applyAlignment="1">
      <alignment vertical="center"/>
    </xf>
    <xf numFmtId="0" fontId="10" fillId="0" borderId="0" xfId="2" applyFont="1" applyAlignment="1">
      <alignment vertical="center" wrapText="1"/>
    </xf>
    <xf numFmtId="0" fontId="38" fillId="7" borderId="1" xfId="2" applyFont="1" applyFill="1" applyBorder="1" applyAlignment="1">
      <alignment vertical="center" wrapText="1"/>
    </xf>
    <xf numFmtId="0" fontId="38" fillId="7" borderId="1" xfId="2" applyFont="1" applyFill="1" applyBorder="1" applyAlignment="1">
      <alignment vertical="center"/>
    </xf>
    <xf numFmtId="0" fontId="38" fillId="7" borderId="1" xfId="2" applyFont="1" applyFill="1" applyBorder="1" applyAlignment="1">
      <alignment horizontal="center" vertical="center"/>
    </xf>
    <xf numFmtId="0" fontId="5" fillId="0" borderId="14" xfId="2" applyBorder="1" applyAlignment="1">
      <alignment vertical="center" wrapText="1"/>
    </xf>
    <xf numFmtId="0" fontId="94" fillId="0" borderId="12" xfId="10" applyFont="1" applyBorder="1" applyAlignment="1">
      <alignment horizontal="left" vertical="center" wrapText="1"/>
    </xf>
    <xf numFmtId="0" fontId="94" fillId="0" borderId="10" xfId="10" applyFont="1" applyBorder="1" applyAlignment="1">
      <alignment horizontal="left" vertical="center" wrapText="1"/>
    </xf>
    <xf numFmtId="0" fontId="94" fillId="0" borderId="11" xfId="10" applyFont="1" applyBorder="1" applyAlignment="1">
      <alignment horizontal="left" vertical="center" wrapText="1"/>
    </xf>
    <xf numFmtId="0" fontId="93" fillId="0" borderId="6" xfId="10" applyFont="1" applyBorder="1" applyAlignment="1">
      <alignment horizontal="left" vertical="center" wrapText="1"/>
    </xf>
    <xf numFmtId="0" fontId="93" fillId="0" borderId="0" xfId="10" applyFont="1" applyAlignment="1">
      <alignment horizontal="left" vertical="center" wrapText="1"/>
    </xf>
    <xf numFmtId="0" fontId="93" fillId="0" borderId="3" xfId="10" applyFont="1" applyBorder="1" applyAlignment="1">
      <alignment horizontal="left" vertical="center" wrapText="1"/>
    </xf>
    <xf numFmtId="0" fontId="93" fillId="0" borderId="7" xfId="10" applyFont="1" applyBorder="1" applyAlignment="1">
      <alignment horizontal="left" vertical="center" wrapText="1"/>
    </xf>
    <xf numFmtId="0" fontId="93" fillId="0" borderId="4" xfId="10" applyFont="1" applyBorder="1" applyAlignment="1">
      <alignment horizontal="left" vertical="center" wrapText="1"/>
    </xf>
    <xf numFmtId="0" fontId="93" fillId="0" borderId="5" xfId="10" applyFont="1" applyBorder="1" applyAlignment="1">
      <alignment horizontal="left" vertical="center" wrapText="1"/>
    </xf>
    <xf numFmtId="0" fontId="96" fillId="0" borderId="0" xfId="10" applyFont="1" applyAlignment="1">
      <alignment horizontal="left" vertical="center" wrapText="1"/>
    </xf>
    <xf numFmtId="0" fontId="94" fillId="0" borderId="0" xfId="10" applyFont="1" applyAlignment="1">
      <alignment horizontal="right" vertical="center"/>
    </xf>
    <xf numFmtId="0" fontId="95" fillId="0" borderId="0" xfId="10" applyFont="1" applyAlignment="1">
      <alignment horizontal="center" vertical="center"/>
    </xf>
    <xf numFmtId="0" fontId="92" fillId="0" borderId="14" xfId="10" applyFont="1" applyBorder="1" applyAlignment="1">
      <alignment horizontal="center" vertical="center"/>
    </xf>
    <xf numFmtId="0" fontId="92" fillId="0" borderId="15" xfId="10" applyFont="1" applyBorder="1" applyAlignment="1">
      <alignment horizontal="center" vertical="center"/>
    </xf>
    <xf numFmtId="0" fontId="94" fillId="0" borderId="8" xfId="10" applyFont="1" applyBorder="1" applyAlignment="1">
      <alignment horizontal="center" vertical="center"/>
    </xf>
    <xf numFmtId="0" fontId="94" fillId="0" borderId="9" xfId="10" applyFont="1" applyBorder="1" applyAlignment="1">
      <alignment horizontal="center" vertical="center"/>
    </xf>
    <xf numFmtId="0" fontId="94" fillId="0" borderId="13" xfId="10" applyFont="1" applyBorder="1" applyAlignment="1">
      <alignment horizontal="left" vertical="center" wrapText="1"/>
    </xf>
    <xf numFmtId="0" fontId="94" fillId="0" borderId="14" xfId="10" applyFont="1" applyBorder="1" applyAlignment="1">
      <alignment horizontal="left" vertical="center"/>
    </xf>
    <xf numFmtId="0" fontId="94" fillId="0" borderId="15" xfId="10" applyFont="1" applyBorder="1" applyAlignment="1">
      <alignment horizontal="left" vertical="center"/>
    </xf>
    <xf numFmtId="0" fontId="125" fillId="0" borderId="13" xfId="10" applyFont="1" applyBorder="1" applyAlignment="1">
      <alignment horizontal="left" vertical="center" wrapText="1"/>
    </xf>
    <xf numFmtId="0" fontId="125" fillId="0" borderId="14" xfId="10" applyFont="1" applyBorder="1" applyAlignment="1">
      <alignment horizontal="left" vertical="center"/>
    </xf>
    <xf numFmtId="0" fontId="125" fillId="0" borderId="15" xfId="10" applyFont="1" applyBorder="1" applyAlignment="1">
      <alignment horizontal="left" vertical="center"/>
    </xf>
    <xf numFmtId="0" fontId="92" fillId="0" borderId="13" xfId="10" applyFont="1" applyBorder="1" applyAlignment="1">
      <alignment horizontal="center" vertical="center"/>
    </xf>
    <xf numFmtId="0" fontId="97" fillId="0" borderId="8" xfId="10" applyFont="1" applyBorder="1" applyAlignment="1">
      <alignment horizontal="center" vertical="center"/>
    </xf>
    <xf numFmtId="0" fontId="97" fillId="0" borderId="9" xfId="10" applyFont="1" applyBorder="1" applyAlignment="1">
      <alignment horizontal="center" vertical="center"/>
    </xf>
    <xf numFmtId="0" fontId="97" fillId="0" borderId="14" xfId="10" applyFont="1" applyBorder="1" applyAlignment="1">
      <alignment horizontal="left" vertical="center"/>
    </xf>
    <xf numFmtId="0" fontId="97" fillId="0" borderId="15" xfId="10" applyFont="1" applyBorder="1" applyAlignment="1">
      <alignment horizontal="left" vertical="center"/>
    </xf>
    <xf numFmtId="0" fontId="127" fillId="0" borderId="98" xfId="5" applyFont="1" applyBorder="1" applyAlignment="1">
      <alignment horizontal="distributed" vertical="center" indent="1"/>
    </xf>
    <xf numFmtId="0" fontId="127" fillId="0" borderId="12" xfId="5" applyFont="1" applyBorder="1" applyAlignment="1">
      <alignment horizontal="distributed" vertical="center" indent="1"/>
    </xf>
    <xf numFmtId="0" fontId="127" fillId="0" borderId="12" xfId="5" applyFont="1" applyBorder="1" applyAlignment="1">
      <alignment horizontal="center" vertical="center"/>
    </xf>
    <xf numFmtId="0" fontId="127" fillId="0" borderId="34" xfId="5" applyFont="1" applyBorder="1" applyAlignment="1">
      <alignment horizontal="center" vertical="center"/>
    </xf>
    <xf numFmtId="0" fontId="97" fillId="0" borderId="0" xfId="5" applyFont="1" applyAlignment="1">
      <alignment horizontal="right" vertical="center"/>
    </xf>
    <xf numFmtId="0" fontId="128" fillId="0" borderId="0" xfId="5" applyFont="1" applyAlignment="1">
      <alignment horizontal="center" vertical="center"/>
    </xf>
    <xf numFmtId="0" fontId="127" fillId="0" borderId="115" xfId="5" applyFont="1" applyBorder="1" applyAlignment="1">
      <alignment horizontal="distributed" vertical="center" indent="1"/>
    </xf>
    <xf numFmtId="0" fontId="127" fillId="0" borderId="45" xfId="5" applyFont="1" applyBorder="1" applyAlignment="1">
      <alignment horizontal="distributed" vertical="center" indent="1"/>
    </xf>
    <xf numFmtId="0" fontId="127" fillId="0" borderId="45" xfId="5" applyFont="1" applyBorder="1" applyAlignment="1">
      <alignment horizontal="left" vertical="center" indent="1"/>
    </xf>
    <xf numFmtId="0" fontId="127" fillId="0" borderId="91" xfId="5" applyFont="1" applyBorder="1" applyAlignment="1">
      <alignment horizontal="left" vertical="center" indent="1"/>
    </xf>
    <xf numFmtId="0" fontId="127" fillId="0" borderId="35" xfId="5" applyFont="1" applyBorder="1" applyAlignment="1">
      <alignment horizontal="center" vertical="center"/>
    </xf>
    <xf numFmtId="0" fontId="127" fillId="0" borderId="36" xfId="5" applyFont="1" applyBorder="1" applyAlignment="1">
      <alignment horizontal="center" vertical="center"/>
    </xf>
    <xf numFmtId="0" fontId="127" fillId="0" borderId="37" xfId="5" applyFont="1" applyBorder="1" applyAlignment="1">
      <alignment horizontal="center" vertical="center"/>
    </xf>
    <xf numFmtId="0" fontId="97" fillId="0" borderId="27" xfId="5" applyFont="1" applyBorder="1" applyAlignment="1">
      <alignment horizontal="center" vertical="center"/>
    </xf>
    <xf numFmtId="0" fontId="97" fillId="0" borderId="1" xfId="5" applyFont="1" applyBorder="1" applyAlignment="1">
      <alignment horizontal="center" vertical="center"/>
    </xf>
    <xf numFmtId="0" fontId="129" fillId="0" borderId="2" xfId="5" applyFont="1" applyBorder="1" applyAlignment="1">
      <alignment horizontal="center" vertical="center" wrapText="1"/>
    </xf>
    <xf numFmtId="0" fontId="129" fillId="0" borderId="8" xfId="5" applyFont="1" applyBorder="1" applyAlignment="1">
      <alignment horizontal="center" vertical="center" wrapText="1"/>
    </xf>
    <xf numFmtId="0" fontId="129" fillId="0" borderId="9" xfId="5" applyFont="1" applyBorder="1" applyAlignment="1">
      <alignment horizontal="center" vertical="center" wrapText="1"/>
    </xf>
    <xf numFmtId="0" fontId="129" fillId="0" borderId="6" xfId="5" applyFont="1" applyBorder="1" applyAlignment="1">
      <alignment horizontal="center" vertical="center" wrapText="1"/>
    </xf>
    <xf numFmtId="0" fontId="129" fillId="0" borderId="0" xfId="5" applyFont="1" applyAlignment="1">
      <alignment horizontal="center" vertical="center" wrapText="1"/>
    </xf>
    <xf numFmtId="0" fontId="129" fillId="0" borderId="3" xfId="5" applyFont="1" applyBorder="1" applyAlignment="1">
      <alignment horizontal="center" vertical="center" wrapText="1"/>
    </xf>
    <xf numFmtId="0" fontId="129" fillId="0" borderId="7" xfId="5" applyFont="1" applyBorder="1" applyAlignment="1">
      <alignment horizontal="center" vertical="center" wrapText="1"/>
    </xf>
    <xf numFmtId="0" fontId="129" fillId="0" borderId="4" xfId="5" applyFont="1" applyBorder="1" applyAlignment="1">
      <alignment horizontal="center" vertical="center" wrapText="1"/>
    </xf>
    <xf numFmtId="0" fontId="129" fillId="0" borderId="5" xfId="5" applyFont="1" applyBorder="1" applyAlignment="1">
      <alignment horizontal="center" vertical="center" wrapText="1"/>
    </xf>
    <xf numFmtId="0" fontId="129" fillId="0" borderId="1" xfId="5" applyFont="1" applyBorder="1" applyAlignment="1">
      <alignment horizontal="center" vertical="center" wrapText="1"/>
    </xf>
    <xf numFmtId="0" fontId="129" fillId="0" borderId="38" xfId="5" applyFont="1" applyBorder="1" applyAlignment="1">
      <alignment horizontal="center" vertical="center" wrapText="1"/>
    </xf>
    <xf numFmtId="0" fontId="127" fillId="0" borderId="1" xfId="5" applyFont="1" applyBorder="1" applyAlignment="1">
      <alignment horizontal="center" vertical="center" shrinkToFit="1"/>
    </xf>
    <xf numFmtId="0" fontId="127" fillId="0" borderId="38" xfId="5" applyFont="1" applyBorder="1" applyAlignment="1">
      <alignment horizontal="center" vertical="center" shrinkToFit="1"/>
    </xf>
    <xf numFmtId="0" fontId="127" fillId="0" borderId="27" xfId="5" applyFont="1" applyBorder="1" applyAlignment="1">
      <alignment horizontal="center" vertical="center" shrinkToFit="1"/>
    </xf>
    <xf numFmtId="0" fontId="127" fillId="0" borderId="13" xfId="5" applyFont="1" applyBorder="1" applyAlignment="1">
      <alignment horizontal="center" vertical="center" shrinkToFit="1"/>
    </xf>
    <xf numFmtId="0" fontId="127" fillId="0" borderId="14" xfId="5" applyFont="1" applyBorder="1" applyAlignment="1">
      <alignment horizontal="center" vertical="center" shrinkToFit="1"/>
    </xf>
    <xf numFmtId="0" fontId="127" fillId="0" borderId="41" xfId="5" applyFont="1" applyBorder="1" applyAlignment="1">
      <alignment horizontal="center" vertical="center" shrinkToFit="1"/>
    </xf>
    <xf numFmtId="0" fontId="127" fillId="0" borderId="15" xfId="5" applyFont="1" applyBorder="1" applyAlignment="1">
      <alignment horizontal="center" vertical="center" shrinkToFit="1"/>
    </xf>
    <xf numFmtId="0" fontId="127" fillId="0" borderId="16" xfId="5" applyFont="1" applyBorder="1" applyAlignment="1">
      <alignment horizontal="center" vertical="center" shrinkToFit="1"/>
    </xf>
    <xf numFmtId="0" fontId="127" fillId="0" borderId="39" xfId="5" applyFont="1" applyBorder="1" applyAlignment="1">
      <alignment horizontal="center" vertical="center" shrinkToFit="1"/>
    </xf>
    <xf numFmtId="0" fontId="127" fillId="0" borderId="28" xfId="5" applyFont="1" applyBorder="1" applyAlignment="1">
      <alignment horizontal="center" vertical="center" shrinkToFit="1"/>
    </xf>
    <xf numFmtId="0" fontId="131" fillId="0" borderId="0" xfId="5" applyFont="1" applyAlignment="1">
      <alignment horizontal="left" vertical="center" wrapText="1"/>
    </xf>
    <xf numFmtId="0" fontId="130" fillId="0" borderId="115" xfId="5" applyFont="1" applyBorder="1" applyAlignment="1">
      <alignment horizontal="center" vertical="center" wrapText="1" shrinkToFit="1"/>
    </xf>
    <xf numFmtId="0" fontId="130" fillId="0" borderId="45" xfId="5" applyFont="1" applyBorder="1" applyAlignment="1">
      <alignment horizontal="center" vertical="center" wrapText="1" shrinkToFit="1"/>
    </xf>
    <xf numFmtId="0" fontId="130" fillId="0" borderId="28" xfId="5" applyFont="1" applyBorder="1" applyAlignment="1">
      <alignment horizontal="center" vertical="center" wrapText="1" shrinkToFit="1"/>
    </xf>
    <xf numFmtId="0" fontId="130" fillId="0" borderId="16" xfId="5" applyFont="1" applyBorder="1" applyAlignment="1">
      <alignment horizontal="center" vertical="center" wrapText="1" shrinkToFit="1"/>
    </xf>
    <xf numFmtId="0" fontId="130" fillId="0" borderId="45" xfId="5" applyFont="1" applyBorder="1" applyAlignment="1">
      <alignment horizontal="center" vertical="center" shrinkToFit="1"/>
    </xf>
    <xf numFmtId="0" fontId="130" fillId="0" borderId="91" xfId="5" applyFont="1" applyBorder="1" applyAlignment="1">
      <alignment horizontal="center" vertical="center" shrinkToFit="1"/>
    </xf>
    <xf numFmtId="0" fontId="130" fillId="0" borderId="16" xfId="5" applyFont="1" applyBorder="1" applyAlignment="1">
      <alignment horizontal="center" vertical="center" shrinkToFit="1"/>
    </xf>
    <xf numFmtId="0" fontId="130" fillId="0" borderId="39" xfId="5" applyFont="1" applyBorder="1" applyAlignment="1">
      <alignment horizontal="center" vertical="center" shrinkToFit="1"/>
    </xf>
    <xf numFmtId="0" fontId="127" fillId="0" borderId="22" xfId="5" applyFont="1" applyBorder="1" applyAlignment="1">
      <alignment horizontal="center" vertical="center" wrapText="1"/>
    </xf>
    <xf numFmtId="0" fontId="127" fillId="0" borderId="32" xfId="5" applyFont="1" applyBorder="1" applyAlignment="1">
      <alignment horizontal="center" vertical="center" wrapText="1"/>
    </xf>
    <xf numFmtId="0" fontId="127" fillId="0" borderId="95" xfId="5" applyFont="1" applyBorder="1" applyAlignment="1">
      <alignment horizontal="center" vertical="center" wrapText="1"/>
    </xf>
    <xf numFmtId="0" fontId="127" fillId="0" borderId="61" xfId="5" applyFont="1" applyBorder="1" applyAlignment="1">
      <alignment horizontal="center" vertical="center" wrapText="1"/>
    </xf>
    <xf numFmtId="0" fontId="127" fillId="0" borderId="4" xfId="5" applyFont="1" applyBorder="1" applyAlignment="1">
      <alignment horizontal="center" vertical="center" wrapText="1"/>
    </xf>
    <xf numFmtId="0" fontId="127" fillId="0" borderId="5" xfId="5" applyFont="1" applyBorder="1" applyAlignment="1">
      <alignment horizontal="center" vertical="center" wrapText="1"/>
    </xf>
    <xf numFmtId="0" fontId="127" fillId="0" borderId="70" xfId="5" applyFont="1" applyBorder="1" applyAlignment="1">
      <alignment horizontal="center" vertical="center" wrapText="1"/>
    </xf>
    <xf numFmtId="0" fontId="127" fillId="0" borderId="72" xfId="5" applyFont="1" applyBorder="1" applyAlignment="1">
      <alignment horizontal="center" vertical="center" wrapText="1"/>
    </xf>
    <xf numFmtId="0" fontId="97" fillId="0" borderId="7" xfId="5" applyFont="1" applyBorder="1" applyAlignment="1">
      <alignment horizontal="center" vertical="center" wrapText="1"/>
    </xf>
    <xf numFmtId="0" fontId="97" fillId="0" borderId="4" xfId="5" applyFont="1" applyBorder="1" applyAlignment="1">
      <alignment horizontal="center" vertical="center" wrapText="1"/>
    </xf>
    <xf numFmtId="0" fontId="97" fillId="0" borderId="40" xfId="5" applyFont="1" applyBorder="1" applyAlignment="1">
      <alignment horizontal="center" vertical="center" wrapText="1"/>
    </xf>
    <xf numFmtId="0" fontId="127" fillId="0" borderId="152" xfId="5" applyFont="1" applyBorder="1" applyAlignment="1">
      <alignment horizontal="center" vertical="center" shrinkToFit="1"/>
    </xf>
    <xf numFmtId="0" fontId="127" fillId="0" borderId="30" xfId="5" applyFont="1" applyBorder="1" applyAlignment="1">
      <alignment horizontal="center" vertical="center" shrinkToFit="1"/>
    </xf>
    <xf numFmtId="0" fontId="127" fillId="0" borderId="31" xfId="5" applyFont="1" applyBorder="1" applyAlignment="1">
      <alignment horizontal="center" vertical="center" shrinkToFit="1"/>
    </xf>
    <xf numFmtId="0" fontId="127" fillId="0" borderId="30" xfId="5" applyFont="1" applyBorder="1" applyAlignment="1">
      <alignment horizontal="center" vertical="center" wrapText="1" shrinkToFit="1"/>
    </xf>
    <xf numFmtId="0" fontId="127" fillId="0" borderId="31" xfId="5" applyFont="1" applyBorder="1" applyAlignment="1">
      <alignment horizontal="center" vertical="center" wrapText="1" shrinkToFit="1"/>
    </xf>
    <xf numFmtId="0" fontId="127" fillId="0" borderId="94" xfId="5" applyFont="1" applyBorder="1" applyAlignment="1">
      <alignment horizontal="center" vertical="center" wrapText="1" shrinkToFit="1"/>
    </xf>
    <xf numFmtId="0" fontId="127" fillId="0" borderId="99" xfId="5" applyFont="1" applyBorder="1" applyAlignment="1">
      <alignment horizontal="center" vertical="center" wrapText="1" shrinkToFit="1"/>
    </xf>
    <xf numFmtId="0" fontId="131" fillId="0" borderId="32" xfId="5" applyFont="1" applyBorder="1" applyAlignment="1">
      <alignment horizontal="left" vertical="center" wrapText="1"/>
    </xf>
    <xf numFmtId="0" fontId="38" fillId="0" borderId="0" xfId="2" applyFont="1" applyAlignment="1">
      <alignment vertical="center"/>
    </xf>
    <xf numFmtId="0" fontId="38" fillId="0" borderId="0" xfId="2" applyFont="1" applyAlignment="1">
      <alignment vertical="center" wrapText="1"/>
    </xf>
    <xf numFmtId="0" fontId="38" fillId="0" borderId="0" xfId="2" applyFont="1" applyAlignment="1">
      <alignment horizontal="right" vertical="center"/>
    </xf>
    <xf numFmtId="0" fontId="64" fillId="0" borderId="13" xfId="2" applyFont="1" applyBorder="1" applyAlignment="1">
      <alignment horizontal="center" vertical="center"/>
    </xf>
    <xf numFmtId="0" fontId="64" fillId="0" borderId="14" xfId="2" applyFont="1" applyBorder="1" applyAlignment="1">
      <alignment horizontal="center" vertical="center"/>
    </xf>
    <xf numFmtId="0" fontId="64" fillId="0" borderId="15" xfId="2" applyFont="1" applyBorder="1" applyAlignment="1">
      <alignment horizontal="center" vertical="center"/>
    </xf>
    <xf numFmtId="0" fontId="38" fillId="0" borderId="8" xfId="2" applyFont="1" applyBorder="1" applyAlignment="1">
      <alignment horizontal="center" vertical="center"/>
    </xf>
    <xf numFmtId="0" fontId="38" fillId="0" borderId="9" xfId="2" applyFont="1" applyBorder="1" applyAlignment="1">
      <alignment horizontal="center" vertical="center"/>
    </xf>
    <xf numFmtId="0" fontId="38" fillId="0" borderId="12" xfId="2" applyFont="1" applyBorder="1" applyAlignment="1">
      <alignment vertical="center" wrapText="1"/>
    </xf>
    <xf numFmtId="0" fontId="38" fillId="0" borderId="10" xfId="2" applyFont="1" applyBorder="1" applyAlignment="1">
      <alignment vertical="center"/>
    </xf>
    <xf numFmtId="0" fontId="38" fillId="0" borderId="11" xfId="2" applyFont="1" applyBorder="1" applyAlignment="1">
      <alignment vertical="center"/>
    </xf>
    <xf numFmtId="0" fontId="38" fillId="0" borderId="13" xfId="2" applyFont="1" applyBorder="1" applyAlignment="1">
      <alignment horizontal="right" vertical="center" wrapText="1"/>
    </xf>
    <xf numFmtId="0" fontId="38" fillId="0" borderId="14" xfId="2" applyFont="1" applyBorder="1" applyAlignment="1">
      <alignment horizontal="right" vertical="center" wrapText="1"/>
    </xf>
    <xf numFmtId="0" fontId="38" fillId="0" borderId="15" xfId="2" applyFont="1" applyBorder="1" applyAlignment="1">
      <alignment horizontal="right" vertical="center" wrapText="1"/>
    </xf>
    <xf numFmtId="0" fontId="0" fillId="0" borderId="0" xfId="2" applyFont="1" applyFill="1" applyAlignment="1">
      <alignment horizontal="right" vertical="center"/>
    </xf>
    <xf numFmtId="0" fontId="5" fillId="0" borderId="0" xfId="2" applyFill="1" applyAlignment="1">
      <alignment horizontal="right" vertical="center"/>
    </xf>
    <xf numFmtId="0" fontId="7" fillId="0" borderId="0" xfId="2" applyFont="1" applyFill="1" applyBorder="1" applyAlignment="1">
      <alignment horizontal="center" vertical="center"/>
    </xf>
    <xf numFmtId="0" fontId="5" fillId="0" borderId="14" xfId="2" applyFill="1" applyBorder="1" applyAlignment="1">
      <alignment horizontal="center" vertical="center"/>
    </xf>
    <xf numFmtId="0" fontId="5" fillId="0" borderId="15" xfId="2" applyFill="1" applyBorder="1" applyAlignment="1">
      <alignment horizontal="center" vertical="center"/>
    </xf>
    <xf numFmtId="0" fontId="11" fillId="0" borderId="0" xfId="2" applyFont="1" applyFill="1" applyAlignment="1">
      <alignment horizontal="left" vertical="center" wrapText="1"/>
    </xf>
    <xf numFmtId="0" fontId="7" fillId="0" borderId="13" xfId="2" applyFont="1" applyFill="1" applyBorder="1" applyAlignment="1">
      <alignment vertical="center"/>
    </xf>
    <xf numFmtId="0" fontId="37" fillId="0" borderId="0" xfId="3" applyFont="1" applyAlignment="1">
      <alignment horizontal="left" vertical="center"/>
    </xf>
    <xf numFmtId="0" fontId="37" fillId="0" borderId="12" xfId="3" applyFont="1" applyBorder="1" applyAlignment="1">
      <alignment horizontal="center" vertical="center"/>
    </xf>
    <xf numFmtId="0" fontId="37" fillId="0" borderId="10" xfId="3" applyFont="1" applyBorder="1" applyAlignment="1">
      <alignment horizontal="center" vertical="center"/>
    </xf>
    <xf numFmtId="0" fontId="37" fillId="0" borderId="11" xfId="3" applyFont="1" applyBorder="1" applyAlignment="1">
      <alignment horizontal="center" vertical="center"/>
    </xf>
    <xf numFmtId="0" fontId="37" fillId="0" borderId="2" xfId="3" applyFont="1" applyBorder="1" applyAlignment="1">
      <alignment horizontal="left" vertical="center"/>
    </xf>
    <xf numFmtId="0" fontId="37" fillId="0" borderId="8" xfId="3" applyFont="1" applyBorder="1" applyAlignment="1">
      <alignment horizontal="left" vertical="center"/>
    </xf>
    <xf numFmtId="0" fontId="37" fillId="0" borderId="9" xfId="3" applyFont="1" applyBorder="1" applyAlignment="1">
      <alignment horizontal="left" vertical="center"/>
    </xf>
    <xf numFmtId="0" fontId="37" fillId="0" borderId="6" xfId="3" applyFont="1" applyBorder="1" applyAlignment="1">
      <alignment horizontal="left" vertical="center"/>
    </xf>
    <xf numFmtId="0" fontId="37" fillId="0" borderId="0" xfId="3" applyFont="1" applyBorder="1" applyAlignment="1">
      <alignment horizontal="left" vertical="center"/>
    </xf>
    <xf numFmtId="0" fontId="37" fillId="0" borderId="3" xfId="3" applyFont="1" applyBorder="1" applyAlignment="1">
      <alignment horizontal="left" vertical="center"/>
    </xf>
    <xf numFmtId="0" fontId="37" fillId="0" borderId="7" xfId="3" applyFont="1" applyBorder="1" applyAlignment="1">
      <alignment horizontal="left" vertical="center"/>
    </xf>
    <xf numFmtId="0" fontId="37" fillId="0" borderId="4" xfId="3" applyFont="1" applyBorder="1" applyAlignment="1">
      <alignment horizontal="left" vertical="center"/>
    </xf>
    <xf numFmtId="0" fontId="37" fillId="0" borderId="5" xfId="3" applyFont="1" applyBorder="1" applyAlignment="1">
      <alignment horizontal="left" vertical="center"/>
    </xf>
    <xf numFmtId="0" fontId="37" fillId="0" borderId="0" xfId="3" applyFont="1" applyFill="1" applyAlignment="1">
      <alignment horizontal="left" vertical="center"/>
    </xf>
    <xf numFmtId="0" fontId="37" fillId="0" borderId="12" xfId="3" applyFont="1" applyBorder="1" applyAlignment="1">
      <alignment vertical="center"/>
    </xf>
    <xf numFmtId="0" fontId="37" fillId="0" borderId="10" xfId="3" applyFont="1" applyBorder="1" applyAlignment="1">
      <alignment vertical="center"/>
    </xf>
    <xf numFmtId="0" fontId="37" fillId="0" borderId="11" xfId="3" applyFont="1" applyBorder="1" applyAlignment="1">
      <alignment vertical="center"/>
    </xf>
    <xf numFmtId="0" fontId="34" fillId="0" borderId="0" xfId="3" applyFont="1" applyAlignment="1">
      <alignment horizontal="right" vertical="center"/>
    </xf>
    <xf numFmtId="0" fontId="55" fillId="0" borderId="0" xfId="3" applyFont="1" applyBorder="1" applyAlignment="1">
      <alignment horizontal="center" vertical="center" wrapText="1"/>
    </xf>
    <xf numFmtId="0" fontId="55" fillId="0" borderId="0" xfId="3" applyFont="1" applyBorder="1" applyAlignment="1">
      <alignment horizontal="center" vertical="center"/>
    </xf>
    <xf numFmtId="0" fontId="55" fillId="0" borderId="13" xfId="3" applyFont="1" applyBorder="1" applyAlignment="1">
      <alignment vertical="center"/>
    </xf>
    <xf numFmtId="0" fontId="55" fillId="0" borderId="14" xfId="3" applyFont="1" applyBorder="1" applyAlignment="1">
      <alignment vertical="center"/>
    </xf>
    <xf numFmtId="0" fontId="55" fillId="0" borderId="15" xfId="3" applyFont="1" applyBorder="1" applyAlignment="1">
      <alignment vertical="center"/>
    </xf>
    <xf numFmtId="0" fontId="37" fillId="0" borderId="13" xfId="3" applyFont="1" applyBorder="1" applyAlignment="1">
      <alignment horizontal="left" vertical="center"/>
    </xf>
    <xf numFmtId="0" fontId="37" fillId="0" borderId="14" xfId="3" applyFont="1" applyBorder="1" applyAlignment="1">
      <alignment horizontal="left" vertical="center"/>
    </xf>
    <xf numFmtId="0" fontId="37" fillId="0" borderId="15" xfId="3" applyFont="1" applyBorder="1" applyAlignment="1">
      <alignment horizontal="left" vertical="center"/>
    </xf>
    <xf numFmtId="0" fontId="37" fillId="0" borderId="12" xfId="3" applyFont="1" applyBorder="1" applyAlignment="1">
      <alignment horizontal="left" vertical="center" wrapText="1"/>
    </xf>
    <xf numFmtId="0" fontId="37" fillId="0" borderId="10" xfId="3" applyFont="1" applyBorder="1" applyAlignment="1">
      <alignment horizontal="left" vertical="center" wrapText="1"/>
    </xf>
    <xf numFmtId="0" fontId="37" fillId="0" borderId="11" xfId="3" applyFont="1" applyBorder="1" applyAlignment="1">
      <alignment horizontal="left" vertical="center" wrapText="1"/>
    </xf>
    <xf numFmtId="0" fontId="37" fillId="0" borderId="2" xfId="3" applyFont="1" applyBorder="1" applyAlignment="1">
      <alignment horizontal="center" vertical="center" wrapText="1"/>
    </xf>
    <xf numFmtId="0" fontId="37" fillId="0" borderId="8" xfId="3" applyFont="1" applyBorder="1" applyAlignment="1">
      <alignment horizontal="center" vertical="center" wrapText="1"/>
    </xf>
    <xf numFmtId="0" fontId="37" fillId="0" borderId="9" xfId="3" applyFont="1" applyBorder="1" applyAlignment="1">
      <alignment horizontal="center" vertical="center" wrapText="1"/>
    </xf>
    <xf numFmtId="0" fontId="37" fillId="0" borderId="6" xfId="3" applyFont="1" applyBorder="1" applyAlignment="1">
      <alignment horizontal="center" vertical="center" wrapText="1"/>
    </xf>
    <xf numFmtId="0" fontId="37" fillId="0" borderId="0" xfId="3" applyFont="1" applyBorder="1" applyAlignment="1">
      <alignment horizontal="center" vertical="center" wrapText="1"/>
    </xf>
    <xf numFmtId="0" fontId="37" fillId="0" borderId="3" xfId="3" applyFont="1" applyBorder="1" applyAlignment="1">
      <alignment horizontal="center" vertical="center" wrapText="1"/>
    </xf>
    <xf numFmtId="0" fontId="37" fillId="0" borderId="7" xfId="3" applyFont="1" applyBorder="1" applyAlignment="1">
      <alignment horizontal="center" vertical="center" wrapText="1"/>
    </xf>
    <xf numFmtId="0" fontId="37" fillId="0" borderId="4" xfId="3" applyFont="1" applyBorder="1" applyAlignment="1">
      <alignment horizontal="center" vertical="center" wrapText="1"/>
    </xf>
    <xf numFmtId="0" fontId="37" fillId="0" borderId="5" xfId="3" applyFont="1" applyBorder="1" applyAlignment="1">
      <alignment horizontal="center" vertical="center" wrapText="1"/>
    </xf>
    <xf numFmtId="0" fontId="55" fillId="0" borderId="267" xfId="3" applyFont="1" applyBorder="1" applyAlignment="1">
      <alignment vertical="center"/>
    </xf>
    <xf numFmtId="0" fontId="55" fillId="0" borderId="271" xfId="3" applyFont="1" applyBorder="1" applyAlignment="1">
      <alignment vertical="center"/>
    </xf>
    <xf numFmtId="0" fontId="55" fillId="0" borderId="268" xfId="3" applyFont="1" applyBorder="1" applyAlignment="1">
      <alignment vertical="center"/>
    </xf>
    <xf numFmtId="0" fontId="37" fillId="0" borderId="267" xfId="3" applyFont="1" applyBorder="1" applyAlignment="1">
      <alignment horizontal="left" vertical="center"/>
    </xf>
    <xf numFmtId="0" fontId="37" fillId="0" borderId="271" xfId="3" applyFont="1" applyBorder="1" applyAlignment="1">
      <alignment horizontal="left" vertical="center"/>
    </xf>
    <xf numFmtId="0" fontId="37" fillId="0" borderId="268" xfId="3" applyFont="1" applyBorder="1" applyAlignment="1">
      <alignment horizontal="left" vertical="center"/>
    </xf>
    <xf numFmtId="0" fontId="37" fillId="0" borderId="267" xfId="3" applyFont="1" applyBorder="1" applyAlignment="1">
      <alignment horizontal="left" vertical="center" wrapText="1"/>
    </xf>
    <xf numFmtId="0" fontId="37" fillId="0" borderId="271" xfId="3" applyFont="1" applyBorder="1" applyAlignment="1">
      <alignment horizontal="left" vertical="center" wrapText="1"/>
    </xf>
    <xf numFmtId="0" fontId="37" fillId="0" borderId="268" xfId="3" applyFont="1" applyBorder="1" applyAlignment="1">
      <alignment horizontal="left" vertical="center" wrapText="1"/>
    </xf>
    <xf numFmtId="0" fontId="37" fillId="0" borderId="293" xfId="3" applyFont="1" applyBorder="1" applyAlignment="1">
      <alignment horizontal="left" vertical="center" wrapText="1"/>
    </xf>
    <xf numFmtId="0" fontId="37" fillId="0" borderId="273" xfId="3" applyFont="1" applyBorder="1" applyAlignment="1">
      <alignment horizontal="left" vertical="center" wrapText="1"/>
    </xf>
    <xf numFmtId="0" fontId="37" fillId="0" borderId="277" xfId="3" applyFont="1" applyBorder="1" applyAlignment="1">
      <alignment horizontal="left" vertical="center" wrapText="1"/>
    </xf>
    <xf numFmtId="0" fontId="37" fillId="0" borderId="293" xfId="3" applyFont="1" applyBorder="1" applyAlignment="1">
      <alignment horizontal="center" vertical="center" wrapText="1"/>
    </xf>
    <xf numFmtId="0" fontId="37" fillId="0" borderId="273" xfId="3" applyFont="1" applyBorder="1" applyAlignment="1">
      <alignment horizontal="center" vertical="center" wrapText="1"/>
    </xf>
    <xf numFmtId="0" fontId="37" fillId="0" borderId="277" xfId="3" applyFont="1" applyBorder="1" applyAlignment="1">
      <alignment horizontal="center" vertical="center" wrapText="1"/>
    </xf>
    <xf numFmtId="0" fontId="37" fillId="0" borderId="293" xfId="3" applyFont="1" applyBorder="1" applyAlignment="1">
      <alignment vertical="center"/>
    </xf>
    <xf numFmtId="0" fontId="37" fillId="0" borderId="273" xfId="3" applyFont="1" applyBorder="1" applyAlignment="1">
      <alignment vertical="center"/>
    </xf>
    <xf numFmtId="0" fontId="37" fillId="0" borderId="277" xfId="3" applyFont="1" applyBorder="1" applyAlignment="1">
      <alignment vertical="center"/>
    </xf>
    <xf numFmtId="0" fontId="37" fillId="0" borderId="293" xfId="3" applyFont="1" applyBorder="1" applyAlignment="1">
      <alignment horizontal="center" vertical="center"/>
    </xf>
    <xf numFmtId="0" fontId="37" fillId="0" borderId="273" xfId="3" applyFont="1" applyBorder="1" applyAlignment="1">
      <alignment horizontal="center" vertical="center"/>
    </xf>
    <xf numFmtId="0" fontId="37" fillId="0" borderId="277" xfId="3" applyFont="1" applyBorder="1" applyAlignment="1">
      <alignment horizontal="center" vertical="center"/>
    </xf>
    <xf numFmtId="0" fontId="37" fillId="0" borderId="0" xfId="3" applyFont="1" applyFill="1" applyAlignment="1">
      <alignment horizontal="left" vertical="center" wrapText="1"/>
    </xf>
    <xf numFmtId="0" fontId="37" fillId="0" borderId="12" xfId="3" applyFont="1" applyBorder="1" applyAlignment="1">
      <alignment horizontal="center" vertical="center" wrapText="1"/>
    </xf>
    <xf numFmtId="0" fontId="37" fillId="0" borderId="10" xfId="3" applyFont="1" applyBorder="1" applyAlignment="1">
      <alignment horizontal="center" vertical="center" wrapText="1"/>
    </xf>
    <xf numFmtId="0" fontId="37" fillId="0" borderId="11" xfId="3" applyFont="1" applyBorder="1" applyAlignment="1">
      <alignment horizontal="center" vertical="center" wrapText="1"/>
    </xf>
    <xf numFmtId="0" fontId="37" fillId="0" borderId="13" xfId="3" applyFont="1" applyBorder="1" applyAlignment="1">
      <alignment horizontal="left" vertical="center" wrapText="1"/>
    </xf>
    <xf numFmtId="0" fontId="37" fillId="0" borderId="14" xfId="3" applyFont="1" applyBorder="1" applyAlignment="1">
      <alignment horizontal="left" vertical="center" wrapText="1"/>
    </xf>
    <xf numFmtId="0" fontId="37" fillId="0" borderId="15" xfId="3" applyFont="1" applyBorder="1" applyAlignment="1">
      <alignment horizontal="left" vertical="center" wrapText="1"/>
    </xf>
    <xf numFmtId="0" fontId="38" fillId="0" borderId="10" xfId="2" applyFont="1" applyBorder="1" applyAlignment="1">
      <alignment horizontal="left" vertical="center" wrapText="1"/>
    </xf>
    <xf numFmtId="0" fontId="38" fillId="0" borderId="11" xfId="2" applyFont="1" applyBorder="1" applyAlignment="1">
      <alignment horizontal="left" vertical="center" wrapText="1"/>
    </xf>
    <xf numFmtId="0" fontId="38" fillId="0" borderId="14" xfId="2" applyFont="1" applyBorder="1" applyAlignment="1">
      <alignment horizontal="left" vertical="center" wrapText="1"/>
    </xf>
    <xf numFmtId="0" fontId="38" fillId="0" borderId="15" xfId="2" applyFont="1" applyBorder="1" applyAlignment="1">
      <alignment horizontal="left" vertical="center" wrapText="1"/>
    </xf>
    <xf numFmtId="0" fontId="38" fillId="0" borderId="12" xfId="2" applyFont="1" applyBorder="1" applyAlignment="1">
      <alignment horizontal="left" vertical="center" wrapText="1" indent="1"/>
    </xf>
    <xf numFmtId="0" fontId="38" fillId="0" borderId="11" xfId="2" applyFont="1" applyBorder="1" applyAlignment="1">
      <alignment horizontal="left" vertical="center" indent="1"/>
    </xf>
    <xf numFmtId="0" fontId="34" fillId="0" borderId="14" xfId="2" applyFont="1" applyBorder="1" applyAlignment="1">
      <alignment horizontal="left" vertical="center" wrapText="1"/>
    </xf>
    <xf numFmtId="0" fontId="34" fillId="0" borderId="0" xfId="3" applyFont="1" applyAlignment="1">
      <alignment vertical="center"/>
    </xf>
    <xf numFmtId="0" fontId="64" fillId="0" borderId="0" xfId="3" applyFont="1" applyBorder="1" applyAlignment="1">
      <alignment horizontal="center" vertical="center"/>
    </xf>
    <xf numFmtId="0" fontId="34" fillId="0" borderId="0" xfId="3" applyFont="1" applyAlignment="1">
      <alignment horizontal="center" vertical="center"/>
    </xf>
    <xf numFmtId="0" fontId="64" fillId="0" borderId="13" xfId="3" applyFont="1" applyBorder="1" applyAlignment="1">
      <alignment horizontal="center" vertical="center"/>
    </xf>
    <xf numFmtId="0" fontId="64" fillId="0" borderId="14" xfId="3" applyFont="1" applyBorder="1" applyAlignment="1">
      <alignment horizontal="center" vertical="center"/>
    </xf>
    <xf numFmtId="0" fontId="64" fillId="0" borderId="15" xfId="3" applyFont="1" applyBorder="1" applyAlignment="1">
      <alignment horizontal="center" vertical="center"/>
    </xf>
    <xf numFmtId="0" fontId="34" fillId="0" borderId="8" xfId="3" applyFont="1" applyBorder="1" applyAlignment="1">
      <alignment horizontal="center" vertical="center"/>
    </xf>
    <xf numFmtId="0" fontId="34" fillId="0" borderId="9" xfId="3" applyFont="1" applyBorder="1" applyAlignment="1">
      <alignment horizontal="center" vertical="center"/>
    </xf>
    <xf numFmtId="0" fontId="34" fillId="0" borderId="12" xfId="3" applyFont="1" applyBorder="1" applyAlignment="1">
      <alignment horizontal="left" vertical="center" wrapText="1"/>
    </xf>
    <xf numFmtId="0" fontId="34" fillId="0" borderId="11" xfId="3" applyFont="1" applyBorder="1" applyAlignment="1">
      <alignment horizontal="left" vertical="center" wrapText="1"/>
    </xf>
    <xf numFmtId="0" fontId="34" fillId="0" borderId="13" xfId="3" applyFont="1" applyBorder="1" applyAlignment="1">
      <alignment horizontal="left" vertical="center" wrapText="1"/>
    </xf>
    <xf numFmtId="0" fontId="34" fillId="0" borderId="14" xfId="3" applyFont="1" applyBorder="1" applyAlignment="1">
      <alignment horizontal="left" vertical="center" wrapText="1"/>
    </xf>
    <xf numFmtId="0" fontId="34" fillId="0" borderId="15" xfId="3" applyFont="1" applyBorder="1" applyAlignment="1">
      <alignment horizontal="left" vertical="center" wrapText="1"/>
    </xf>
    <xf numFmtId="0" fontId="34" fillId="0" borderId="14" xfId="3" applyFont="1" applyBorder="1" applyAlignment="1">
      <alignment horizontal="center" vertical="center"/>
    </xf>
    <xf numFmtId="0" fontId="34" fillId="0" borderId="15" xfId="3" applyFont="1" applyBorder="1" applyAlignment="1">
      <alignment horizontal="center" vertical="center"/>
    </xf>
    <xf numFmtId="0" fontId="34" fillId="0" borderId="2" xfId="3" applyFont="1" applyBorder="1" applyAlignment="1">
      <alignment horizontal="center" vertical="center"/>
    </xf>
    <xf numFmtId="0" fontId="34" fillId="0" borderId="7" xfId="3" applyFont="1" applyBorder="1" applyAlignment="1">
      <alignment horizontal="center" vertical="center"/>
    </xf>
    <xf numFmtId="0" fontId="34" fillId="0" borderId="5" xfId="3" applyFont="1" applyBorder="1" applyAlignment="1">
      <alignment horizontal="center" vertical="center"/>
    </xf>
    <xf numFmtId="0" fontId="34" fillId="0" borderId="166" xfId="3" applyFont="1" applyBorder="1" applyAlignment="1">
      <alignment horizontal="left" vertical="center" wrapText="1"/>
    </xf>
    <xf numFmtId="0" fontId="62" fillId="0" borderId="1" xfId="10" applyFont="1" applyBorder="1" applyAlignment="1">
      <alignment horizontal="center" vertical="center"/>
    </xf>
    <xf numFmtId="0" fontId="62" fillId="0" borderId="38" xfId="10" applyFont="1" applyBorder="1" applyAlignment="1">
      <alignment horizontal="center" vertical="center"/>
    </xf>
    <xf numFmtId="0" fontId="62" fillId="0" borderId="16" xfId="10" applyFont="1" applyBorder="1" applyAlignment="1">
      <alignment horizontal="center" vertical="center"/>
    </xf>
    <xf numFmtId="0" fontId="62" fillId="0" borderId="39" xfId="10" applyFont="1" applyBorder="1" applyAlignment="1">
      <alignment horizontal="center" vertical="center"/>
    </xf>
    <xf numFmtId="0" fontId="12" fillId="0" borderId="8" xfId="10" applyFont="1" applyBorder="1" applyAlignment="1">
      <alignment horizontal="left" vertical="center" wrapText="1"/>
    </xf>
    <xf numFmtId="0" fontId="62" fillId="0" borderId="115" xfId="10" applyFont="1" applyBorder="1" applyAlignment="1">
      <alignment horizontal="center" vertical="center"/>
    </xf>
    <xf numFmtId="0" fontId="62" fillId="0" borderId="45" xfId="10" applyFont="1" applyBorder="1" applyAlignment="1">
      <alignment horizontal="center" vertical="center"/>
    </xf>
    <xf numFmtId="0" fontId="62" fillId="0" borderId="91" xfId="10" applyFont="1" applyBorder="1" applyAlignment="1">
      <alignment horizontal="center" vertical="center"/>
    </xf>
    <xf numFmtId="0" fontId="62" fillId="0" borderId="27" xfId="10" applyFont="1" applyBorder="1" applyAlignment="1">
      <alignment horizontal="center" vertical="center"/>
    </xf>
    <xf numFmtId="0" fontId="63" fillId="0" borderId="115" xfId="10" applyFont="1" applyBorder="1" applyAlignment="1">
      <alignment horizontal="center" vertical="center"/>
    </xf>
    <xf numFmtId="0" fontId="63" fillId="0" borderId="45" xfId="10" applyFont="1" applyBorder="1" applyAlignment="1">
      <alignment horizontal="center" vertical="center"/>
    </xf>
    <xf numFmtId="0" fontId="63" fillId="0" borderId="28" xfId="10" applyFont="1" applyBorder="1" applyAlignment="1">
      <alignment horizontal="center" vertical="center"/>
    </xf>
    <xf numFmtId="0" fontId="63" fillId="0" borderId="16" xfId="10" applyFont="1" applyBorder="1" applyAlignment="1">
      <alignment horizontal="center" vertical="center"/>
    </xf>
    <xf numFmtId="0" fontId="62" fillId="0" borderId="116" xfId="10" applyFont="1" applyBorder="1" applyAlignment="1">
      <alignment horizontal="center" vertical="center"/>
    </xf>
    <xf numFmtId="0" fontId="62" fillId="0" borderId="172" xfId="10" applyFont="1" applyBorder="1" applyAlignment="1">
      <alignment horizontal="center" vertical="center"/>
    </xf>
    <xf numFmtId="0" fontId="62" fillId="0" borderId="0" xfId="10" applyFont="1" applyBorder="1" applyAlignment="1">
      <alignment horizontal="center" vertical="center"/>
    </xf>
    <xf numFmtId="0" fontId="62" fillId="0" borderId="142" xfId="10" applyFont="1" applyBorder="1" applyAlignment="1">
      <alignment horizontal="center" vertical="center"/>
    </xf>
    <xf numFmtId="0" fontId="62" fillId="0" borderId="32" xfId="10" applyFont="1" applyBorder="1" applyAlignment="1">
      <alignment horizontal="center" vertical="center"/>
    </xf>
    <xf numFmtId="0" fontId="62" fillId="0" borderId="95" xfId="10" applyFont="1" applyBorder="1" applyAlignment="1">
      <alignment horizontal="center" vertical="center"/>
    </xf>
    <xf numFmtId="0" fontId="62" fillId="0" borderId="86" xfId="10" applyFont="1" applyBorder="1" applyAlignment="1">
      <alignment horizontal="center" vertical="center"/>
    </xf>
    <xf numFmtId="0" fontId="62" fillId="0" borderId="87" xfId="10" applyFont="1" applyBorder="1" applyAlignment="1">
      <alignment horizontal="center" vertical="center"/>
    </xf>
    <xf numFmtId="0" fontId="62" fillId="0" borderId="85" xfId="10" applyFont="1" applyBorder="1" applyAlignment="1">
      <alignment horizontal="center" vertical="center"/>
    </xf>
    <xf numFmtId="181" fontId="62" fillId="0" borderId="27" xfId="10" applyNumberFormat="1" applyFont="1" applyBorder="1" applyAlignment="1">
      <alignment horizontal="center" vertical="center"/>
    </xf>
    <xf numFmtId="181" fontId="62" fillId="0" borderId="1" xfId="10" applyNumberFormat="1" applyFont="1" applyBorder="1" applyAlignment="1">
      <alignment horizontal="center" vertical="center"/>
    </xf>
    <xf numFmtId="181" fontId="62" fillId="0" borderId="28" xfId="10" applyNumberFormat="1" applyFont="1" applyBorder="1" applyAlignment="1">
      <alignment horizontal="center" vertical="center"/>
    </xf>
    <xf numFmtId="181" fontId="62" fillId="0" borderId="16" xfId="10" applyNumberFormat="1" applyFont="1" applyBorder="1" applyAlignment="1">
      <alignment horizontal="center" vertical="center"/>
    </xf>
    <xf numFmtId="0" fontId="36" fillId="0" borderId="1" xfId="10" applyFont="1" applyBorder="1" applyAlignment="1">
      <alignment horizontal="center" vertical="center"/>
    </xf>
    <xf numFmtId="0" fontId="36" fillId="0" borderId="12" xfId="10" applyFont="1" applyBorder="1" applyAlignment="1">
      <alignment horizontal="center" vertical="center"/>
    </xf>
    <xf numFmtId="0" fontId="58" fillId="0" borderId="2" xfId="10" applyFont="1" applyBorder="1" applyAlignment="1">
      <alignment horizontal="center" vertical="center"/>
    </xf>
    <xf numFmtId="0" fontId="58" fillId="0" borderId="8" xfId="10" applyFont="1" applyBorder="1" applyAlignment="1">
      <alignment horizontal="center" vertical="center"/>
    </xf>
    <xf numFmtId="0" fontId="58" fillId="0" borderId="9" xfId="10" applyFont="1" applyBorder="1" applyAlignment="1">
      <alignment horizontal="center" vertical="center"/>
    </xf>
    <xf numFmtId="0" fontId="58" fillId="0" borderId="7" xfId="10" applyFont="1" applyBorder="1" applyAlignment="1">
      <alignment horizontal="center" vertical="center"/>
    </xf>
    <xf numFmtId="0" fontId="58" fillId="0" borderId="4" xfId="10" applyFont="1" applyBorder="1" applyAlignment="1">
      <alignment horizontal="center" vertical="center"/>
    </xf>
    <xf numFmtId="0" fontId="58" fillId="0" borderId="5" xfId="10" applyFont="1" applyBorder="1" applyAlignment="1">
      <alignment horizontal="center" vertical="center"/>
    </xf>
    <xf numFmtId="0" fontId="58" fillId="0" borderId="12" xfId="10" applyFont="1" applyBorder="1" applyAlignment="1">
      <alignment horizontal="center" vertical="center"/>
    </xf>
    <xf numFmtId="0" fontId="58" fillId="0" borderId="11" xfId="10" applyFont="1" applyBorder="1" applyAlignment="1">
      <alignment horizontal="center" vertical="center"/>
    </xf>
    <xf numFmtId="0" fontId="36" fillId="0" borderId="1" xfId="10" applyFont="1" applyBorder="1" applyAlignment="1">
      <alignment horizontal="center" vertical="center" shrinkToFit="1"/>
    </xf>
    <xf numFmtId="0" fontId="36" fillId="0" borderId="2" xfId="10" applyFont="1" applyBorder="1" applyAlignment="1">
      <alignment horizontal="center" vertical="center"/>
    </xf>
    <xf numFmtId="0" fontId="36" fillId="0" borderId="8" xfId="10" applyFont="1" applyBorder="1" applyAlignment="1">
      <alignment horizontal="center" vertical="center"/>
    </xf>
    <xf numFmtId="0" fontId="36" fillId="0" borderId="9" xfId="10" applyFont="1" applyBorder="1" applyAlignment="1">
      <alignment horizontal="center" vertical="center"/>
    </xf>
    <xf numFmtId="0" fontId="47" fillId="0" borderId="7" xfId="10" applyFont="1" applyBorder="1" applyAlignment="1">
      <alignment horizontal="center" vertical="center"/>
    </xf>
    <xf numFmtId="0" fontId="47" fillId="0" borderId="4" xfId="10" applyFont="1" applyBorder="1" applyAlignment="1">
      <alignment horizontal="center" vertical="center"/>
    </xf>
    <xf numFmtId="0" fontId="47" fillId="0" borderId="5" xfId="10" applyFont="1" applyBorder="1" applyAlignment="1">
      <alignment horizontal="center" vertical="center"/>
    </xf>
    <xf numFmtId="0" fontId="58" fillId="0" borderId="0" xfId="10" applyFont="1" applyFill="1" applyBorder="1" applyAlignment="1">
      <alignment horizontal="center" vertical="center"/>
    </xf>
    <xf numFmtId="0" fontId="58" fillId="0" borderId="0" xfId="10" applyFont="1" applyBorder="1" applyAlignment="1">
      <alignment horizontal="left" vertical="center"/>
    </xf>
    <xf numFmtId="0" fontId="58" fillId="0" borderId="0" xfId="10" applyNumberFormat="1" applyFont="1" applyBorder="1" applyAlignment="1">
      <alignment horizontal="center" vertical="center"/>
    </xf>
    <xf numFmtId="0" fontId="58" fillId="0" borderId="2" xfId="10" applyFont="1" applyBorder="1" applyAlignment="1">
      <alignment horizontal="center" vertical="center" textRotation="255" shrinkToFit="1"/>
    </xf>
    <xf numFmtId="0" fontId="58" fillId="0" borderId="9" xfId="10" applyFont="1" applyBorder="1" applyAlignment="1">
      <alignment horizontal="center" vertical="center" textRotation="255" shrinkToFit="1"/>
    </xf>
    <xf numFmtId="0" fontId="58" fillId="0" borderId="6" xfId="10" applyFont="1" applyBorder="1" applyAlignment="1">
      <alignment horizontal="center" vertical="center" textRotation="255" shrinkToFit="1"/>
    </xf>
    <xf numFmtId="0" fontId="58" fillId="0" borderId="3" xfId="10" applyFont="1" applyBorder="1" applyAlignment="1">
      <alignment horizontal="center" vertical="center" textRotation="255" shrinkToFit="1"/>
    </xf>
    <xf numFmtId="0" fontId="58" fillId="0" borderId="7" xfId="10" applyFont="1" applyBorder="1" applyAlignment="1">
      <alignment horizontal="center" vertical="center" textRotation="255" shrinkToFit="1"/>
    </xf>
    <xf numFmtId="0" fontId="58" fillId="0" borderId="5" xfId="10" applyFont="1" applyBorder="1" applyAlignment="1">
      <alignment horizontal="center" vertical="center" textRotation="255" shrinkToFit="1"/>
    </xf>
    <xf numFmtId="0" fontId="58" fillId="0" borderId="1" xfId="10" applyFont="1" applyBorder="1" applyAlignment="1">
      <alignment horizontal="center" vertical="center"/>
    </xf>
    <xf numFmtId="0" fontId="58" fillId="0" borderId="0" xfId="10" applyFont="1" applyBorder="1" applyAlignment="1">
      <alignment horizontal="center" vertical="center"/>
    </xf>
    <xf numFmtId="0" fontId="58" fillId="0" borderId="0" xfId="10" applyFont="1" applyAlignment="1">
      <alignment horizontal="right" vertical="center"/>
    </xf>
    <xf numFmtId="0" fontId="58" fillId="0" borderId="0" xfId="10" applyFont="1" applyAlignment="1">
      <alignment horizontal="center" vertical="center"/>
    </xf>
    <xf numFmtId="0" fontId="59" fillId="0" borderId="0" xfId="10" applyFont="1" applyAlignment="1">
      <alignment horizontal="center" vertical="center" wrapText="1"/>
    </xf>
    <xf numFmtId="0" fontId="59" fillId="0" borderId="0" xfId="10" applyFont="1" applyAlignment="1">
      <alignment horizontal="center" vertical="center"/>
    </xf>
    <xf numFmtId="0" fontId="58" fillId="0" borderId="13" xfId="10" applyFont="1" applyBorder="1" applyAlignment="1">
      <alignment horizontal="center" vertical="center"/>
    </xf>
    <xf numFmtId="0" fontId="58" fillId="0" borderId="14" xfId="10" applyFont="1" applyBorder="1" applyAlignment="1">
      <alignment horizontal="center" vertical="center"/>
    </xf>
    <xf numFmtId="0" fontId="58" fillId="0" borderId="15" xfId="10" applyFont="1" applyBorder="1" applyAlignment="1">
      <alignment horizontal="center" vertical="center"/>
    </xf>
    <xf numFmtId="0" fontId="58" fillId="0" borderId="2" xfId="10" applyFont="1" applyBorder="1" applyAlignment="1">
      <alignment horizontal="center" vertical="center" textRotation="255" wrapText="1"/>
    </xf>
    <xf numFmtId="0" fontId="58" fillId="0" borderId="9" xfId="10" applyFont="1" applyBorder="1" applyAlignment="1">
      <alignment horizontal="center" vertical="center" textRotation="255" wrapText="1"/>
    </xf>
    <xf numFmtId="0" fontId="58" fillId="0" borderId="6" xfId="10" applyFont="1" applyBorder="1" applyAlignment="1">
      <alignment horizontal="center" vertical="center" textRotation="255" wrapText="1"/>
    </xf>
    <xf numFmtId="0" fontId="58" fillId="0" borderId="3" xfId="10" applyFont="1" applyBorder="1" applyAlignment="1">
      <alignment horizontal="center" vertical="center" textRotation="255" wrapText="1"/>
    </xf>
    <xf numFmtId="0" fontId="58" fillId="0" borderId="7" xfId="10" applyFont="1" applyBorder="1" applyAlignment="1">
      <alignment horizontal="center" vertical="center" textRotation="255" wrapText="1"/>
    </xf>
    <xf numFmtId="0" fontId="58" fillId="0" borderId="5" xfId="10" applyFont="1" applyBorder="1" applyAlignment="1">
      <alignment horizontal="center" vertical="center" textRotation="255" wrapText="1"/>
    </xf>
    <xf numFmtId="0" fontId="58" fillId="0" borderId="2" xfId="10" applyNumberFormat="1" applyFont="1" applyBorder="1" applyAlignment="1">
      <alignment horizontal="center" vertical="center" textRotation="255" wrapText="1"/>
    </xf>
    <xf numFmtId="0" fontId="58" fillId="0" borderId="9" xfId="10" applyNumberFormat="1" applyFont="1" applyBorder="1" applyAlignment="1">
      <alignment horizontal="center" vertical="center" textRotation="255" wrapText="1"/>
    </xf>
    <xf numFmtId="0" fontId="58" fillId="0" borderId="6" xfId="10" applyNumberFormat="1" applyFont="1" applyBorder="1" applyAlignment="1">
      <alignment horizontal="center" vertical="center" textRotation="255" wrapText="1"/>
    </xf>
    <xf numFmtId="0" fontId="58" fillId="0" borderId="3" xfId="10" applyNumberFormat="1" applyFont="1" applyBorder="1" applyAlignment="1">
      <alignment horizontal="center" vertical="center" textRotation="255" wrapText="1"/>
    </xf>
    <xf numFmtId="0" fontId="58" fillId="0" borderId="7" xfId="10" applyNumberFormat="1" applyFont="1" applyBorder="1" applyAlignment="1">
      <alignment horizontal="center" vertical="center" textRotation="255" wrapText="1"/>
    </xf>
    <xf numFmtId="0" fontId="58" fillId="0" borderId="5" xfId="10" applyNumberFormat="1" applyFont="1" applyBorder="1" applyAlignment="1">
      <alignment horizontal="center" vertical="center" textRotation="255" wrapText="1"/>
    </xf>
    <xf numFmtId="0" fontId="47" fillId="0" borderId="0" xfId="10" applyFont="1" applyBorder="1" applyAlignment="1">
      <alignment horizontal="left" vertical="center" wrapText="1"/>
    </xf>
    <xf numFmtId="9" fontId="58" fillId="0" borderId="0" xfId="10" applyNumberFormat="1" applyFont="1" applyBorder="1" applyAlignment="1">
      <alignment horizontal="center" vertical="center"/>
    </xf>
    <xf numFmtId="0" fontId="36" fillId="0" borderId="13" xfId="10" applyFont="1" applyFill="1" applyBorder="1" applyAlignment="1">
      <alignment horizontal="center" vertical="center"/>
    </xf>
    <xf numFmtId="0" fontId="36" fillId="0" borderId="14" xfId="10" applyFont="1" applyFill="1" applyBorder="1" applyAlignment="1">
      <alignment horizontal="center" vertical="center"/>
    </xf>
    <xf numFmtId="58" fontId="36" fillId="0" borderId="77" xfId="10" applyNumberFormat="1" applyFont="1" applyFill="1" applyBorder="1" applyAlignment="1">
      <alignment horizontal="center" vertical="center"/>
    </xf>
    <xf numFmtId="58" fontId="36" fillId="0" borderId="41" xfId="10" applyNumberFormat="1" applyFont="1" applyFill="1" applyBorder="1" applyAlignment="1">
      <alignment horizontal="center" vertical="center"/>
    </xf>
    <xf numFmtId="0" fontId="36" fillId="0" borderId="13" xfId="10" applyFont="1" applyBorder="1" applyAlignment="1">
      <alignment horizontal="center" vertical="center"/>
    </xf>
    <xf numFmtId="0" fontId="47" fillId="0" borderId="69" xfId="10" applyFont="1" applyBorder="1" applyAlignment="1">
      <alignment horizontal="center" vertical="center" wrapText="1"/>
    </xf>
    <xf numFmtId="0" fontId="47" fillId="0" borderId="72" xfId="10" applyFont="1" applyBorder="1" applyAlignment="1">
      <alignment horizontal="center" vertical="center"/>
    </xf>
    <xf numFmtId="0" fontId="36" fillId="0" borderId="1" xfId="10" applyFont="1" applyFill="1" applyBorder="1" applyAlignment="1">
      <alignment horizontal="center" vertical="center"/>
    </xf>
    <xf numFmtId="58" fontId="36" fillId="0" borderId="2" xfId="10" applyNumberFormat="1" applyFont="1" applyFill="1" applyBorder="1" applyAlignment="1">
      <alignment horizontal="center" vertical="center"/>
    </xf>
    <xf numFmtId="0" fontId="36" fillId="0" borderId="9" xfId="10" applyFont="1" applyFill="1" applyBorder="1" applyAlignment="1">
      <alignment horizontal="center" vertical="center"/>
    </xf>
    <xf numFmtId="0" fontId="36" fillId="0" borderId="41" xfId="10" applyFont="1" applyFill="1" applyBorder="1" applyAlignment="1">
      <alignment horizontal="center" vertical="center"/>
    </xf>
    <xf numFmtId="0" fontId="47" fillId="0" borderId="1" xfId="10" applyFont="1" applyBorder="1" applyAlignment="1">
      <alignment horizontal="center" vertical="center" wrapText="1"/>
    </xf>
    <xf numFmtId="0" fontId="60" fillId="0" borderId="1" xfId="10" applyFont="1" applyBorder="1" applyAlignment="1">
      <alignment horizontal="center" vertical="center"/>
    </xf>
    <xf numFmtId="0" fontId="36" fillId="0" borderId="15" xfId="10" applyFont="1" applyFill="1" applyBorder="1" applyAlignment="1">
      <alignment horizontal="center" vertical="center"/>
    </xf>
    <xf numFmtId="58" fontId="36" fillId="0" borderId="13" xfId="10" applyNumberFormat="1" applyFont="1" applyFill="1" applyBorder="1" applyAlignment="1">
      <alignment horizontal="center" vertical="center"/>
    </xf>
    <xf numFmtId="58" fontId="36" fillId="0" borderId="15" xfId="10" applyNumberFormat="1" applyFont="1" applyFill="1" applyBorder="1" applyAlignment="1">
      <alignment horizontal="center" vertical="center"/>
    </xf>
    <xf numFmtId="0" fontId="36" fillId="0" borderId="27" xfId="10" applyFont="1" applyFill="1" applyBorder="1" applyAlignment="1">
      <alignment horizontal="center" vertical="center"/>
    </xf>
    <xf numFmtId="0" fontId="36" fillId="0" borderId="38" xfId="10" applyFont="1" applyFill="1" applyBorder="1" applyAlignment="1">
      <alignment horizontal="center" vertical="center"/>
    </xf>
    <xf numFmtId="0" fontId="36" fillId="0" borderId="77" xfId="10" applyFont="1" applyFill="1" applyBorder="1" applyAlignment="1">
      <alignment horizontal="center" vertical="center"/>
    </xf>
    <xf numFmtId="0" fontId="36" fillId="0" borderId="60" xfId="10" applyFont="1" applyFill="1" applyBorder="1" applyAlignment="1">
      <alignment horizontal="center" vertical="center"/>
    </xf>
    <xf numFmtId="0" fontId="36" fillId="0" borderId="78" xfId="10" applyFont="1" applyFill="1" applyBorder="1" applyAlignment="1">
      <alignment horizontal="center" vertical="center"/>
    </xf>
    <xf numFmtId="0" fontId="36" fillId="0" borderId="15" xfId="10" applyNumberFormat="1" applyFont="1" applyFill="1" applyBorder="1" applyAlignment="1">
      <alignment horizontal="center" vertical="center"/>
    </xf>
    <xf numFmtId="58" fontId="36" fillId="0" borderId="1" xfId="10" applyNumberFormat="1" applyFont="1" applyFill="1" applyBorder="1" applyAlignment="1">
      <alignment horizontal="center" vertical="center"/>
    </xf>
    <xf numFmtId="58" fontId="36" fillId="0" borderId="1" xfId="10" applyNumberFormat="1" applyFont="1" applyFill="1" applyBorder="1" applyAlignment="1">
      <alignment horizontal="left" vertical="center"/>
    </xf>
    <xf numFmtId="0" fontId="36" fillId="0" borderId="1" xfId="10" applyFont="1" applyFill="1" applyBorder="1" applyAlignment="1">
      <alignment horizontal="left" vertical="center"/>
    </xf>
    <xf numFmtId="58" fontId="36" fillId="0" borderId="61" xfId="10" applyNumberFormat="1" applyFont="1" applyFill="1" applyBorder="1" applyAlignment="1">
      <alignment horizontal="center" vertical="center"/>
    </xf>
    <xf numFmtId="0" fontId="36" fillId="0" borderId="40" xfId="10" applyFont="1" applyFill="1" applyBorder="1" applyAlignment="1">
      <alignment horizontal="center" vertical="center"/>
    </xf>
    <xf numFmtId="58" fontId="36" fillId="0" borderId="152" xfId="10" applyNumberFormat="1" applyFont="1" applyFill="1" applyBorder="1" applyAlignment="1">
      <alignment horizontal="center" vertical="center"/>
    </xf>
    <xf numFmtId="0" fontId="36" fillId="0" borderId="99" xfId="10" applyFont="1" applyFill="1" applyBorder="1" applyAlignment="1">
      <alignment horizontal="center" vertical="center"/>
    </xf>
    <xf numFmtId="0" fontId="12" fillId="0" borderId="0" xfId="10" applyFont="1" applyAlignment="1">
      <alignment horizontal="left" vertical="center" wrapText="1"/>
    </xf>
    <xf numFmtId="0" fontId="12" fillId="0" borderId="0" xfId="10" applyFont="1" applyAlignment="1">
      <alignment horizontal="left" vertical="center"/>
    </xf>
    <xf numFmtId="0" fontId="58" fillId="0" borderId="0" xfId="10" applyFont="1" applyAlignment="1">
      <alignment horizontal="left" vertical="center"/>
    </xf>
    <xf numFmtId="0" fontId="62" fillId="0" borderId="28" xfId="10" applyFont="1" applyBorder="1" applyAlignment="1">
      <alignment horizontal="center" vertical="center"/>
    </xf>
    <xf numFmtId="0" fontId="36" fillId="0" borderId="69" xfId="10" applyFont="1" applyBorder="1" applyAlignment="1">
      <alignment horizontal="center" vertical="center" wrapText="1"/>
    </xf>
    <xf numFmtId="0" fontId="36" fillId="0" borderId="72" xfId="10" applyFont="1" applyBorder="1" applyAlignment="1">
      <alignment horizontal="center" vertical="center"/>
    </xf>
    <xf numFmtId="0" fontId="36" fillId="0" borderId="1" xfId="10" applyFont="1" applyBorder="1" applyAlignment="1">
      <alignment horizontal="center" vertical="center" wrapText="1"/>
    </xf>
    <xf numFmtId="0" fontId="36" fillId="0" borderId="13" xfId="10" applyFont="1" applyBorder="1" applyAlignment="1">
      <alignment horizontal="center" vertical="center" textRotation="255" wrapText="1" shrinkToFit="1"/>
    </xf>
    <xf numFmtId="0" fontId="36" fillId="0" borderId="15" xfId="10" applyFont="1" applyBorder="1" applyAlignment="1">
      <alignment horizontal="center" vertical="center" textRotation="255" wrapText="1" shrinkToFit="1"/>
    </xf>
    <xf numFmtId="0" fontId="36" fillId="0" borderId="7" xfId="10" applyFont="1" applyBorder="1" applyAlignment="1">
      <alignment horizontal="center" vertical="center" textRotation="255" shrinkToFit="1"/>
    </xf>
    <xf numFmtId="0" fontId="36" fillId="0" borderId="5" xfId="10" applyFont="1" applyBorder="1" applyAlignment="1">
      <alignment horizontal="center" vertical="center" textRotation="255" shrinkToFit="1"/>
    </xf>
    <xf numFmtId="0" fontId="36" fillId="0" borderId="13" xfId="10" applyFont="1" applyBorder="1" applyAlignment="1">
      <alignment horizontal="center" vertical="center" textRotation="255" shrinkToFit="1"/>
    </xf>
    <xf numFmtId="0" fontId="36" fillId="0" borderId="15" xfId="10" applyFont="1" applyBorder="1" applyAlignment="1">
      <alignment horizontal="center" vertical="center" textRotation="255" shrinkToFit="1"/>
    </xf>
    <xf numFmtId="0" fontId="58" fillId="0" borderId="2" xfId="10" applyFont="1" applyBorder="1" applyAlignment="1">
      <alignment horizontal="center" vertical="center" wrapText="1"/>
    </xf>
    <xf numFmtId="0" fontId="58" fillId="0" borderId="8" xfId="10" applyFont="1" applyBorder="1" applyAlignment="1">
      <alignment horizontal="center" vertical="center" wrapText="1"/>
    </xf>
    <xf numFmtId="0" fontId="58" fillId="0" borderId="9" xfId="10" applyFont="1" applyBorder="1" applyAlignment="1">
      <alignment horizontal="center" vertical="center" wrapText="1"/>
    </xf>
    <xf numFmtId="0" fontId="58" fillId="0" borderId="6" xfId="10" applyFont="1" applyBorder="1" applyAlignment="1">
      <alignment horizontal="center" vertical="center" wrapText="1"/>
    </xf>
    <xf numFmtId="0" fontId="58" fillId="0" borderId="0" xfId="10" applyFont="1" applyBorder="1" applyAlignment="1">
      <alignment horizontal="center" vertical="center" wrapText="1"/>
    </xf>
    <xf numFmtId="0" fontId="58" fillId="0" borderId="3" xfId="10" applyFont="1" applyBorder="1" applyAlignment="1">
      <alignment horizontal="center" vertical="center" wrapText="1"/>
    </xf>
    <xf numFmtId="0" fontId="58" fillId="0" borderId="7" xfId="10" applyFont="1" applyBorder="1" applyAlignment="1">
      <alignment horizontal="center" vertical="center" wrapText="1"/>
    </xf>
    <xf numFmtId="0" fontId="58" fillId="0" borderId="4" xfId="10" applyFont="1" applyBorder="1" applyAlignment="1">
      <alignment horizontal="center" vertical="center" wrapText="1"/>
    </xf>
    <xf numFmtId="0" fontId="58" fillId="0" borderId="5" xfId="10" applyFont="1" applyBorder="1" applyAlignment="1">
      <alignment horizontal="center" vertical="center" wrapText="1"/>
    </xf>
    <xf numFmtId="0" fontId="58" fillId="0" borderId="2" xfId="10" applyNumberFormat="1" applyFont="1" applyBorder="1" applyAlignment="1">
      <alignment horizontal="center" vertical="center" wrapText="1"/>
    </xf>
    <xf numFmtId="0" fontId="58" fillId="0" borderId="8" xfId="10" applyNumberFormat="1" applyFont="1" applyBorder="1" applyAlignment="1">
      <alignment horizontal="center" vertical="center" wrapText="1"/>
    </xf>
    <xf numFmtId="0" fontId="58" fillId="0" borderId="9" xfId="10" applyNumberFormat="1" applyFont="1" applyBorder="1" applyAlignment="1">
      <alignment horizontal="center" vertical="center" wrapText="1"/>
    </xf>
    <xf numFmtId="0" fontId="58" fillId="0" borderId="6" xfId="10" applyNumberFormat="1" applyFont="1" applyBorder="1" applyAlignment="1">
      <alignment horizontal="center" vertical="center" wrapText="1"/>
    </xf>
    <xf numFmtId="0" fontId="58" fillId="0" borderId="0" xfId="10" applyNumberFormat="1" applyFont="1" applyBorder="1" applyAlignment="1">
      <alignment horizontal="center" vertical="center" wrapText="1"/>
    </xf>
    <xf numFmtId="0" fontId="58" fillId="0" borderId="3" xfId="10" applyNumberFormat="1" applyFont="1" applyBorder="1" applyAlignment="1">
      <alignment horizontal="center" vertical="center" wrapText="1"/>
    </xf>
    <xf numFmtId="0" fontId="58" fillId="0" borderId="7" xfId="10" applyNumberFormat="1" applyFont="1" applyBorder="1" applyAlignment="1">
      <alignment horizontal="center" vertical="center" wrapText="1"/>
    </xf>
    <xf numFmtId="0" fontId="58" fillId="0" borderId="4" xfId="10" applyNumberFormat="1" applyFont="1" applyBorder="1" applyAlignment="1">
      <alignment horizontal="center" vertical="center" wrapText="1"/>
    </xf>
    <xf numFmtId="0" fontId="58" fillId="0" borderId="5" xfId="10" applyNumberFormat="1" applyFont="1" applyBorder="1" applyAlignment="1">
      <alignment horizontal="center" vertical="center" wrapText="1"/>
    </xf>
    <xf numFmtId="0" fontId="141" fillId="0" borderId="150" xfId="15" applyFont="1" applyBorder="1" applyAlignment="1" applyProtection="1">
      <alignment horizontal="center" vertical="center" wrapText="1"/>
      <protection locked="0"/>
    </xf>
    <xf numFmtId="0" fontId="141" fillId="0" borderId="8" xfId="15" applyFont="1" applyBorder="1" applyAlignment="1" applyProtection="1">
      <alignment horizontal="center" vertical="center" wrapText="1"/>
      <protection locked="0"/>
    </xf>
    <xf numFmtId="0" fontId="141" fillId="0" borderId="175" xfId="15" applyFont="1" applyBorder="1" applyAlignment="1" applyProtection="1">
      <alignment horizontal="center" vertical="center" wrapText="1"/>
      <protection locked="0"/>
    </xf>
    <xf numFmtId="0" fontId="141" fillId="0" borderId="0" xfId="15" applyFont="1" applyBorder="1" applyAlignment="1" applyProtection="1">
      <alignment horizontal="center" vertical="center" wrapText="1"/>
      <protection locked="0"/>
    </xf>
    <xf numFmtId="0" fontId="141" fillId="0" borderId="174" xfId="15" applyFont="1" applyBorder="1" applyAlignment="1" applyProtection="1">
      <alignment horizontal="center" vertical="center" wrapText="1"/>
      <protection locked="0"/>
    </xf>
    <xf numFmtId="0" fontId="141" fillId="0" borderId="74" xfId="15" applyFont="1" applyBorder="1" applyAlignment="1" applyProtection="1">
      <alignment horizontal="center" vertical="center" wrapText="1"/>
      <protection locked="0"/>
    </xf>
    <xf numFmtId="0" fontId="75" fillId="0" borderId="8" xfId="15" applyFont="1" applyBorder="1" applyAlignment="1" applyProtection="1">
      <alignment horizontal="center" wrapText="1"/>
      <protection locked="0"/>
    </xf>
    <xf numFmtId="0" fontId="75" fillId="0" borderId="21" xfId="15" applyFont="1" applyBorder="1" applyAlignment="1" applyProtection="1">
      <alignment horizontal="center" wrapText="1"/>
      <protection locked="0"/>
    </xf>
    <xf numFmtId="0" fontId="75" fillId="0" borderId="0" xfId="15" applyFont="1" applyBorder="1" applyAlignment="1" applyProtection="1">
      <alignment horizontal="center" wrapText="1"/>
      <protection locked="0"/>
    </xf>
    <xf numFmtId="0" fontId="75" fillId="0" borderId="20" xfId="15" applyFont="1" applyBorder="1" applyAlignment="1" applyProtection="1">
      <alignment horizontal="center" wrapText="1"/>
      <protection locked="0"/>
    </xf>
    <xf numFmtId="0" fontId="75" fillId="0" borderId="74" xfId="15" applyFont="1" applyBorder="1" applyAlignment="1" applyProtection="1">
      <alignment horizontal="center" wrapText="1"/>
      <protection locked="0"/>
    </xf>
    <xf numFmtId="0" fontId="75" fillId="0" borderId="145" xfId="15" applyFont="1" applyBorder="1" applyAlignment="1" applyProtection="1">
      <alignment horizontal="center" wrapText="1"/>
      <protection locked="0"/>
    </xf>
    <xf numFmtId="0" fontId="77" fillId="5" borderId="275" xfId="15" applyFont="1" applyFill="1" applyBorder="1" applyAlignment="1" applyProtection="1">
      <alignment horizontal="center" vertical="center" wrapText="1"/>
      <protection locked="0"/>
    </xf>
    <xf numFmtId="0" fontId="77" fillId="5" borderId="276" xfId="15" applyFont="1" applyFill="1" applyBorder="1" applyAlignment="1" applyProtection="1">
      <alignment horizontal="center" vertical="center" wrapText="1"/>
      <protection locked="0"/>
    </xf>
    <xf numFmtId="0" fontId="78" fillId="0" borderId="275" xfId="15" applyFont="1" applyBorder="1" applyAlignment="1" applyProtection="1">
      <alignment horizontal="left" vertical="center"/>
      <protection locked="0"/>
    </xf>
    <xf numFmtId="0" fontId="78" fillId="0" borderId="269" xfId="15" applyFont="1" applyBorder="1" applyAlignment="1" applyProtection="1">
      <alignment horizontal="left" vertical="center"/>
      <protection locked="0"/>
    </xf>
    <xf numFmtId="0" fontId="78" fillId="0" borderId="276" xfId="15" applyFont="1" applyBorder="1" applyAlignment="1" applyProtection="1">
      <alignment horizontal="left" vertical="center"/>
      <protection locked="0"/>
    </xf>
    <xf numFmtId="0" fontId="73" fillId="0" borderId="270" xfId="15" applyFont="1" applyBorder="1" applyAlignment="1" applyProtection="1">
      <alignment horizontal="left" vertical="center"/>
      <protection locked="0"/>
    </xf>
    <xf numFmtId="0" fontId="73" fillId="4" borderId="270" xfId="15" applyFont="1" applyFill="1" applyBorder="1" applyAlignment="1" applyProtection="1">
      <alignment horizontal="center" vertical="center"/>
      <protection locked="0"/>
    </xf>
    <xf numFmtId="0" fontId="73" fillId="5" borderId="267" xfId="15" applyFont="1" applyFill="1" applyBorder="1" applyAlignment="1" applyProtection="1">
      <alignment horizontal="center" vertical="center"/>
      <protection locked="0"/>
    </xf>
    <xf numFmtId="0" fontId="73" fillId="5" borderId="268" xfId="15" applyFont="1" applyFill="1" applyBorder="1" applyAlignment="1" applyProtection="1">
      <alignment horizontal="center" vertical="center"/>
      <protection locked="0"/>
    </xf>
    <xf numFmtId="0" fontId="79" fillId="6" borderId="267" xfId="15" applyFont="1" applyFill="1" applyBorder="1" applyAlignment="1" applyProtection="1">
      <alignment horizontal="center" vertical="center"/>
      <protection locked="0"/>
    </xf>
    <xf numFmtId="0" fontId="79" fillId="6" borderId="271" xfId="15" applyFont="1" applyFill="1" applyBorder="1" applyAlignment="1" applyProtection="1">
      <alignment horizontal="center" vertical="center"/>
      <protection locked="0"/>
    </xf>
    <xf numFmtId="0" fontId="79" fillId="6" borderId="268" xfId="15" applyFont="1" applyFill="1" applyBorder="1" applyAlignment="1" applyProtection="1">
      <alignment horizontal="center" vertical="center"/>
      <protection locked="0"/>
    </xf>
    <xf numFmtId="0" fontId="73" fillId="0" borderId="2" xfId="15" applyFont="1" applyBorder="1" applyAlignment="1" applyProtection="1">
      <alignment horizontal="left" vertical="center" wrapText="1"/>
      <protection locked="0"/>
    </xf>
    <xf numFmtId="0" fontId="73" fillId="0" borderId="8" xfId="15" applyFont="1" applyBorder="1" applyAlignment="1" applyProtection="1">
      <alignment horizontal="left" vertical="center" wrapText="1"/>
      <protection locked="0"/>
    </xf>
    <xf numFmtId="0" fontId="73" fillId="0" borderId="9" xfId="15" applyFont="1" applyBorder="1" applyAlignment="1" applyProtection="1">
      <alignment horizontal="left" vertical="center" wrapText="1"/>
      <protection locked="0"/>
    </xf>
    <xf numFmtId="0" fontId="73" fillId="0" borderId="272" xfId="15" applyFont="1" applyBorder="1" applyAlignment="1" applyProtection="1">
      <alignment horizontal="left" vertical="center" wrapText="1"/>
      <protection locked="0"/>
    </xf>
    <xf numFmtId="0" fontId="73" fillId="0" borderId="0" xfId="15" applyFont="1" applyBorder="1" applyAlignment="1" applyProtection="1">
      <alignment horizontal="left" vertical="center" wrapText="1"/>
      <protection locked="0"/>
    </xf>
    <xf numFmtId="0" fontId="73" fillId="0" borderId="3" xfId="15" applyFont="1" applyBorder="1" applyAlignment="1" applyProtection="1">
      <alignment horizontal="left" vertical="center" wrapText="1"/>
      <protection locked="0"/>
    </xf>
    <xf numFmtId="0" fontId="73" fillId="0" borderId="275" xfId="15" applyFont="1" applyBorder="1" applyAlignment="1" applyProtection="1">
      <alignment horizontal="left" vertical="center" wrapText="1"/>
      <protection locked="0"/>
    </xf>
    <xf numFmtId="0" fontId="73" fillId="0" borderId="269" xfId="15" applyFont="1" applyBorder="1" applyAlignment="1" applyProtection="1">
      <alignment horizontal="left" vertical="center" wrapText="1"/>
      <protection locked="0"/>
    </xf>
    <xf numFmtId="0" fontId="73" fillId="0" borderId="276" xfId="15" applyFont="1" applyBorder="1" applyAlignment="1" applyProtection="1">
      <alignment horizontal="left" vertical="center" wrapText="1"/>
      <protection locked="0"/>
    </xf>
    <xf numFmtId="0" fontId="73" fillId="0" borderId="147" xfId="15" applyFont="1" applyBorder="1" applyAlignment="1" applyProtection="1">
      <alignment horizontal="center" vertical="center"/>
      <protection locked="0"/>
    </xf>
    <xf numFmtId="0" fontId="73" fillId="0" borderId="278" xfId="15" applyFont="1" applyBorder="1" applyAlignment="1" applyProtection="1">
      <alignment horizontal="center" vertical="center"/>
      <protection locked="0"/>
    </xf>
    <xf numFmtId="0" fontId="73" fillId="0" borderId="279" xfId="15" applyFont="1" applyBorder="1" applyAlignment="1" applyProtection="1">
      <alignment horizontal="center" vertical="center"/>
      <protection locked="0"/>
    </xf>
    <xf numFmtId="0" fontId="77" fillId="0" borderId="57" xfId="15" applyFont="1" applyBorder="1" applyAlignment="1" applyProtection="1">
      <alignment horizontal="center"/>
      <protection locked="0"/>
    </xf>
    <xf numFmtId="0" fontId="77" fillId="0" borderId="185" xfId="15" applyFont="1" applyBorder="1" applyAlignment="1" applyProtection="1">
      <alignment horizontal="center"/>
      <protection locked="0"/>
    </xf>
    <xf numFmtId="0" fontId="79" fillId="6" borderId="270" xfId="15" applyFont="1" applyFill="1" applyBorder="1" applyAlignment="1" applyProtection="1">
      <alignment horizontal="center" vertical="center"/>
      <protection locked="0"/>
    </xf>
    <xf numFmtId="0" fontId="79" fillId="6" borderId="12" xfId="15" applyFont="1" applyFill="1" applyBorder="1" applyAlignment="1" applyProtection="1">
      <alignment horizontal="center" vertical="center"/>
      <protection locked="0"/>
    </xf>
    <xf numFmtId="0" fontId="78" fillId="0" borderId="267" xfId="15" applyFont="1" applyBorder="1" applyAlignment="1" applyProtection="1">
      <alignment horizontal="left" vertical="center"/>
      <protection locked="0"/>
    </xf>
    <xf numFmtId="0" fontId="78" fillId="0" borderId="271" xfId="15" applyFont="1" applyBorder="1" applyAlignment="1" applyProtection="1">
      <alignment horizontal="left" vertical="center"/>
      <protection locked="0"/>
    </xf>
    <xf numFmtId="0" fontId="78" fillId="0" borderId="268" xfId="15" applyFont="1" applyBorder="1" applyAlignment="1" applyProtection="1">
      <alignment horizontal="left" vertical="center"/>
      <protection locked="0"/>
    </xf>
    <xf numFmtId="0" fontId="77" fillId="0" borderId="12" xfId="15" applyFont="1" applyBorder="1" applyAlignment="1" applyProtection="1">
      <alignment horizontal="center" vertical="center"/>
      <protection locked="0"/>
    </xf>
    <xf numFmtId="0" fontId="77" fillId="0" borderId="273" xfId="15" applyFont="1" applyBorder="1" applyAlignment="1" applyProtection="1">
      <alignment horizontal="center" vertical="center"/>
      <protection locked="0"/>
    </xf>
    <xf numFmtId="0" fontId="77" fillId="0" borderId="277" xfId="15" applyFont="1" applyBorder="1" applyAlignment="1" applyProtection="1">
      <alignment horizontal="center" vertical="center"/>
      <protection locked="0"/>
    </xf>
    <xf numFmtId="0" fontId="73" fillId="0" borderId="270" xfId="15" applyFont="1" applyBorder="1" applyAlignment="1" applyProtection="1">
      <alignment vertical="center"/>
      <protection locked="0"/>
    </xf>
    <xf numFmtId="0" fontId="73" fillId="0" borderId="12" xfId="15" applyFont="1" applyBorder="1" applyAlignment="1" applyProtection="1">
      <alignment horizontal="left" vertical="center"/>
      <protection locked="0"/>
    </xf>
    <xf numFmtId="0" fontId="73" fillId="0" borderId="270" xfId="15" applyFont="1" applyBorder="1" applyAlignment="1" applyProtection="1">
      <alignment horizontal="left" vertical="center" wrapText="1"/>
      <protection locked="0"/>
    </xf>
    <xf numFmtId="0" fontId="73" fillId="0" borderId="270" xfId="15" applyFont="1" applyBorder="1" applyAlignment="1" applyProtection="1">
      <alignment horizontal="center" vertical="center"/>
      <protection locked="0"/>
    </xf>
    <xf numFmtId="0" fontId="73" fillId="4" borderId="267" xfId="15" applyFont="1" applyFill="1" applyBorder="1" applyAlignment="1" applyProtection="1">
      <alignment horizontal="center" vertical="center"/>
      <protection locked="0"/>
    </xf>
    <xf numFmtId="0" fontId="73" fillId="4" borderId="271" xfId="15" applyFont="1" applyFill="1" applyBorder="1" applyAlignment="1" applyProtection="1">
      <alignment horizontal="center" vertical="center"/>
      <protection locked="0"/>
    </xf>
    <xf numFmtId="0" fontId="73" fillId="4" borderId="268" xfId="15" applyFont="1" applyFill="1" applyBorder="1" applyAlignment="1" applyProtection="1">
      <alignment horizontal="center" vertical="center"/>
      <protection locked="0"/>
    </xf>
    <xf numFmtId="0" fontId="74" fillId="0" borderId="271" xfId="15" applyFont="1" applyBorder="1" applyAlignment="1" applyProtection="1">
      <alignment horizontal="right" vertical="top"/>
      <protection locked="0"/>
    </xf>
    <xf numFmtId="0" fontId="73" fillId="0" borderId="267" xfId="15" applyFont="1" applyBorder="1" applyAlignment="1" applyProtection="1">
      <alignment horizontal="center" vertical="center"/>
      <protection locked="0"/>
    </xf>
    <xf numFmtId="0" fontId="73" fillId="0" borderId="12" xfId="15" applyFont="1" applyBorder="1" applyAlignment="1" applyProtection="1">
      <alignment horizontal="center" vertical="center"/>
      <protection locked="0"/>
    </xf>
    <xf numFmtId="0" fontId="73" fillId="0" borderId="277" xfId="15" applyFont="1" applyBorder="1" applyAlignment="1" applyProtection="1">
      <alignment horizontal="center" vertical="center"/>
      <protection locked="0"/>
    </xf>
    <xf numFmtId="0" fontId="73" fillId="0" borderId="273" xfId="15" applyFont="1" applyBorder="1" applyAlignment="1" applyProtection="1">
      <alignment horizontal="center" vertical="center"/>
      <protection locked="0"/>
    </xf>
    <xf numFmtId="0" fontId="73" fillId="0" borderId="276" xfId="15" applyFont="1" applyBorder="1" applyAlignment="1" applyProtection="1">
      <alignment horizontal="center" vertical="center"/>
      <protection locked="0"/>
    </xf>
    <xf numFmtId="0" fontId="78" fillId="0" borderId="272" xfId="15" applyFont="1" applyBorder="1" applyAlignment="1" applyProtection="1">
      <alignment horizontal="left" vertical="center"/>
      <protection locked="0"/>
    </xf>
    <xf numFmtId="0" fontId="78" fillId="0" borderId="0" xfId="15" applyFont="1" applyBorder="1" applyAlignment="1" applyProtection="1">
      <alignment horizontal="left" vertical="center"/>
      <protection locked="0"/>
    </xf>
    <xf numFmtId="0" fontId="78" fillId="0" borderId="3" xfId="15" applyFont="1" applyBorder="1" applyAlignment="1" applyProtection="1">
      <alignment horizontal="left" vertical="center"/>
      <protection locked="0"/>
    </xf>
    <xf numFmtId="0" fontId="73" fillId="0" borderId="267" xfId="15" applyFont="1" applyBorder="1" applyAlignment="1" applyProtection="1">
      <alignment horizontal="left" vertical="center"/>
      <protection locked="0"/>
    </xf>
    <xf numFmtId="0" fontId="73" fillId="0" borderId="271" xfId="15" applyFont="1" applyBorder="1" applyAlignment="1" applyProtection="1">
      <alignment horizontal="left" vertical="center"/>
      <protection locked="0"/>
    </xf>
    <xf numFmtId="0" fontId="73" fillId="0" borderId="268" xfId="15" applyFont="1" applyBorder="1" applyAlignment="1" applyProtection="1">
      <alignment horizontal="left" vertical="center"/>
      <protection locked="0"/>
    </xf>
    <xf numFmtId="0" fontId="77" fillId="0" borderId="57" xfId="15" applyFont="1" applyBorder="1" applyAlignment="1" applyProtection="1">
      <alignment horizontal="center" vertical="center"/>
      <protection locked="0"/>
    </xf>
    <xf numFmtId="0" fontId="77" fillId="0" borderId="185" xfId="15" applyFont="1" applyBorder="1" applyAlignment="1" applyProtection="1">
      <alignment horizontal="center" vertical="center"/>
      <protection locked="0"/>
    </xf>
    <xf numFmtId="0" fontId="78" fillId="0" borderId="2" xfId="15" applyFont="1" applyBorder="1" applyAlignment="1" applyProtection="1">
      <alignment horizontal="left" vertical="center"/>
      <protection locked="0"/>
    </xf>
    <xf numFmtId="0" fontId="78" fillId="0" borderId="8" xfId="15" applyFont="1" applyBorder="1" applyAlignment="1" applyProtection="1">
      <alignment horizontal="left" vertical="center"/>
      <protection locked="0"/>
    </xf>
    <xf numFmtId="0" fontId="78" fillId="0" borderId="9" xfId="15" applyFont="1" applyBorder="1" applyAlignment="1" applyProtection="1">
      <alignment horizontal="left" vertical="center"/>
      <protection locked="0"/>
    </xf>
    <xf numFmtId="0" fontId="77" fillId="0" borderId="9" xfId="15" applyFont="1" applyBorder="1" applyAlignment="1" applyProtection="1">
      <alignment horizontal="center" vertical="center"/>
      <protection locked="0"/>
    </xf>
    <xf numFmtId="0" fontId="77" fillId="0" borderId="3" xfId="15" applyFont="1" applyBorder="1" applyAlignment="1" applyProtection="1">
      <alignment horizontal="center" vertical="center"/>
      <protection locked="0"/>
    </xf>
    <xf numFmtId="0" fontId="77" fillId="0" borderId="276" xfId="15" applyFont="1" applyBorder="1" applyAlignment="1" applyProtection="1">
      <alignment horizontal="center" vertical="center"/>
      <protection locked="0"/>
    </xf>
    <xf numFmtId="0" fontId="73" fillId="0" borderId="272" xfId="15" applyFont="1" applyBorder="1" applyAlignment="1" applyProtection="1">
      <alignment horizontal="left" vertical="center"/>
      <protection locked="0"/>
    </xf>
    <xf numFmtId="0" fontId="73" fillId="0" borderId="0" xfId="15" applyFont="1" applyBorder="1" applyAlignment="1" applyProtection="1">
      <alignment horizontal="left" vertical="center"/>
      <protection locked="0"/>
    </xf>
    <xf numFmtId="0" fontId="73" fillId="0" borderId="3" xfId="15" applyFont="1" applyBorder="1" applyAlignment="1" applyProtection="1">
      <alignment horizontal="left" vertical="center"/>
      <protection locked="0"/>
    </xf>
    <xf numFmtId="0" fontId="73" fillId="6" borderId="270" xfId="15" applyFont="1" applyFill="1" applyBorder="1" applyAlignment="1" applyProtection="1">
      <alignment horizontal="center" vertical="center"/>
      <protection locked="0"/>
    </xf>
    <xf numFmtId="0" fontId="73" fillId="0" borderId="268" xfId="15" applyFont="1" applyBorder="1" applyAlignment="1" applyProtection="1">
      <alignment horizontal="center" vertical="center"/>
      <protection locked="0"/>
    </xf>
    <xf numFmtId="0" fontId="73" fillId="0" borderId="269" xfId="15" applyFont="1" applyBorder="1" applyAlignment="1" applyProtection="1">
      <alignment horizontal="center" vertical="center"/>
      <protection locked="0"/>
    </xf>
    <xf numFmtId="0" fontId="80" fillId="5" borderId="0" xfId="15" applyFont="1" applyFill="1" applyAlignment="1" applyProtection="1">
      <alignment horizontal="center" vertical="center"/>
      <protection locked="0"/>
    </xf>
    <xf numFmtId="0" fontId="87" fillId="7" borderId="0" xfId="15" applyFont="1" applyFill="1" applyBorder="1" applyAlignment="1">
      <alignment horizontal="left" vertical="center" shrinkToFit="1"/>
    </xf>
    <xf numFmtId="0" fontId="87" fillId="7" borderId="269" xfId="15" applyFont="1" applyFill="1" applyBorder="1" applyAlignment="1">
      <alignment horizontal="left" vertical="center" shrinkToFit="1"/>
    </xf>
    <xf numFmtId="0" fontId="87" fillId="6" borderId="2" xfId="15" applyFont="1" applyFill="1" applyBorder="1" applyAlignment="1">
      <alignment horizontal="center" vertical="center"/>
    </xf>
    <xf numFmtId="0" fontId="87" fillId="6" borderId="8" xfId="15" applyFont="1" applyFill="1" applyBorder="1" applyAlignment="1">
      <alignment horizontal="center" vertical="center"/>
    </xf>
    <xf numFmtId="0" fontId="87" fillId="6" borderId="9" xfId="15" applyFont="1" applyFill="1" applyBorder="1" applyAlignment="1">
      <alignment horizontal="center" vertical="center"/>
    </xf>
    <xf numFmtId="186" fontId="40" fillId="7" borderId="270" xfId="15" applyNumberFormat="1" applyFont="1" applyFill="1" applyBorder="1" applyAlignment="1">
      <alignment horizontal="center" vertical="center"/>
    </xf>
    <xf numFmtId="0" fontId="71" fillId="7" borderId="2" xfId="15" applyFont="1" applyFill="1" applyBorder="1" applyAlignment="1">
      <alignment horizontal="left" vertical="center" wrapText="1"/>
    </xf>
    <xf numFmtId="0" fontId="71" fillId="7" borderId="8" xfId="15" applyFont="1" applyFill="1" applyBorder="1" applyAlignment="1">
      <alignment horizontal="left" vertical="center" wrapText="1"/>
    </xf>
    <xf numFmtId="0" fontId="71" fillId="7" borderId="9" xfId="15" applyFont="1" applyFill="1" applyBorder="1" applyAlignment="1">
      <alignment horizontal="left" vertical="center" wrapText="1"/>
    </xf>
    <xf numFmtId="0" fontId="71" fillId="7" borderId="275" xfId="15" applyFont="1" applyFill="1" applyBorder="1" applyAlignment="1">
      <alignment horizontal="left" vertical="center" wrapText="1"/>
    </xf>
    <xf numFmtId="0" fontId="71" fillId="7" borderId="269" xfId="15" applyFont="1" applyFill="1" applyBorder="1" applyAlignment="1">
      <alignment horizontal="left" vertical="center" wrapText="1"/>
    </xf>
    <xf numFmtId="0" fontId="71" fillId="7" borderId="276" xfId="15" applyFont="1" applyFill="1" applyBorder="1" applyAlignment="1">
      <alignment horizontal="left" vertical="center" wrapText="1"/>
    </xf>
    <xf numFmtId="185" fontId="65" fillId="7" borderId="270" xfId="15" applyNumberFormat="1" applyFont="1" applyFill="1" applyBorder="1" applyAlignment="1">
      <alignment horizontal="center" vertical="center" wrapText="1"/>
    </xf>
    <xf numFmtId="185" fontId="65" fillId="7" borderId="2" xfId="15" applyNumberFormat="1" applyFont="1" applyFill="1" applyBorder="1" applyAlignment="1">
      <alignment horizontal="center" vertical="center" wrapText="1"/>
    </xf>
    <xf numFmtId="185" fontId="65" fillId="7" borderId="8" xfId="15" applyNumberFormat="1" applyFont="1" applyFill="1" applyBorder="1" applyAlignment="1">
      <alignment horizontal="center" vertical="center" wrapText="1"/>
    </xf>
    <xf numFmtId="185" fontId="65" fillId="7" borderId="9" xfId="15" applyNumberFormat="1" applyFont="1" applyFill="1" applyBorder="1" applyAlignment="1">
      <alignment horizontal="center" vertical="center" wrapText="1"/>
    </xf>
    <xf numFmtId="185" fontId="65" fillId="7" borderId="275" xfId="15" applyNumberFormat="1" applyFont="1" applyFill="1" applyBorder="1" applyAlignment="1">
      <alignment horizontal="center" vertical="center" wrapText="1"/>
    </xf>
    <xf numFmtId="185" fontId="65" fillId="7" borderId="269" xfId="15" applyNumberFormat="1" applyFont="1" applyFill="1" applyBorder="1" applyAlignment="1">
      <alignment horizontal="center" vertical="center" wrapText="1"/>
    </xf>
    <xf numFmtId="185" fontId="65" fillId="7" borderId="276" xfId="15" applyNumberFormat="1" applyFont="1" applyFill="1" applyBorder="1" applyAlignment="1">
      <alignment horizontal="center" vertical="center" wrapText="1"/>
    </xf>
    <xf numFmtId="0" fontId="65" fillId="7" borderId="270" xfId="15" applyFont="1" applyFill="1" applyBorder="1" applyAlignment="1">
      <alignment horizontal="center" vertical="center"/>
    </xf>
    <xf numFmtId="0" fontId="65" fillId="7" borderId="267" xfId="15" applyFont="1" applyFill="1" applyBorder="1" applyAlignment="1">
      <alignment horizontal="center" vertical="center"/>
    </xf>
    <xf numFmtId="0" fontId="65" fillId="7" borderId="271" xfId="15" applyFont="1" applyFill="1" applyBorder="1" applyAlignment="1">
      <alignment horizontal="center" vertical="center"/>
    </xf>
    <xf numFmtId="0" fontId="65" fillId="7" borderId="268" xfId="15" applyFont="1" applyFill="1" applyBorder="1" applyAlignment="1">
      <alignment horizontal="center" vertical="center"/>
    </xf>
    <xf numFmtId="0" fontId="55" fillId="5" borderId="0" xfId="15" applyFont="1" applyFill="1" applyBorder="1" applyAlignment="1">
      <alignment horizontal="center" vertical="center"/>
    </xf>
    <xf numFmtId="0" fontId="87" fillId="6" borderId="272" xfId="15" applyFont="1" applyFill="1" applyBorder="1" applyAlignment="1">
      <alignment horizontal="center" vertical="center" wrapText="1"/>
    </xf>
    <xf numFmtId="0" fontId="87" fillId="6" borderId="0" xfId="15" applyFont="1" applyFill="1" applyBorder="1" applyAlignment="1">
      <alignment horizontal="center" vertical="center" wrapText="1"/>
    </xf>
    <xf numFmtId="0" fontId="87" fillId="6" borderId="3" xfId="15" applyFont="1" applyFill="1" applyBorder="1" applyAlignment="1">
      <alignment horizontal="center" vertical="center" wrapText="1"/>
    </xf>
    <xf numFmtId="0" fontId="71" fillId="7" borderId="12" xfId="15" applyFont="1" applyFill="1" applyBorder="1" applyAlignment="1">
      <alignment vertical="center" wrapText="1"/>
    </xf>
    <xf numFmtId="0" fontId="71" fillId="7" borderId="273" xfId="15" applyFont="1" applyFill="1" applyBorder="1" applyAlignment="1">
      <alignment vertical="center" wrapText="1"/>
    </xf>
    <xf numFmtId="0" fontId="71" fillId="7" borderId="277" xfId="15" applyFont="1" applyFill="1" applyBorder="1" applyAlignment="1">
      <alignment vertical="center" wrapText="1"/>
    </xf>
    <xf numFmtId="0" fontId="71" fillId="7" borderId="270" xfId="15" applyFont="1" applyFill="1" applyBorder="1" applyAlignment="1">
      <alignment horizontal="left" vertical="center" wrapText="1"/>
    </xf>
    <xf numFmtId="0" fontId="71" fillId="7" borderId="0" xfId="15" applyFont="1" applyFill="1" applyBorder="1" applyAlignment="1">
      <alignment horizontal="left" vertical="center" wrapText="1"/>
    </xf>
    <xf numFmtId="0" fontId="71" fillId="7" borderId="3" xfId="15" applyFont="1" applyFill="1" applyBorder="1" applyAlignment="1">
      <alignment horizontal="left" vertical="center" wrapText="1"/>
    </xf>
    <xf numFmtId="185" fontId="65" fillId="7" borderId="270" xfId="15" applyNumberFormat="1" applyFont="1" applyFill="1" applyBorder="1" applyAlignment="1">
      <alignment horizontal="center" vertical="center"/>
    </xf>
    <xf numFmtId="0" fontId="142" fillId="6" borderId="270" xfId="16" applyFont="1" applyFill="1" applyBorder="1" applyAlignment="1">
      <alignment horizontal="center" vertical="center"/>
    </xf>
    <xf numFmtId="0" fontId="142" fillId="0" borderId="270" xfId="16" applyFont="1" applyBorder="1" applyAlignment="1">
      <alignment horizontal="center" vertical="center"/>
    </xf>
    <xf numFmtId="0" fontId="143" fillId="0" borderId="0" xfId="16" applyFont="1" applyAlignment="1">
      <alignment horizontal="center" vertical="center"/>
    </xf>
    <xf numFmtId="0" fontId="142" fillId="7" borderId="293" xfId="16" applyFont="1" applyFill="1" applyBorder="1" applyAlignment="1">
      <alignment horizontal="center" vertical="center"/>
    </xf>
    <xf numFmtId="0" fontId="142" fillId="7" borderId="277" xfId="16" applyFont="1" applyFill="1" applyBorder="1" applyAlignment="1">
      <alignment horizontal="center" vertical="center"/>
    </xf>
    <xf numFmtId="0" fontId="142" fillId="0" borderId="293" xfId="16" applyFont="1" applyBorder="1" applyAlignment="1">
      <alignment horizontal="center" vertical="center"/>
    </xf>
    <xf numFmtId="0" fontId="142" fillId="0" borderId="277" xfId="16" applyFont="1" applyBorder="1" applyAlignment="1">
      <alignment horizontal="center" vertical="center"/>
    </xf>
    <xf numFmtId="0" fontId="144" fillId="8" borderId="267" xfId="16" applyFont="1" applyFill="1" applyBorder="1" applyAlignment="1">
      <alignment horizontal="center" vertical="center"/>
    </xf>
    <xf numFmtId="0" fontId="144" fillId="8" borderId="271" xfId="16" applyFont="1" applyFill="1" applyBorder="1" applyAlignment="1">
      <alignment horizontal="center" vertical="center"/>
    </xf>
    <xf numFmtId="0" fontId="144" fillId="8" borderId="268" xfId="16" applyFont="1" applyFill="1" applyBorder="1" applyAlignment="1">
      <alignment horizontal="center" vertical="center"/>
    </xf>
    <xf numFmtId="0" fontId="147" fillId="0" borderId="271" xfId="16" applyFont="1" applyBorder="1" applyAlignment="1">
      <alignment horizontal="center" vertical="center"/>
    </xf>
    <xf numFmtId="0" fontId="147" fillId="0" borderId="268" xfId="16" applyFont="1" applyBorder="1" applyAlignment="1">
      <alignment horizontal="center" vertical="center"/>
    </xf>
    <xf numFmtId="0" fontId="142" fillId="7" borderId="292" xfId="16" applyFont="1" applyFill="1" applyBorder="1" applyAlignment="1">
      <alignment horizontal="left" vertical="center"/>
    </xf>
    <xf numFmtId="0" fontId="142" fillId="7" borderId="290" xfId="16" applyFont="1" applyFill="1" applyBorder="1" applyAlignment="1">
      <alignment horizontal="left" vertical="center"/>
    </xf>
    <xf numFmtId="0" fontId="142" fillId="7" borderId="291" xfId="16" applyFont="1" applyFill="1" applyBorder="1" applyAlignment="1">
      <alignment horizontal="left" vertical="center"/>
    </xf>
    <xf numFmtId="0" fontId="142" fillId="7" borderId="275" xfId="16" applyFont="1" applyFill="1" applyBorder="1" applyAlignment="1">
      <alignment horizontal="left" vertical="center"/>
    </xf>
    <xf numFmtId="0" fontId="142" fillId="7" borderId="269" xfId="16" applyFont="1" applyFill="1" applyBorder="1" applyAlignment="1">
      <alignment horizontal="left" vertical="center"/>
    </xf>
    <xf numFmtId="0" fontId="142" fillId="7" borderId="276" xfId="16" applyFont="1" applyFill="1" applyBorder="1" applyAlignment="1">
      <alignment horizontal="left" vertical="center"/>
    </xf>
    <xf numFmtId="0" fontId="142" fillId="7" borderId="292" xfId="16" applyFont="1" applyFill="1" applyBorder="1" applyAlignment="1">
      <alignment horizontal="center" vertical="center"/>
    </xf>
    <xf numFmtId="0" fontId="142" fillId="7" borderId="290" xfId="16" applyFont="1" applyFill="1" applyBorder="1" applyAlignment="1">
      <alignment horizontal="center" vertical="center"/>
    </xf>
    <xf numFmtId="0" fontId="142" fillId="7" borderId="291" xfId="16" applyFont="1" applyFill="1" applyBorder="1" applyAlignment="1">
      <alignment horizontal="center" vertical="center"/>
    </xf>
    <xf numFmtId="0" fontId="142" fillId="7" borderId="275" xfId="16" applyFont="1" applyFill="1" applyBorder="1" applyAlignment="1">
      <alignment horizontal="center" vertical="center"/>
    </xf>
    <xf numFmtId="0" fontId="142" fillId="7" borderId="269" xfId="16" applyFont="1" applyFill="1" applyBorder="1" applyAlignment="1">
      <alignment horizontal="center" vertical="center"/>
    </xf>
    <xf numFmtId="0" fontId="142" fillId="7" borderId="276" xfId="16" applyFont="1" applyFill="1" applyBorder="1" applyAlignment="1">
      <alignment horizontal="center" vertical="center"/>
    </xf>
    <xf numFmtId="0" fontId="146" fillId="0" borderId="272" xfId="16" applyFont="1" applyBorder="1" applyAlignment="1">
      <alignment horizontal="left" vertical="center" wrapText="1"/>
    </xf>
    <xf numFmtId="0" fontId="146" fillId="0" borderId="0" xfId="16" applyFont="1" applyAlignment="1">
      <alignment horizontal="left" vertical="center" wrapText="1"/>
    </xf>
    <xf numFmtId="0" fontId="146" fillId="0" borderId="3" xfId="16" applyFont="1" applyBorder="1" applyAlignment="1">
      <alignment horizontal="left" vertical="center" wrapText="1"/>
    </xf>
    <xf numFmtId="0" fontId="34" fillId="0" borderId="1" xfId="3" applyFont="1" applyBorder="1" applyAlignment="1">
      <alignment horizontal="left" vertical="center" wrapText="1"/>
    </xf>
    <xf numFmtId="0" fontId="34" fillId="0" borderId="13" xfId="3" applyFont="1" applyBorder="1" applyAlignment="1">
      <alignment horizontal="center" vertical="center"/>
    </xf>
    <xf numFmtId="0" fontId="40" fillId="0" borderId="8" xfId="3" applyFont="1" applyBorder="1" applyAlignment="1">
      <alignment horizontal="left" vertical="center" wrapText="1"/>
    </xf>
    <xf numFmtId="0" fontId="34" fillId="0" borderId="2" xfId="3" applyFont="1" applyBorder="1" applyAlignment="1">
      <alignment horizontal="left" vertical="center"/>
    </xf>
    <xf numFmtId="0" fontId="34" fillId="0" borderId="8" xfId="3" applyFont="1" applyBorder="1" applyAlignment="1">
      <alignment horizontal="left" vertical="center"/>
    </xf>
    <xf numFmtId="0" fontId="34" fillId="0" borderId="9" xfId="3" applyFont="1" applyBorder="1" applyAlignment="1">
      <alignment horizontal="left" vertical="center"/>
    </xf>
    <xf numFmtId="0" fontId="34" fillId="0" borderId="1" xfId="3" applyFont="1" applyBorder="1" applyAlignment="1">
      <alignment horizontal="center" vertical="center"/>
    </xf>
    <xf numFmtId="0" fontId="70" fillId="0" borderId="1" xfId="3" applyFont="1" applyBorder="1" applyAlignment="1">
      <alignment horizontal="left" vertical="center"/>
    </xf>
    <xf numFmtId="0" fontId="70" fillId="0" borderId="1" xfId="3" applyFont="1" applyBorder="1" applyAlignment="1">
      <alignment horizontal="center" vertical="center"/>
    </xf>
    <xf numFmtId="0" fontId="36" fillId="0" borderId="2" xfId="10" applyFont="1" applyBorder="1" applyAlignment="1">
      <alignment horizontal="center" vertical="center" wrapText="1"/>
    </xf>
    <xf numFmtId="0" fontId="36" fillId="0" borderId="9" xfId="10" applyFont="1" applyBorder="1" applyAlignment="1">
      <alignment horizontal="center" vertical="center" wrapText="1"/>
    </xf>
    <xf numFmtId="0" fontId="36" fillId="0" borderId="6" xfId="10" applyFont="1" applyBorder="1" applyAlignment="1">
      <alignment horizontal="center" vertical="center" wrapText="1"/>
    </xf>
    <xf numFmtId="0" fontId="36" fillId="0" borderId="3" xfId="10" applyFont="1" applyBorder="1" applyAlignment="1">
      <alignment horizontal="center" vertical="center" wrapText="1"/>
    </xf>
    <xf numFmtId="0" fontId="36" fillId="0" borderId="7" xfId="10" applyFont="1" applyBorder="1" applyAlignment="1">
      <alignment horizontal="center" vertical="center" wrapText="1"/>
    </xf>
    <xf numFmtId="0" fontId="36" fillId="0" borderId="5" xfId="10" applyFont="1" applyBorder="1" applyAlignment="1">
      <alignment horizontal="center" vertical="center" wrapText="1"/>
    </xf>
    <xf numFmtId="0" fontId="36" fillId="0" borderId="2" xfId="10" applyFont="1" applyBorder="1" applyAlignment="1">
      <alignment horizontal="right" vertical="center"/>
    </xf>
    <xf numFmtId="0" fontId="36" fillId="0" borderId="8" xfId="10" applyFont="1" applyBorder="1" applyAlignment="1">
      <alignment horizontal="right" vertical="center"/>
    </xf>
    <xf numFmtId="0" fontId="36" fillId="0" borderId="9" xfId="10" applyFont="1" applyBorder="1" applyAlignment="1">
      <alignment horizontal="right" vertical="center"/>
    </xf>
    <xf numFmtId="0" fontId="36" fillId="0" borderId="6" xfId="10" applyFont="1" applyBorder="1" applyAlignment="1">
      <alignment horizontal="right" vertical="center"/>
    </xf>
    <xf numFmtId="0" fontId="36" fillId="0" borderId="0" xfId="10" applyFont="1" applyBorder="1" applyAlignment="1">
      <alignment horizontal="right" vertical="center"/>
    </xf>
    <xf numFmtId="0" fontId="36" fillId="0" borderId="3" xfId="10" applyFont="1" applyBorder="1" applyAlignment="1">
      <alignment horizontal="right" vertical="center"/>
    </xf>
    <xf numFmtId="0" fontId="36" fillId="0" borderId="7" xfId="10" applyFont="1" applyBorder="1" applyAlignment="1">
      <alignment horizontal="right" vertical="center"/>
    </xf>
    <xf numFmtId="0" fontId="36" fillId="0" borderId="4" xfId="10" applyFont="1" applyBorder="1" applyAlignment="1">
      <alignment horizontal="right" vertical="center"/>
    </xf>
    <xf numFmtId="0" fontId="36" fillId="0" borderId="5" xfId="10" applyFont="1" applyBorder="1" applyAlignment="1">
      <alignment horizontal="right" vertical="center"/>
    </xf>
    <xf numFmtId="0" fontId="47" fillId="0" borderId="270" xfId="10" applyFont="1" applyBorder="1" applyAlignment="1">
      <alignment horizontal="center" vertical="center" wrapText="1" shrinkToFit="1"/>
    </xf>
    <xf numFmtId="0" fontId="58" fillId="3" borderId="270" xfId="10" applyFont="1" applyFill="1" applyBorder="1" applyAlignment="1">
      <alignment horizontal="center" vertical="center"/>
    </xf>
    <xf numFmtId="0" fontId="58" fillId="0" borderId="270" xfId="10" applyFont="1" applyBorder="1" applyAlignment="1">
      <alignment horizontal="center" vertical="center"/>
    </xf>
    <xf numFmtId="0" fontId="58" fillId="0" borderId="270" xfId="10" applyFont="1" applyBorder="1" applyAlignment="1">
      <alignment horizontal="left" vertical="center"/>
    </xf>
    <xf numFmtId="0" fontId="58" fillId="0" borderId="270" xfId="10" applyFont="1" applyBorder="1" applyAlignment="1">
      <alignment horizontal="left" vertical="center" indent="1"/>
    </xf>
    <xf numFmtId="0" fontId="58" fillId="0" borderId="270" xfId="10" applyFont="1" applyBorder="1" applyAlignment="1">
      <alignment horizontal="left" vertical="center" wrapText="1"/>
    </xf>
    <xf numFmtId="20" fontId="58" fillId="0" borderId="270" xfId="10" quotePrefix="1" applyNumberFormat="1" applyFont="1" applyBorder="1" applyAlignment="1">
      <alignment horizontal="left" vertical="center" indent="1"/>
    </xf>
    <xf numFmtId="0" fontId="58" fillId="0" borderId="270" xfId="10" quotePrefix="1" applyFont="1" applyBorder="1" applyAlignment="1">
      <alignment horizontal="left" vertical="center" indent="1"/>
    </xf>
    <xf numFmtId="0" fontId="58" fillId="0" borderId="272" xfId="10" applyFont="1" applyBorder="1" applyAlignment="1">
      <alignment horizontal="center" vertical="center"/>
    </xf>
    <xf numFmtId="0" fontId="58" fillId="0" borderId="6" xfId="10" applyFont="1" applyBorder="1" applyAlignment="1">
      <alignment horizontal="center" vertical="center"/>
    </xf>
    <xf numFmtId="0" fontId="58" fillId="0" borderId="270" xfId="10" applyFont="1" applyBorder="1" applyAlignment="1">
      <alignment horizontal="center" vertical="center" wrapText="1"/>
    </xf>
    <xf numFmtId="0" fontId="81" fillId="0" borderId="292" xfId="10" applyFont="1" applyBorder="1" applyAlignment="1">
      <alignment horizontal="center" vertical="center" textRotation="255" wrapText="1" shrinkToFit="1"/>
    </xf>
    <xf numFmtId="0" fontId="81" fillId="0" borderId="291" xfId="10" applyFont="1" applyBorder="1" applyAlignment="1">
      <alignment horizontal="center" vertical="center" textRotation="255" wrapText="1" shrinkToFit="1"/>
    </xf>
    <xf numFmtId="0" fontId="81" fillId="0" borderId="272" xfId="10" applyFont="1" applyBorder="1" applyAlignment="1">
      <alignment horizontal="center" vertical="center" textRotation="255" wrapText="1" shrinkToFit="1"/>
    </xf>
    <xf numFmtId="0" fontId="81" fillId="0" borderId="3" xfId="10" applyFont="1" applyBorder="1" applyAlignment="1">
      <alignment horizontal="center" vertical="center" textRotation="255" wrapText="1" shrinkToFit="1"/>
    </xf>
    <xf numFmtId="0" fontId="81" fillId="0" borderId="275" xfId="10" applyFont="1" applyBorder="1" applyAlignment="1">
      <alignment horizontal="center" vertical="center" textRotation="255" wrapText="1" shrinkToFit="1"/>
    </xf>
    <xf numFmtId="0" fontId="81" fillId="0" borderId="276" xfId="10" applyFont="1" applyBorder="1" applyAlignment="1">
      <alignment horizontal="center" vertical="center" textRotation="255" wrapText="1" shrinkToFit="1"/>
    </xf>
    <xf numFmtId="0" fontId="58" fillId="0" borderId="292" xfId="10" applyFont="1" applyBorder="1" applyAlignment="1">
      <alignment horizontal="center" vertical="center" wrapText="1"/>
    </xf>
    <xf numFmtId="0" fontId="58" fillId="0" borderId="290" xfId="10" applyFont="1" applyBorder="1" applyAlignment="1">
      <alignment horizontal="center" vertical="center" wrapText="1"/>
    </xf>
    <xf numFmtId="0" fontId="58" fillId="0" borderId="291" xfId="10" applyFont="1" applyBorder="1" applyAlignment="1">
      <alignment horizontal="center" vertical="center" wrapText="1"/>
    </xf>
    <xf numFmtId="0" fontId="58" fillId="0" borderId="272" xfId="10" applyFont="1" applyBorder="1" applyAlignment="1">
      <alignment horizontal="center" vertical="center" wrapText="1"/>
    </xf>
    <xf numFmtId="0" fontId="58" fillId="0" borderId="275" xfId="10" applyFont="1" applyBorder="1" applyAlignment="1">
      <alignment horizontal="center" vertical="center" wrapText="1"/>
    </xf>
    <xf numFmtId="0" fontId="58" fillId="0" borderId="269" xfId="10" applyFont="1" applyBorder="1" applyAlignment="1">
      <alignment horizontal="center" vertical="center" wrapText="1"/>
    </xf>
    <xf numFmtId="0" fontId="58" fillId="0" borderId="276" xfId="10" applyFont="1" applyBorder="1" applyAlignment="1">
      <alignment horizontal="center" vertical="center" wrapText="1"/>
    </xf>
    <xf numFmtId="0" fontId="58" fillId="0" borderId="290" xfId="10" applyFont="1" applyBorder="1" applyAlignment="1">
      <alignment horizontal="center" vertical="center"/>
    </xf>
    <xf numFmtId="0" fontId="58" fillId="0" borderId="291" xfId="10" applyFont="1" applyBorder="1" applyAlignment="1">
      <alignment horizontal="center" vertical="center"/>
    </xf>
    <xf numFmtId="0" fontId="58" fillId="0" borderId="3" xfId="10" applyFont="1" applyBorder="1" applyAlignment="1">
      <alignment horizontal="center" vertical="center"/>
    </xf>
    <xf numFmtId="0" fontId="58" fillId="0" borderId="269" xfId="10" applyFont="1" applyBorder="1" applyAlignment="1">
      <alignment horizontal="center" vertical="center"/>
    </xf>
    <xf numFmtId="0" fontId="58" fillId="0" borderId="276" xfId="10" applyFont="1" applyBorder="1" applyAlignment="1">
      <alignment horizontal="center" vertical="center"/>
    </xf>
    <xf numFmtId="0" fontId="58" fillId="0" borderId="115" xfId="10" applyFont="1" applyBorder="1" applyAlignment="1">
      <alignment horizontal="center" vertical="center" wrapText="1"/>
    </xf>
    <xf numFmtId="0" fontId="58" fillId="0" borderId="45" xfId="10" applyFont="1" applyBorder="1" applyAlignment="1">
      <alignment horizontal="center" vertical="center"/>
    </xf>
    <xf numFmtId="0" fontId="58" fillId="0" borderId="91" xfId="10" applyFont="1" applyBorder="1" applyAlignment="1">
      <alignment horizontal="center" vertical="center"/>
    </xf>
    <xf numFmtId="0" fontId="58" fillId="0" borderId="27" xfId="10" applyFont="1" applyBorder="1" applyAlignment="1">
      <alignment horizontal="center" vertical="center"/>
    </xf>
    <xf numFmtId="0" fontId="58" fillId="0" borderId="38" xfId="10" applyFont="1" applyBorder="1" applyAlignment="1">
      <alignment horizontal="center" vertical="center"/>
    </xf>
    <xf numFmtId="0" fontId="58" fillId="0" borderId="28" xfId="10" applyFont="1" applyBorder="1" applyAlignment="1">
      <alignment horizontal="center" vertical="center"/>
    </xf>
    <xf numFmtId="0" fontId="58" fillId="0" borderId="16" xfId="10" applyFont="1" applyBorder="1" applyAlignment="1">
      <alignment horizontal="center" vertical="center"/>
    </xf>
    <xf numFmtId="0" fontId="58" fillId="0" borderId="39" xfId="10" applyFont="1" applyBorder="1" applyAlignment="1">
      <alignment horizontal="center" vertical="center"/>
    </xf>
    <xf numFmtId="0" fontId="58" fillId="0" borderId="22" xfId="10" applyFont="1" applyBorder="1" applyAlignment="1">
      <alignment horizontal="center" vertical="center" wrapText="1"/>
    </xf>
    <xf numFmtId="0" fontId="58" fillId="0" borderId="32" xfId="10" applyFont="1" applyBorder="1" applyAlignment="1">
      <alignment horizontal="center" vertical="center"/>
    </xf>
    <xf numFmtId="0" fontId="58" fillId="0" borderId="140" xfId="10" applyFont="1" applyBorder="1" applyAlignment="1">
      <alignment horizontal="center" vertical="center"/>
    </xf>
    <xf numFmtId="0" fontId="58" fillId="0" borderId="61" xfId="10" applyFont="1" applyBorder="1" applyAlignment="1">
      <alignment horizontal="center" vertical="center"/>
    </xf>
    <xf numFmtId="0" fontId="58" fillId="0" borderId="40" xfId="10" applyFont="1" applyBorder="1" applyAlignment="1">
      <alignment horizontal="center" vertical="center"/>
    </xf>
    <xf numFmtId="0" fontId="58" fillId="0" borderId="115" xfId="10" applyFont="1" applyBorder="1" applyAlignment="1">
      <alignment horizontal="center" vertical="center"/>
    </xf>
    <xf numFmtId="0" fontId="72" fillId="3" borderId="109" xfId="10" applyFont="1" applyFill="1" applyBorder="1" applyAlignment="1">
      <alignment horizontal="center" vertical="center"/>
    </xf>
    <xf numFmtId="0" fontId="72" fillId="3" borderId="160" xfId="10" applyFont="1" applyFill="1" applyBorder="1" applyAlignment="1">
      <alignment horizontal="center" vertical="center"/>
    </xf>
    <xf numFmtId="0" fontId="36" fillId="0" borderId="115" xfId="10" applyFont="1" applyBorder="1" applyAlignment="1">
      <alignment horizontal="center" vertical="center" wrapText="1"/>
    </xf>
    <xf numFmtId="0" fontId="36" fillId="0" borderId="45" xfId="10" applyFont="1" applyBorder="1" applyAlignment="1">
      <alignment horizontal="center" vertical="center" wrapText="1"/>
    </xf>
    <xf numFmtId="0" fontId="36" fillId="0" borderId="27" xfId="10" applyFont="1" applyBorder="1" applyAlignment="1">
      <alignment horizontal="center" vertical="center" wrapText="1"/>
    </xf>
    <xf numFmtId="0" fontId="36" fillId="0" borderId="28" xfId="10" applyFont="1" applyBorder="1" applyAlignment="1">
      <alignment horizontal="center" vertical="center" wrapText="1"/>
    </xf>
    <xf numFmtId="0" fontId="36" fillId="0" borderId="16" xfId="10" applyFont="1" applyBorder="1" applyAlignment="1">
      <alignment horizontal="center" vertical="center" wrapText="1"/>
    </xf>
    <xf numFmtId="0" fontId="60" fillId="0" borderId="45" xfId="10" applyFont="1" applyBorder="1" applyAlignment="1">
      <alignment horizontal="center" vertical="center"/>
    </xf>
    <xf numFmtId="0" fontId="60" fillId="0" borderId="91" xfId="10" applyFont="1" applyBorder="1" applyAlignment="1">
      <alignment horizontal="center" vertical="center"/>
    </xf>
    <xf numFmtId="0" fontId="60" fillId="0" borderId="38" xfId="10" applyFont="1" applyBorder="1" applyAlignment="1">
      <alignment horizontal="center" vertical="center"/>
    </xf>
    <xf numFmtId="0" fontId="60" fillId="0" borderId="16" xfId="10" applyFont="1" applyBorder="1" applyAlignment="1">
      <alignment horizontal="center" vertical="center"/>
    </xf>
    <xf numFmtId="0" fontId="60" fillId="0" borderId="39" xfId="10" applyFont="1" applyBorder="1" applyAlignment="1">
      <alignment horizontal="center" vertical="center"/>
    </xf>
    <xf numFmtId="0" fontId="36" fillId="0" borderId="22" xfId="10" applyFont="1" applyBorder="1" applyAlignment="1">
      <alignment horizontal="center" vertical="center" wrapText="1"/>
    </xf>
    <xf numFmtId="0" fontId="36" fillId="0" borderId="140" xfId="10" applyFont="1" applyBorder="1" applyAlignment="1">
      <alignment horizontal="center" vertical="center" wrapText="1"/>
    </xf>
    <xf numFmtId="0" fontId="36" fillId="0" borderId="46" xfId="10" applyFont="1" applyBorder="1" applyAlignment="1">
      <alignment horizontal="center" vertical="center" wrapText="1"/>
    </xf>
    <xf numFmtId="0" fontId="36" fillId="0" borderId="83" xfId="10" applyFont="1" applyBorder="1" applyAlignment="1">
      <alignment horizontal="center" vertical="center" wrapText="1"/>
    </xf>
    <xf numFmtId="0" fontId="36" fillId="0" borderId="84" xfId="10" applyFont="1" applyBorder="1" applyAlignment="1">
      <alignment horizontal="center" vertical="center" wrapText="1"/>
    </xf>
    <xf numFmtId="0" fontId="36" fillId="0" borderId="143" xfId="10" applyFont="1" applyBorder="1" applyAlignment="1">
      <alignment horizontal="center" vertical="center" wrapText="1"/>
    </xf>
    <xf numFmtId="0" fontId="58" fillId="0" borderId="22" xfId="10" applyFont="1" applyBorder="1" applyAlignment="1">
      <alignment horizontal="center" vertical="center"/>
    </xf>
    <xf numFmtId="0" fontId="58" fillId="0" borderId="46" xfId="10" applyFont="1" applyBorder="1" applyAlignment="1">
      <alignment horizontal="center" vertical="center"/>
    </xf>
    <xf numFmtId="0" fontId="58" fillId="0" borderId="83" xfId="10" applyFont="1" applyBorder="1" applyAlignment="1">
      <alignment horizontal="center" vertical="center"/>
    </xf>
    <xf numFmtId="0" fontId="58" fillId="0" borderId="84" xfId="10" applyFont="1" applyBorder="1" applyAlignment="1">
      <alignment horizontal="center" vertical="center"/>
    </xf>
    <xf numFmtId="0" fontId="58" fillId="0" borderId="143" xfId="10" applyFont="1" applyBorder="1" applyAlignment="1">
      <alignment horizontal="center" vertical="center"/>
    </xf>
    <xf numFmtId="9" fontId="58" fillId="0" borderId="167" xfId="10" applyNumberFormat="1" applyFont="1" applyBorder="1" applyAlignment="1">
      <alignment horizontal="center" vertical="center"/>
    </xf>
    <xf numFmtId="9" fontId="58" fillId="0" borderId="168" xfId="10" applyNumberFormat="1" applyFont="1" applyBorder="1" applyAlignment="1">
      <alignment horizontal="center" vertical="center"/>
    </xf>
    <xf numFmtId="9" fontId="58" fillId="0" borderId="169" xfId="10" applyNumberFormat="1" applyFont="1" applyBorder="1" applyAlignment="1">
      <alignment horizontal="center" vertical="center"/>
    </xf>
    <xf numFmtId="0" fontId="36" fillId="0" borderId="22" xfId="10" applyFont="1" applyBorder="1" applyAlignment="1">
      <alignment horizontal="left" vertical="center" wrapText="1"/>
    </xf>
    <xf numFmtId="0" fontId="36" fillId="0" borderId="32" xfId="10" applyFont="1" applyBorder="1" applyAlignment="1">
      <alignment horizontal="left" vertical="center" wrapText="1"/>
    </xf>
    <xf numFmtId="0" fontId="36" fillId="0" borderId="140" xfId="10" applyFont="1" applyBorder="1" applyAlignment="1">
      <alignment horizontal="left" vertical="center" wrapText="1"/>
    </xf>
    <xf numFmtId="0" fontId="36" fillId="0" borderId="46" xfId="10" applyFont="1" applyBorder="1" applyAlignment="1">
      <alignment horizontal="left" vertical="center" wrapText="1"/>
    </xf>
    <xf numFmtId="0" fontId="36" fillId="0" borderId="0" xfId="10" applyFont="1" applyBorder="1" applyAlignment="1">
      <alignment horizontal="left" vertical="center" wrapText="1"/>
    </xf>
    <xf numFmtId="0" fontId="36" fillId="0" borderId="83" xfId="10" applyFont="1" applyBorder="1" applyAlignment="1">
      <alignment horizontal="left" vertical="center" wrapText="1"/>
    </xf>
    <xf numFmtId="0" fontId="36" fillId="0" borderId="84" xfId="10" applyFont="1" applyBorder="1" applyAlignment="1">
      <alignment horizontal="left" vertical="center" wrapText="1"/>
    </xf>
    <xf numFmtId="0" fontId="36" fillId="0" borderId="87" xfId="10" applyFont="1" applyBorder="1" applyAlignment="1">
      <alignment horizontal="left" vertical="center" wrapText="1"/>
    </xf>
    <xf numFmtId="0" fontId="36" fillId="0" borderId="143" xfId="10" applyFont="1" applyBorder="1" applyAlignment="1">
      <alignment horizontal="left" vertical="center" wrapText="1"/>
    </xf>
    <xf numFmtId="0" fontId="36" fillId="0" borderId="167" xfId="10" applyFont="1" applyBorder="1" applyAlignment="1">
      <alignment horizontal="right" vertical="center"/>
    </xf>
    <xf numFmtId="0" fontId="36" fillId="0" borderId="168" xfId="10" applyFont="1" applyBorder="1" applyAlignment="1">
      <alignment horizontal="right" vertical="center"/>
    </xf>
    <xf numFmtId="0" fontId="36" fillId="0" borderId="169" xfId="10" applyFont="1" applyBorder="1" applyAlignment="1">
      <alignment horizontal="right" vertical="center"/>
    </xf>
    <xf numFmtId="0" fontId="40" fillId="0" borderId="0" xfId="3" applyFont="1" applyAlignment="1">
      <alignment vertical="center"/>
    </xf>
    <xf numFmtId="0" fontId="40" fillId="0" borderId="0" xfId="3" applyFont="1" applyAlignment="1">
      <alignment vertical="center" wrapText="1"/>
    </xf>
    <xf numFmtId="0" fontId="34" fillId="0" borderId="0" xfId="3" applyFont="1" applyAlignment="1">
      <alignment vertical="center" wrapText="1"/>
    </xf>
    <xf numFmtId="0" fontId="40" fillId="0" borderId="0" xfId="3" applyFont="1" applyAlignment="1">
      <alignment horizontal="left" vertical="center"/>
    </xf>
    <xf numFmtId="0" fontId="34" fillId="0" borderId="13" xfId="3" applyFont="1" applyBorder="1" applyAlignment="1">
      <alignment horizontal="center" vertical="center" wrapText="1"/>
    </xf>
    <xf numFmtId="0" fontId="40" fillId="0" borderId="0" xfId="3" applyFont="1" applyAlignment="1">
      <alignment horizontal="left" vertical="center" wrapText="1"/>
    </xf>
    <xf numFmtId="0" fontId="68" fillId="0" borderId="0" xfId="5" applyFont="1" applyFill="1" applyAlignment="1">
      <alignment horizontal="center" vertical="center"/>
    </xf>
    <xf numFmtId="0" fontId="68" fillId="0" borderId="87" xfId="3" applyFont="1" applyBorder="1" applyAlignment="1">
      <alignment horizontal="center" vertical="center"/>
    </xf>
    <xf numFmtId="0" fontId="34" fillId="0" borderId="87" xfId="3" applyFont="1" applyBorder="1" applyAlignment="1">
      <alignment vertical="center"/>
    </xf>
    <xf numFmtId="0" fontId="34" fillId="0" borderId="69" xfId="3" applyFont="1" applyBorder="1" applyAlignment="1">
      <alignment horizontal="center" vertical="center"/>
    </xf>
    <xf numFmtId="0" fontId="34" fillId="0" borderId="70" xfId="3" applyFont="1" applyBorder="1" applyAlignment="1">
      <alignment horizontal="center" vertical="center"/>
    </xf>
    <xf numFmtId="0" fontId="34" fillId="0" borderId="33" xfId="3" applyFont="1" applyBorder="1" applyAlignment="1">
      <alignment horizontal="center" vertical="center"/>
    </xf>
    <xf numFmtId="0" fontId="34" fillId="0" borderId="71" xfId="3" applyFont="1" applyBorder="1" applyAlignment="1">
      <alignment vertical="center"/>
    </xf>
    <xf numFmtId="0" fontId="34" fillId="0" borderId="72" xfId="3" applyFont="1" applyBorder="1" applyAlignment="1">
      <alignment vertical="center"/>
    </xf>
    <xf numFmtId="0" fontId="34" fillId="0" borderId="77" xfId="3" applyFont="1" applyBorder="1" applyAlignment="1">
      <alignment horizontal="center" vertical="center"/>
    </xf>
    <xf numFmtId="0" fontId="34" fillId="0" borderId="41" xfId="3" applyFont="1" applyBorder="1" applyAlignment="1">
      <alignment vertical="center"/>
    </xf>
    <xf numFmtId="0" fontId="34" fillId="0" borderId="77" xfId="5" applyFont="1" applyFill="1" applyBorder="1" applyAlignment="1">
      <alignment horizontal="center" vertical="center"/>
    </xf>
    <xf numFmtId="0" fontId="34" fillId="0" borderId="14" xfId="5" applyFont="1" applyFill="1" applyBorder="1" applyAlignment="1">
      <alignment horizontal="center" vertical="center"/>
    </xf>
    <xf numFmtId="0" fontId="34" fillId="0" borderId="15" xfId="5" applyFont="1" applyFill="1" applyBorder="1" applyAlignment="1">
      <alignment horizontal="center" vertical="center"/>
    </xf>
    <xf numFmtId="0" fontId="34" fillId="0" borderId="13" xfId="5" applyFont="1" applyFill="1" applyBorder="1" applyAlignment="1">
      <alignment horizontal="center" vertical="center"/>
    </xf>
    <xf numFmtId="0" fontId="34" fillId="0" borderId="41" xfId="5" applyFont="1" applyFill="1" applyBorder="1" applyAlignment="1">
      <alignment horizontal="center" vertical="center"/>
    </xf>
    <xf numFmtId="0" fontId="42" fillId="0" borderId="27" xfId="5" applyFont="1" applyBorder="1" applyAlignment="1">
      <alignment horizontal="center" vertical="center"/>
    </xf>
    <xf numFmtId="0" fontId="42" fillId="0" borderId="1" xfId="5" applyFont="1" applyBorder="1" applyAlignment="1">
      <alignment horizontal="center" vertical="center"/>
    </xf>
    <xf numFmtId="0" fontId="42" fillId="0" borderId="2" xfId="5" applyFont="1" applyFill="1" applyBorder="1" applyAlignment="1">
      <alignment horizontal="center" vertical="center" wrapText="1"/>
    </xf>
    <xf numFmtId="0" fontId="42" fillId="0" borderId="6" xfId="5" applyFont="1" applyFill="1" applyBorder="1" applyAlignment="1">
      <alignment horizontal="center" vertical="center" wrapText="1"/>
    </xf>
    <xf numFmtId="0" fontId="42" fillId="0" borderId="7" xfId="5" applyFont="1" applyFill="1" applyBorder="1" applyAlignment="1">
      <alignment horizontal="center" vertical="center" wrapText="1"/>
    </xf>
    <xf numFmtId="0" fontId="42" fillId="0" borderId="38" xfId="5" applyFont="1" applyFill="1" applyBorder="1" applyAlignment="1">
      <alignment horizontal="center" vertical="center" wrapText="1"/>
    </xf>
    <xf numFmtId="0" fontId="34" fillId="0" borderId="27" xfId="5" applyFont="1" applyFill="1" applyBorder="1" applyAlignment="1">
      <alignment horizontal="center" vertical="center" shrinkToFit="1"/>
    </xf>
    <xf numFmtId="0" fontId="34" fillId="0" borderId="1" xfId="5" applyFont="1" applyFill="1" applyBorder="1" applyAlignment="1">
      <alignment horizontal="center" vertical="center" shrinkToFit="1"/>
    </xf>
    <xf numFmtId="0" fontId="40" fillId="0" borderId="0" xfId="5" applyFont="1" applyFill="1" applyAlignment="1">
      <alignment horizontal="left" vertical="center" wrapText="1"/>
    </xf>
    <xf numFmtId="0" fontId="34" fillId="0" borderId="0" xfId="3" applyFont="1" applyAlignment="1">
      <alignment horizontal="left" vertical="center" wrapText="1"/>
    </xf>
    <xf numFmtId="0" fontId="34" fillId="0" borderId="28" xfId="5" applyFont="1" applyFill="1" applyBorder="1" applyAlignment="1">
      <alignment horizontal="center" vertical="center" shrinkToFit="1"/>
    </xf>
    <xf numFmtId="0" fontId="34" fillId="0" borderId="16" xfId="5" applyFont="1" applyFill="1" applyBorder="1" applyAlignment="1">
      <alignment horizontal="center" vertical="center" shrinkToFit="1"/>
    </xf>
    <xf numFmtId="0" fontId="34" fillId="0" borderId="22" xfId="5" applyFont="1" applyFill="1" applyBorder="1" applyAlignment="1">
      <alignment horizontal="center" vertical="center" wrapText="1"/>
    </xf>
    <xf numFmtId="0" fontId="34" fillId="0" borderId="32" xfId="5" applyFont="1" applyFill="1" applyBorder="1" applyAlignment="1">
      <alignment horizontal="center" vertical="center" wrapText="1"/>
    </xf>
    <xf numFmtId="0" fontId="34" fillId="0" borderId="32" xfId="3" applyFont="1" applyBorder="1" applyAlignment="1">
      <alignment horizontal="center" vertical="center" wrapText="1"/>
    </xf>
    <xf numFmtId="0" fontId="34" fillId="0" borderId="95" xfId="3" applyFont="1" applyBorder="1" applyAlignment="1">
      <alignment horizontal="center" vertical="center" wrapText="1"/>
    </xf>
    <xf numFmtId="0" fontId="34" fillId="0" borderId="61" xfId="5" applyFont="1" applyFill="1" applyBorder="1" applyAlignment="1">
      <alignment horizontal="center" vertical="center" wrapText="1"/>
    </xf>
    <xf numFmtId="0" fontId="34" fillId="0" borderId="4" xfId="5" applyFont="1" applyFill="1" applyBorder="1" applyAlignment="1">
      <alignment horizontal="center" vertical="center" wrapText="1"/>
    </xf>
    <xf numFmtId="0" fontId="34" fillId="0" borderId="4" xfId="3" applyFont="1" applyBorder="1" applyAlignment="1">
      <alignment horizontal="center" vertical="center" wrapText="1"/>
    </xf>
    <xf numFmtId="0" fontId="34" fillId="0" borderId="5" xfId="3" applyFont="1" applyBorder="1" applyAlignment="1">
      <alignment horizontal="center" vertical="center" wrapText="1"/>
    </xf>
    <xf numFmtId="0" fontId="34" fillId="0" borderId="142" xfId="5" applyFont="1" applyFill="1" applyBorder="1" applyAlignment="1">
      <alignment horizontal="center" vertical="center" wrapText="1"/>
    </xf>
    <xf numFmtId="0" fontId="34" fillId="0" borderId="7" xfId="3" applyFont="1" applyBorder="1" applyAlignment="1">
      <alignment horizontal="center" vertical="center" wrapText="1"/>
    </xf>
    <xf numFmtId="0" fontId="34" fillId="0" borderId="152" xfId="5" applyFont="1" applyFill="1" applyBorder="1" applyAlignment="1">
      <alignment horizontal="center" vertical="center" shrinkToFit="1"/>
    </xf>
    <xf numFmtId="0" fontId="34" fillId="0" borderId="30" xfId="5" applyFont="1" applyFill="1" applyBorder="1" applyAlignment="1">
      <alignment horizontal="center" vertical="center" shrinkToFit="1"/>
    </xf>
    <xf numFmtId="0" fontId="34" fillId="0" borderId="30" xfId="3" applyFont="1" applyBorder="1" applyAlignment="1">
      <alignment horizontal="center" vertical="center" shrinkToFit="1"/>
    </xf>
    <xf numFmtId="0" fontId="34" fillId="0" borderId="31" xfId="3" applyFont="1" applyBorder="1" applyAlignment="1">
      <alignment horizontal="center" vertical="center" shrinkToFit="1"/>
    </xf>
    <xf numFmtId="0" fontId="42" fillId="0" borderId="0" xfId="5" applyFont="1" applyFill="1" applyBorder="1" applyAlignment="1">
      <alignment horizontal="left" vertical="center" wrapText="1"/>
    </xf>
    <xf numFmtId="0" fontId="34" fillId="0" borderId="12" xfId="3" applyFont="1" applyBorder="1" applyAlignment="1">
      <alignment horizontal="left" vertical="center" wrapText="1" indent="1"/>
    </xf>
    <xf numFmtId="0" fontId="34" fillId="0" borderId="10" xfId="3" applyFont="1" applyBorder="1" applyAlignment="1">
      <alignment horizontal="left" vertical="center" wrapText="1" indent="1"/>
    </xf>
    <xf numFmtId="0" fontId="34" fillId="0" borderId="11" xfId="3" applyFont="1" applyBorder="1" applyAlignment="1">
      <alignment horizontal="left" vertical="center" wrapText="1" indent="1"/>
    </xf>
    <xf numFmtId="0" fontId="35" fillId="0" borderId="13" xfId="3" applyFont="1" applyBorder="1" applyAlignment="1">
      <alignment horizontal="center" vertical="center"/>
    </xf>
    <xf numFmtId="0" fontId="35" fillId="0" borderId="14" xfId="3" applyFont="1" applyBorder="1" applyAlignment="1">
      <alignment horizontal="center" vertical="center"/>
    </xf>
    <xf numFmtId="0" fontId="35" fillId="0" borderId="15" xfId="3" applyFont="1" applyBorder="1" applyAlignment="1">
      <alignment horizontal="center" vertical="center"/>
    </xf>
    <xf numFmtId="0" fontId="102" fillId="0" borderId="0" xfId="10" applyFont="1" applyBorder="1" applyAlignment="1">
      <alignment horizontal="right" vertical="center"/>
    </xf>
    <xf numFmtId="0" fontId="102" fillId="0" borderId="0" xfId="10" applyFont="1" applyBorder="1" applyAlignment="1">
      <alignment horizontal="center" vertical="center"/>
    </xf>
    <xf numFmtId="0" fontId="102" fillId="0" borderId="13" xfId="10" applyFont="1" applyBorder="1" applyAlignment="1">
      <alignment horizontal="left" vertical="center"/>
    </xf>
    <xf numFmtId="0" fontId="102" fillId="0" borderId="14" xfId="10" applyFont="1" applyBorder="1" applyAlignment="1">
      <alignment horizontal="left" vertical="center"/>
    </xf>
    <xf numFmtId="0" fontId="102" fillId="0" borderId="15" xfId="10" applyFont="1" applyBorder="1" applyAlignment="1">
      <alignment horizontal="left" vertical="center"/>
    </xf>
    <xf numFmtId="0" fontId="102" fillId="0" borderId="14" xfId="10" applyFont="1" applyBorder="1" applyAlignment="1">
      <alignment horizontal="center" vertical="center"/>
    </xf>
    <xf numFmtId="0" fontId="102" fillId="0" borderId="15" xfId="10" applyFont="1" applyBorder="1" applyAlignment="1">
      <alignment horizontal="center" vertical="center"/>
    </xf>
    <xf numFmtId="0" fontId="102" fillId="0" borderId="2" xfId="10" applyFont="1" applyBorder="1" applyAlignment="1">
      <alignment horizontal="center" vertical="center"/>
    </xf>
    <xf numFmtId="0" fontId="102" fillId="0" borderId="8" xfId="10" applyFont="1" applyBorder="1" applyAlignment="1">
      <alignment horizontal="center" vertical="center"/>
    </xf>
    <xf numFmtId="0" fontId="102" fillId="0" borderId="9" xfId="10" applyFont="1" applyBorder="1" applyAlignment="1">
      <alignment horizontal="center" vertical="center"/>
    </xf>
    <xf numFmtId="0" fontId="103" fillId="0" borderId="13" xfId="10" applyFont="1" applyBorder="1" applyAlignment="1">
      <alignment horizontal="center" vertical="center"/>
    </xf>
    <xf numFmtId="0" fontId="103" fillId="0" borderId="14" xfId="10" applyFont="1" applyBorder="1" applyAlignment="1">
      <alignment horizontal="center" vertical="center"/>
    </xf>
    <xf numFmtId="0" fontId="103" fillId="0" borderId="15" xfId="10" applyFont="1" applyBorder="1" applyAlignment="1">
      <alignment horizontal="center" vertical="center"/>
    </xf>
    <xf numFmtId="0" fontId="102" fillId="0" borderId="0" xfId="10" applyFont="1" applyBorder="1" applyAlignment="1">
      <alignment horizontal="left" vertical="center"/>
    </xf>
    <xf numFmtId="0" fontId="102" fillId="0" borderId="6" xfId="10" applyFont="1" applyBorder="1" applyAlignment="1">
      <alignment horizontal="center" vertical="center"/>
    </xf>
    <xf numFmtId="0" fontId="102" fillId="0" borderId="3" xfId="10" applyFont="1" applyBorder="1" applyAlignment="1">
      <alignment horizontal="center" vertical="center"/>
    </xf>
    <xf numFmtId="0" fontId="102" fillId="0" borderId="186" xfId="10" applyFont="1" applyBorder="1" applyAlignment="1">
      <alignment horizontal="center" vertical="center"/>
    </xf>
    <xf numFmtId="0" fontId="102" fillId="0" borderId="191" xfId="10" applyFont="1" applyBorder="1" applyAlignment="1">
      <alignment horizontal="center" vertical="center"/>
    </xf>
    <xf numFmtId="0" fontId="102" fillId="0" borderId="190" xfId="10" applyFont="1" applyBorder="1" applyAlignment="1">
      <alignment horizontal="center" vertical="center"/>
    </xf>
    <xf numFmtId="0" fontId="102" fillId="0" borderId="13" xfId="10" applyFont="1" applyBorder="1" applyAlignment="1">
      <alignment horizontal="center" vertical="center"/>
    </xf>
    <xf numFmtId="0" fontId="102" fillId="0" borderId="13" xfId="10" applyFont="1" applyBorder="1" applyAlignment="1">
      <alignment horizontal="center" vertical="center" shrinkToFit="1"/>
    </xf>
    <xf numFmtId="0" fontId="102" fillId="0" borderId="14" xfId="10" applyFont="1" applyBorder="1" applyAlignment="1">
      <alignment horizontal="center" vertical="center" shrinkToFit="1"/>
    </xf>
    <xf numFmtId="0" fontId="102" fillId="0" borderId="15" xfId="10" applyFont="1" applyBorder="1" applyAlignment="1">
      <alignment horizontal="center" vertical="center" shrinkToFit="1"/>
    </xf>
    <xf numFmtId="0" fontId="102" fillId="0" borderId="187" xfId="10" applyFont="1" applyBorder="1" applyAlignment="1">
      <alignment horizontal="center" vertical="center"/>
    </xf>
    <xf numFmtId="0" fontId="102" fillId="0" borderId="189" xfId="10" applyFont="1" applyBorder="1" applyAlignment="1">
      <alignment horizontal="center" vertical="center"/>
    </xf>
    <xf numFmtId="0" fontId="102" fillId="0" borderId="188" xfId="10" applyFont="1" applyBorder="1" applyAlignment="1">
      <alignment horizontal="center" vertical="center"/>
    </xf>
    <xf numFmtId="0" fontId="102" fillId="0" borderId="7" xfId="10" applyFont="1" applyBorder="1" applyAlignment="1">
      <alignment horizontal="center" vertical="center"/>
    </xf>
    <xf numFmtId="0" fontId="102" fillId="0" borderId="4" xfId="10" applyFont="1" applyBorder="1" applyAlignment="1">
      <alignment horizontal="center" vertical="center"/>
    </xf>
    <xf numFmtId="0" fontId="102" fillId="0" borderId="5" xfId="10" applyFont="1" applyBorder="1" applyAlignment="1">
      <alignment horizontal="center" vertical="center"/>
    </xf>
    <xf numFmtId="0" fontId="102" fillId="0" borderId="0" xfId="10" applyFont="1" applyBorder="1" applyAlignment="1">
      <alignment horizontal="left" vertical="center" wrapText="1"/>
    </xf>
    <xf numFmtId="0" fontId="102" fillId="0" borderId="0" xfId="10" applyFont="1" applyBorder="1" applyAlignment="1">
      <alignment horizontal="right" vertical="top"/>
    </xf>
    <xf numFmtId="0" fontId="91" fillId="0" borderId="2" xfId="10" applyFont="1" applyBorder="1" applyAlignment="1">
      <alignment horizontal="center" vertical="center"/>
    </xf>
    <xf numFmtId="0" fontId="91" fillId="0" borderId="8" xfId="10" applyFont="1" applyBorder="1" applyAlignment="1">
      <alignment horizontal="center" vertical="center"/>
    </xf>
    <xf numFmtId="0" fontId="91" fillId="0" borderId="9" xfId="10" applyFont="1" applyBorder="1" applyAlignment="1">
      <alignment horizontal="center" vertical="center"/>
    </xf>
    <xf numFmtId="0" fontId="91" fillId="0" borderId="7" xfId="10" applyFont="1" applyBorder="1" applyAlignment="1">
      <alignment horizontal="center" vertical="center"/>
    </xf>
    <xf numFmtId="0" fontId="91" fillId="0" borderId="4" xfId="10" applyFont="1" applyBorder="1" applyAlignment="1">
      <alignment horizontal="center" vertical="center"/>
    </xf>
    <xf numFmtId="0" fontId="91" fillId="0" borderId="5" xfId="10" applyFont="1" applyBorder="1" applyAlignment="1">
      <alignment horizontal="center" vertical="center"/>
    </xf>
    <xf numFmtId="0" fontId="109" fillId="0" borderId="0" xfId="10" applyFont="1" applyAlignment="1">
      <alignment horizontal="center" vertical="center" wrapText="1"/>
    </xf>
    <xf numFmtId="0" fontId="109" fillId="0" borderId="0" xfId="10" applyFont="1" applyAlignment="1">
      <alignment horizontal="center" vertical="center"/>
    </xf>
    <xf numFmtId="0" fontId="91" fillId="0" borderId="13" xfId="10" applyFont="1" applyBorder="1" applyAlignment="1">
      <alignment horizontal="distributed" vertical="center" justifyLastLine="1"/>
    </xf>
    <xf numFmtId="0" fontId="91" fillId="0" borderId="14" xfId="10" applyFont="1" applyBorder="1" applyAlignment="1">
      <alignment horizontal="distributed" vertical="center" justifyLastLine="1"/>
    </xf>
    <xf numFmtId="0" fontId="91" fillId="0" borderId="15" xfId="10" applyFont="1" applyBorder="1" applyAlignment="1">
      <alignment horizontal="distributed" vertical="center" justifyLastLine="1"/>
    </xf>
    <xf numFmtId="0" fontId="91" fillId="0" borderId="14" xfId="10" applyFont="1" applyBorder="1" applyAlignment="1">
      <alignment horizontal="left" vertical="center"/>
    </xf>
    <xf numFmtId="0" fontId="91" fillId="0" borderId="15" xfId="10" applyFont="1" applyBorder="1" applyAlignment="1">
      <alignment horizontal="left" vertical="center"/>
    </xf>
    <xf numFmtId="0" fontId="91" fillId="0" borderId="13" xfId="10" applyFont="1" applyBorder="1">
      <alignment vertical="center"/>
    </xf>
    <xf numFmtId="0" fontId="91" fillId="0" borderId="14" xfId="10" applyFont="1" applyBorder="1">
      <alignment vertical="center"/>
    </xf>
    <xf numFmtId="0" fontId="91" fillId="0" borderId="13" xfId="10" applyFont="1" applyBorder="1" applyAlignment="1">
      <alignment horizontal="left" vertical="center"/>
    </xf>
    <xf numFmtId="0" fontId="91" fillId="0" borderId="0" xfId="10" applyFont="1" applyBorder="1" applyAlignment="1">
      <alignment horizontal="center" vertical="center"/>
    </xf>
    <xf numFmtId="0" fontId="91" fillId="0" borderId="8" xfId="10" applyFont="1" applyBorder="1" applyAlignment="1">
      <alignment horizontal="left" vertical="center"/>
    </xf>
    <xf numFmtId="0" fontId="91" fillId="0" borderId="13" xfId="10" applyFont="1" applyBorder="1" applyAlignment="1">
      <alignment horizontal="left" vertical="center" justifyLastLine="1"/>
    </xf>
    <xf numFmtId="0" fontId="91" fillId="0" borderId="14" xfId="10" applyFont="1" applyBorder="1" applyAlignment="1">
      <alignment horizontal="left" vertical="center" justifyLastLine="1"/>
    </xf>
    <xf numFmtId="0" fontId="91" fillId="0" borderId="15" xfId="10" applyFont="1" applyBorder="1" applyAlignment="1">
      <alignment horizontal="left" vertical="center" justifyLastLine="1"/>
    </xf>
    <xf numFmtId="0" fontId="91" fillId="0" borderId="13" xfId="10" applyFont="1" applyBorder="1" applyAlignment="1">
      <alignment vertical="center"/>
    </xf>
    <xf numFmtId="0" fontId="91" fillId="0" borderId="14" xfId="10" applyFont="1" applyBorder="1" applyAlignment="1">
      <alignment vertical="center"/>
    </xf>
    <xf numFmtId="0" fontId="91" fillId="0" borderId="15" xfId="10" applyFont="1" applyBorder="1" applyAlignment="1">
      <alignment vertical="center"/>
    </xf>
    <xf numFmtId="0" fontId="7" fillId="0" borderId="0" xfId="2" applyFont="1" applyBorder="1" applyAlignment="1">
      <alignment horizontal="center" vertical="center"/>
    </xf>
    <xf numFmtId="0" fontId="5" fillId="0" borderId="0" xfId="2" applyBorder="1" applyAlignment="1">
      <alignment vertical="center" wrapText="1"/>
    </xf>
    <xf numFmtId="0" fontId="38" fillId="0" borderId="13" xfId="2" applyFont="1" applyBorder="1" applyAlignment="1">
      <alignment horizontal="center" vertical="center"/>
    </xf>
    <xf numFmtId="0" fontId="38" fillId="0" borderId="14" xfId="2" applyFont="1" applyBorder="1" applyAlignment="1">
      <alignment horizontal="center" vertical="center"/>
    </xf>
    <xf numFmtId="0" fontId="38" fillId="0" borderId="15" xfId="2" applyFont="1" applyBorder="1" applyAlignment="1">
      <alignment horizontal="center" vertical="center"/>
    </xf>
    <xf numFmtId="0" fontId="38" fillId="0" borderId="14" xfId="2" applyFont="1" applyBorder="1" applyAlignment="1">
      <alignment vertical="center" wrapText="1"/>
    </xf>
    <xf numFmtId="0" fontId="5" fillId="0" borderId="0" xfId="2" applyAlignment="1">
      <alignment vertical="center" wrapText="1"/>
    </xf>
    <xf numFmtId="0" fontId="41" fillId="0" borderId="163" xfId="10" applyFont="1" applyBorder="1" applyAlignment="1">
      <alignment vertical="center" wrapText="1"/>
    </xf>
    <xf numFmtId="0" fontId="41" fillId="0" borderId="162" xfId="10" applyFont="1" applyBorder="1" applyAlignment="1">
      <alignment vertical="center" wrapText="1"/>
    </xf>
    <xf numFmtId="0" fontId="41" fillId="0" borderId="12" xfId="10" applyFont="1" applyFill="1" applyBorder="1" applyAlignment="1">
      <alignment horizontal="center" vertical="center" shrinkToFit="1"/>
    </xf>
    <xf numFmtId="0" fontId="41" fillId="0" borderId="10" xfId="10" applyFont="1" applyFill="1" applyBorder="1" applyAlignment="1">
      <alignment horizontal="center" vertical="center" shrinkToFit="1"/>
    </xf>
    <xf numFmtId="0" fontId="41" fillId="0" borderId="11" xfId="10" applyFont="1" applyFill="1" applyBorder="1" applyAlignment="1">
      <alignment horizontal="center" vertical="center" shrinkToFit="1"/>
    </xf>
    <xf numFmtId="0" fontId="41" fillId="0" borderId="181" xfId="10" applyFont="1" applyBorder="1" applyAlignment="1">
      <alignment vertical="center" wrapText="1"/>
    </xf>
    <xf numFmtId="0" fontId="41" fillId="0" borderId="182" xfId="10" applyFont="1" applyBorder="1" applyAlignment="1">
      <alignment vertical="center" wrapText="1"/>
    </xf>
    <xf numFmtId="0" fontId="41" fillId="0" borderId="171" xfId="10" applyFont="1" applyBorder="1" applyAlignment="1">
      <alignment vertical="center" wrapText="1"/>
    </xf>
    <xf numFmtId="0" fontId="41" fillId="0" borderId="170" xfId="10" applyFont="1" applyBorder="1" applyAlignment="1">
      <alignment vertical="center" wrapText="1"/>
    </xf>
    <xf numFmtId="0" fontId="41" fillId="0" borderId="13" xfId="10" applyFont="1" applyFill="1" applyBorder="1" applyAlignment="1">
      <alignment horizontal="center" vertical="center" wrapText="1"/>
    </xf>
    <xf numFmtId="0" fontId="41" fillId="0" borderId="14" xfId="10" applyFont="1" applyFill="1" applyBorder="1" applyAlignment="1">
      <alignment horizontal="center" vertical="center" wrapText="1"/>
    </xf>
    <xf numFmtId="0" fontId="41" fillId="0" borderId="15" xfId="10" applyFont="1" applyFill="1" applyBorder="1" applyAlignment="1">
      <alignment horizontal="center" vertical="center" wrapText="1"/>
    </xf>
    <xf numFmtId="0" fontId="41" fillId="0" borderId="96" xfId="10" applyFont="1" applyBorder="1" applyAlignment="1">
      <alignment horizontal="center" vertical="center"/>
    </xf>
    <xf numFmtId="0" fontId="41" fillId="0" borderId="219" xfId="10" applyFont="1" applyBorder="1" applyAlignment="1">
      <alignment horizontal="center" vertical="center"/>
    </xf>
    <xf numFmtId="0" fontId="41" fillId="0" borderId="218" xfId="10" applyFont="1" applyBorder="1" applyAlignment="1">
      <alignment horizontal="center" vertical="center"/>
    </xf>
    <xf numFmtId="0" fontId="41" fillId="0" borderId="97" xfId="10" applyFont="1" applyBorder="1" applyAlignment="1">
      <alignment horizontal="center" vertical="center"/>
    </xf>
    <xf numFmtId="0" fontId="41" fillId="0" borderId="217" xfId="10" applyFont="1" applyBorder="1" applyAlignment="1">
      <alignment horizontal="center" vertical="center"/>
    </xf>
    <xf numFmtId="0" fontId="41" fillId="0" borderId="216" xfId="10" applyFont="1" applyBorder="1" applyAlignment="1">
      <alignment horizontal="center" vertical="center"/>
    </xf>
    <xf numFmtId="0" fontId="41" fillId="0" borderId="215" xfId="10" applyFont="1" applyBorder="1" applyAlignment="1">
      <alignment horizontal="center" vertical="center"/>
    </xf>
    <xf numFmtId="0" fontId="41" fillId="0" borderId="214" xfId="10" applyFont="1" applyBorder="1" applyAlignment="1">
      <alignment horizontal="center" vertical="center"/>
    </xf>
    <xf numFmtId="0" fontId="41" fillId="0" borderId="213" xfId="10" applyFont="1" applyBorder="1" applyAlignment="1">
      <alignment horizontal="center" vertical="center"/>
    </xf>
    <xf numFmtId="0" fontId="41" fillId="0" borderId="2" xfId="10" applyFont="1" applyBorder="1" applyAlignment="1">
      <alignment horizontal="center" vertical="center"/>
    </xf>
    <xf numFmtId="0" fontId="41" fillId="0" borderId="8" xfId="10" applyFont="1" applyBorder="1" applyAlignment="1">
      <alignment horizontal="center" vertical="center"/>
    </xf>
    <xf numFmtId="0" fontId="41" fillId="0" borderId="9" xfId="10" applyFont="1" applyBorder="1" applyAlignment="1">
      <alignment horizontal="center" vertical="center"/>
    </xf>
    <xf numFmtId="0" fontId="41" fillId="0" borderId="2" xfId="10" applyFont="1" applyBorder="1" applyAlignment="1">
      <alignment vertical="center" wrapText="1"/>
    </xf>
    <xf numFmtId="0" fontId="41" fillId="0" borderId="9" xfId="10" applyFont="1" applyBorder="1" applyAlignment="1">
      <alignment vertical="center" wrapText="1"/>
    </xf>
    <xf numFmtId="0" fontId="41" fillId="0" borderId="6" xfId="10" applyFont="1" applyBorder="1" applyAlignment="1">
      <alignment vertical="center" wrapText="1"/>
    </xf>
    <xf numFmtId="0" fontId="41" fillId="0" borderId="3" xfId="10" applyFont="1" applyBorder="1" applyAlignment="1">
      <alignment vertical="center" wrapText="1"/>
    </xf>
    <xf numFmtId="0" fontId="41" fillId="0" borderId="7" xfId="10" applyFont="1" applyBorder="1" applyAlignment="1">
      <alignment vertical="center" wrapText="1"/>
    </xf>
    <xf numFmtId="0" fontId="41" fillId="0" borderId="5" xfId="10" applyFont="1" applyBorder="1" applyAlignment="1">
      <alignment vertical="center" wrapText="1"/>
    </xf>
    <xf numFmtId="0" fontId="41" fillId="0" borderId="2" xfId="10" applyFont="1" applyFill="1" applyBorder="1" applyAlignment="1">
      <alignment vertical="center" wrapText="1"/>
    </xf>
    <xf numFmtId="0" fontId="41" fillId="0" borderId="9" xfId="10" applyFont="1" applyFill="1" applyBorder="1" applyAlignment="1">
      <alignment vertical="center" wrapText="1"/>
    </xf>
    <xf numFmtId="0" fontId="41" fillId="0" borderId="6" xfId="10" applyFont="1" applyFill="1" applyBorder="1" applyAlignment="1">
      <alignment vertical="center" wrapText="1"/>
    </xf>
    <xf numFmtId="0" fontId="41" fillId="0" borderId="3" xfId="10" applyFont="1" applyFill="1" applyBorder="1" applyAlignment="1">
      <alignment vertical="center" wrapText="1"/>
    </xf>
    <xf numFmtId="0" fontId="41" fillId="0" borderId="7" xfId="10" applyFont="1" applyFill="1" applyBorder="1" applyAlignment="1">
      <alignment vertical="center" wrapText="1"/>
    </xf>
    <xf numFmtId="0" fontId="41" fillId="0" borderId="5" xfId="10" applyFont="1" applyFill="1" applyBorder="1" applyAlignment="1">
      <alignment vertical="center" wrapText="1"/>
    </xf>
    <xf numFmtId="0" fontId="8" fillId="0" borderId="1" xfId="2" applyFont="1" applyBorder="1" applyAlignment="1">
      <alignment vertical="center"/>
    </xf>
    <xf numFmtId="0" fontId="8" fillId="0" borderId="1" xfId="2" applyFont="1" applyBorder="1" applyAlignment="1">
      <alignment horizontal="center" vertical="center" wrapText="1"/>
    </xf>
    <xf numFmtId="182" fontId="5" fillId="0" borderId="1" xfId="2" applyNumberFormat="1" applyBorder="1" applyAlignment="1">
      <alignment horizontal="center" vertical="center"/>
    </xf>
    <xf numFmtId="0" fontId="92" fillId="0" borderId="0" xfId="2" applyFont="1" applyAlignment="1">
      <alignment horizontal="center" vertical="center"/>
    </xf>
    <xf numFmtId="0" fontId="94" fillId="0" borderId="267" xfId="2" applyFont="1" applyBorder="1">
      <alignment vertical="center"/>
    </xf>
    <xf numFmtId="0" fontId="94" fillId="0" borderId="268" xfId="2" applyFont="1" applyBorder="1">
      <alignment vertical="center"/>
    </xf>
    <xf numFmtId="0" fontId="92" fillId="0" borderId="270" xfId="2" applyFont="1" applyBorder="1" applyAlignment="1">
      <alignment horizontal="center" vertical="center"/>
    </xf>
    <xf numFmtId="0" fontId="94" fillId="0" borderId="267" xfId="2" applyFont="1" applyBorder="1" applyAlignment="1">
      <alignment horizontal="center" vertical="center" wrapText="1"/>
    </xf>
    <xf numFmtId="0" fontId="94" fillId="0" borderId="271" xfId="2" applyFont="1" applyBorder="1" applyAlignment="1">
      <alignment horizontal="center" vertical="center"/>
    </xf>
    <xf numFmtId="0" fontId="94" fillId="0" borderId="268" xfId="2" applyFont="1" applyBorder="1" applyAlignment="1">
      <alignment horizontal="center" vertical="center"/>
    </xf>
    <xf numFmtId="0" fontId="94" fillId="0" borderId="275" xfId="2" applyFont="1" applyBorder="1" applyAlignment="1">
      <alignment horizontal="left" vertical="center" wrapText="1" justifyLastLine="1"/>
    </xf>
    <xf numFmtId="0" fontId="94" fillId="0" borderId="269" xfId="2" applyFont="1" applyBorder="1" applyAlignment="1">
      <alignment horizontal="left" vertical="center" wrapText="1" justifyLastLine="1"/>
    </xf>
    <xf numFmtId="0" fontId="94" fillId="0" borderId="276" xfId="2" applyFont="1" applyBorder="1" applyAlignment="1">
      <alignment horizontal="left" vertical="center" wrapText="1" justifyLastLine="1"/>
    </xf>
    <xf numFmtId="0" fontId="94" fillId="0" borderId="270" xfId="2" applyFont="1" applyBorder="1" applyAlignment="1">
      <alignment horizontal="right" vertical="center"/>
    </xf>
    <xf numFmtId="0" fontId="94" fillId="0" borderId="270" xfId="2" applyFont="1" applyBorder="1">
      <alignment vertical="center"/>
    </xf>
    <xf numFmtId="0" fontId="94" fillId="0" borderId="290" xfId="2" applyFont="1" applyBorder="1" applyAlignment="1">
      <alignment horizontal="center" vertical="center"/>
    </xf>
    <xf numFmtId="0" fontId="94" fillId="0" borderId="291" xfId="2" applyFont="1" applyBorder="1" applyAlignment="1">
      <alignment horizontal="center" vertical="center"/>
    </xf>
    <xf numFmtId="0" fontId="94" fillId="0" borderId="292" xfId="2" applyFont="1" applyBorder="1">
      <alignment vertical="center"/>
    </xf>
    <xf numFmtId="0" fontId="94" fillId="0" borderId="291" xfId="2" applyFont="1" applyBorder="1">
      <alignment vertical="center"/>
    </xf>
    <xf numFmtId="0" fontId="94" fillId="0" borderId="272" xfId="2" applyFont="1" applyBorder="1">
      <alignment vertical="center"/>
    </xf>
    <xf numFmtId="0" fontId="94" fillId="0" borderId="3" xfId="2" applyFont="1" applyBorder="1">
      <alignment vertical="center"/>
    </xf>
    <xf numFmtId="0" fontId="94" fillId="0" borderId="275" xfId="2" applyFont="1" applyBorder="1">
      <alignment vertical="center"/>
    </xf>
    <xf numFmtId="0" fontId="94" fillId="0" borderId="276" xfId="2" applyFont="1" applyBorder="1">
      <alignment vertical="center"/>
    </xf>
    <xf numFmtId="0" fontId="94" fillId="0" borderId="267" xfId="2" applyFont="1" applyBorder="1" applyAlignment="1">
      <alignment horizontal="center" vertical="center"/>
    </xf>
    <xf numFmtId="0" fontId="94" fillId="0" borderId="270" xfId="2" applyFont="1" applyBorder="1" applyAlignment="1">
      <alignment horizontal="center" vertical="center" justifyLastLine="1"/>
    </xf>
    <xf numFmtId="0" fontId="94" fillId="0" borderId="267" xfId="2" applyFont="1" applyBorder="1" applyAlignment="1">
      <alignment vertical="center" justifyLastLine="1"/>
    </xf>
    <xf numFmtId="0" fontId="94" fillId="0" borderId="271" xfId="2" applyFont="1" applyBorder="1" applyAlignment="1">
      <alignment vertical="center" justifyLastLine="1"/>
    </xf>
    <xf numFmtId="0" fontId="94" fillId="0" borderId="268" xfId="2" applyFont="1" applyBorder="1" applyAlignment="1">
      <alignment vertical="center" justifyLastLine="1"/>
    </xf>
    <xf numFmtId="0" fontId="94" fillId="0" borderId="292" xfId="2" applyFont="1" applyBorder="1" applyAlignment="1">
      <alignment vertical="center" wrapText="1" justifyLastLine="1"/>
    </xf>
    <xf numFmtId="0" fontId="94" fillId="0" borderId="290" xfId="2" applyFont="1" applyBorder="1" applyAlignment="1">
      <alignment vertical="center" wrapText="1" justifyLastLine="1"/>
    </xf>
    <xf numFmtId="0" fontId="94" fillId="0" borderId="291" xfId="2" applyFont="1" applyBorder="1" applyAlignment="1">
      <alignment vertical="center" wrapText="1" justifyLastLine="1"/>
    </xf>
    <xf numFmtId="0" fontId="94" fillId="0" borderId="270" xfId="2" applyFont="1" applyBorder="1" applyAlignment="1">
      <alignment horizontal="left" vertical="center" wrapText="1" justifyLastLine="1"/>
    </xf>
    <xf numFmtId="0" fontId="94" fillId="0" borderId="293" xfId="2" applyFont="1" applyBorder="1" applyAlignment="1">
      <alignment horizontal="left" vertical="center" wrapText="1" justifyLastLine="1"/>
    </xf>
    <xf numFmtId="0" fontId="94" fillId="0" borderId="267" xfId="2" applyFont="1" applyBorder="1" applyAlignment="1">
      <alignment vertical="center" wrapText="1" justifyLastLine="1"/>
    </xf>
    <xf numFmtId="0" fontId="94" fillId="0" borderId="271" xfId="2" applyFont="1" applyBorder="1" applyAlignment="1">
      <alignment vertical="center" wrapText="1" justifyLastLine="1"/>
    </xf>
    <xf numFmtId="0" fontId="94" fillId="0" borderId="268" xfId="2" applyFont="1" applyBorder="1" applyAlignment="1">
      <alignment vertical="center" wrapText="1" justifyLastLine="1"/>
    </xf>
    <xf numFmtId="0" fontId="94" fillId="0" borderId="0" xfId="2" applyFont="1" applyAlignment="1">
      <alignment vertical="top" wrapText="1"/>
    </xf>
    <xf numFmtId="0" fontId="93" fillId="0" borderId="267" xfId="2" applyFont="1" applyBorder="1" applyAlignment="1">
      <alignment horizontal="left" vertical="center" wrapText="1"/>
    </xf>
    <xf numFmtId="0" fontId="93" fillId="0" borderId="268" xfId="2" applyFont="1" applyBorder="1" applyAlignment="1">
      <alignment horizontal="left" vertical="center"/>
    </xf>
    <xf numFmtId="0" fontId="94" fillId="0" borderId="0" xfId="2" applyFont="1" applyAlignment="1">
      <alignment horizontal="left" vertical="top" wrapText="1"/>
    </xf>
    <xf numFmtId="0" fontId="97" fillId="0" borderId="0" xfId="7" applyFont="1" applyAlignment="1">
      <alignment horizontal="right" vertical="center"/>
    </xf>
    <xf numFmtId="0" fontId="94" fillId="0" borderId="270" xfId="17" applyFont="1" applyBorder="1">
      <alignment vertical="center"/>
    </xf>
    <xf numFmtId="0" fontId="94" fillId="0" borderId="271" xfId="17" applyFont="1" applyBorder="1">
      <alignment vertical="center"/>
    </xf>
    <xf numFmtId="0" fontId="94" fillId="0" borderId="268" xfId="17" applyFont="1" applyBorder="1">
      <alignment vertical="center"/>
    </xf>
    <xf numFmtId="0" fontId="94" fillId="0" borderId="271" xfId="17" applyFont="1" applyBorder="1" applyAlignment="1">
      <alignment horizontal="center" vertical="center"/>
    </xf>
    <xf numFmtId="0" fontId="94" fillId="0" borderId="268" xfId="17" applyFont="1" applyBorder="1" applyAlignment="1">
      <alignment horizontal="center" vertical="center"/>
    </xf>
    <xf numFmtId="0" fontId="94" fillId="0" borderId="292" xfId="17" applyFont="1" applyBorder="1" applyAlignment="1">
      <alignment horizontal="left" vertical="center"/>
    </xf>
    <xf numFmtId="0" fontId="94" fillId="0" borderId="291" xfId="17" applyFont="1" applyBorder="1" applyAlignment="1">
      <alignment horizontal="left" vertical="center"/>
    </xf>
    <xf numFmtId="0" fontId="94" fillId="0" borderId="272" xfId="17" applyFont="1" applyBorder="1" applyAlignment="1">
      <alignment horizontal="left" vertical="center"/>
    </xf>
    <xf numFmtId="0" fontId="94" fillId="0" borderId="3" xfId="17" applyFont="1" applyBorder="1" applyAlignment="1">
      <alignment horizontal="left" vertical="center"/>
    </xf>
    <xf numFmtId="0" fontId="94" fillId="0" borderId="275" xfId="17" applyFont="1" applyBorder="1" applyAlignment="1">
      <alignment horizontal="left" vertical="center"/>
    </xf>
    <xf numFmtId="0" fontId="94" fillId="0" borderId="276" xfId="17" applyFont="1" applyBorder="1" applyAlignment="1">
      <alignment horizontal="left" vertical="center"/>
    </xf>
    <xf numFmtId="0" fontId="94" fillId="0" borderId="270" xfId="17" applyFont="1" applyBorder="1" applyAlignment="1">
      <alignment horizontal="left" vertical="center"/>
    </xf>
    <xf numFmtId="0" fontId="94" fillId="0" borderId="270" xfId="17" applyFont="1" applyBorder="1" applyAlignment="1">
      <alignment horizontal="left" vertical="center" wrapText="1"/>
    </xf>
    <xf numFmtId="0" fontId="94" fillId="0" borderId="0" xfId="17" applyFont="1" applyAlignment="1">
      <alignment horizontal="left" vertical="center"/>
    </xf>
    <xf numFmtId="0" fontId="94" fillId="0" borderId="0" xfId="17" applyFont="1" applyAlignment="1">
      <alignment horizontal="left" vertical="center" wrapText="1"/>
    </xf>
    <xf numFmtId="0" fontId="94" fillId="0" borderId="0" xfId="7" applyFont="1" applyAlignment="1">
      <alignment horizontal="left" vertical="center" wrapText="1"/>
    </xf>
    <xf numFmtId="0" fontId="130" fillId="0" borderId="267" xfId="2" applyFont="1" applyBorder="1" applyAlignment="1">
      <alignment horizontal="center" vertical="center" wrapText="1"/>
    </xf>
    <xf numFmtId="0" fontId="130" fillId="0" borderId="271" xfId="2" applyFont="1" applyBorder="1" applyAlignment="1">
      <alignment horizontal="center" vertical="center"/>
    </xf>
    <xf numFmtId="0" fontId="130" fillId="0" borderId="268" xfId="2" applyFont="1" applyBorder="1" applyAlignment="1">
      <alignment horizontal="center" vertical="center"/>
    </xf>
    <xf numFmtId="0" fontId="94" fillId="0" borderId="267" xfId="2" applyFont="1" applyBorder="1" applyAlignment="1">
      <alignment horizontal="left" vertical="center" wrapText="1"/>
    </xf>
    <xf numFmtId="0" fontId="94" fillId="0" borderId="271" xfId="2" applyFont="1" applyBorder="1" applyAlignment="1">
      <alignment horizontal="left" vertical="center" wrapText="1"/>
    </xf>
    <xf numFmtId="0" fontId="94" fillId="0" borderId="267" xfId="2" applyFont="1" applyBorder="1" applyAlignment="1">
      <alignment horizontal="right" vertical="center"/>
    </xf>
    <xf numFmtId="0" fontId="94" fillId="0" borderId="268" xfId="2" applyFont="1" applyBorder="1" applyAlignment="1">
      <alignment horizontal="right" vertical="center"/>
    </xf>
    <xf numFmtId="0" fontId="94" fillId="0" borderId="267" xfId="2" applyFont="1" applyBorder="1" applyAlignment="1">
      <alignment horizontal="left" vertical="center"/>
    </xf>
    <xf numFmtId="0" fontId="94" fillId="0" borderId="271" xfId="2" applyFont="1" applyBorder="1" applyAlignment="1">
      <alignment horizontal="left" vertical="center"/>
    </xf>
    <xf numFmtId="0" fontId="94" fillId="0" borderId="268" xfId="2" applyFont="1" applyBorder="1" applyAlignment="1">
      <alignment horizontal="left" vertical="center"/>
    </xf>
    <xf numFmtId="0" fontId="94" fillId="0" borderId="275" xfId="2" applyFont="1" applyBorder="1" applyAlignment="1">
      <alignment horizontal="left" vertical="center" wrapText="1"/>
    </xf>
    <xf numFmtId="0" fontId="94" fillId="0" borderId="269" xfId="2" applyFont="1" applyBorder="1" applyAlignment="1">
      <alignment horizontal="left" vertical="center" wrapText="1"/>
    </xf>
    <xf numFmtId="0" fontId="94" fillId="0" borderId="276" xfId="2" applyFont="1" applyBorder="1" applyAlignment="1">
      <alignment horizontal="left" vertical="center" wrapText="1"/>
    </xf>
    <xf numFmtId="0" fontId="94" fillId="0" borderId="292" xfId="2" applyFont="1" applyBorder="1" applyAlignment="1">
      <alignment horizontal="center" vertical="center"/>
    </xf>
    <xf numFmtId="0" fontId="94" fillId="0" borderId="271" xfId="2" applyFont="1" applyBorder="1" applyAlignment="1">
      <alignment horizontal="left" vertical="center" wrapText="1" justifyLastLine="1"/>
    </xf>
    <xf numFmtId="0" fontId="94" fillId="0" borderId="268" xfId="2" applyFont="1" applyBorder="1" applyAlignment="1">
      <alignment horizontal="left" vertical="center" wrapText="1" justifyLastLine="1"/>
    </xf>
    <xf numFmtId="0" fontId="94" fillId="0" borderId="292" xfId="2" applyFont="1" applyBorder="1" applyAlignment="1">
      <alignment horizontal="center" vertical="center" wrapText="1" justifyLastLine="1"/>
    </xf>
    <xf numFmtId="0" fontId="94" fillId="0" borderId="290" xfId="2" applyFont="1" applyBorder="1" applyAlignment="1">
      <alignment horizontal="center" vertical="center" wrapText="1" justifyLastLine="1"/>
    </xf>
    <xf numFmtId="0" fontId="94" fillId="0" borderId="291" xfId="2" applyFont="1" applyBorder="1" applyAlignment="1">
      <alignment horizontal="center" vertical="center" wrapText="1" justifyLastLine="1"/>
    </xf>
    <xf numFmtId="0" fontId="94" fillId="0" borderId="272" xfId="2" applyFont="1" applyBorder="1" applyAlignment="1">
      <alignment horizontal="center" vertical="center" wrapText="1" justifyLastLine="1"/>
    </xf>
    <xf numFmtId="0" fontId="94" fillId="0" borderId="0" xfId="2" applyFont="1" applyAlignment="1">
      <alignment horizontal="center" vertical="center" wrapText="1" justifyLastLine="1"/>
    </xf>
    <xf numFmtId="0" fontId="94" fillId="0" borderId="3" xfId="2" applyFont="1" applyBorder="1" applyAlignment="1">
      <alignment horizontal="center" vertical="center" wrapText="1" justifyLastLine="1"/>
    </xf>
    <xf numFmtId="0" fontId="94" fillId="0" borderId="275" xfId="2" applyFont="1" applyBorder="1" applyAlignment="1">
      <alignment horizontal="center" vertical="center" wrapText="1" justifyLastLine="1"/>
    </xf>
    <xf numFmtId="0" fontId="94" fillId="0" borderId="269" xfId="2" applyFont="1" applyBorder="1" applyAlignment="1">
      <alignment horizontal="center" vertical="center" wrapText="1" justifyLastLine="1"/>
    </xf>
    <xf numFmtId="0" fontId="94" fillId="0" borderId="276" xfId="2" applyFont="1" applyBorder="1" applyAlignment="1">
      <alignment horizontal="center" vertical="center" wrapText="1" justifyLastLine="1"/>
    </xf>
    <xf numFmtId="0" fontId="96" fillId="0" borderId="294" xfId="2" applyFont="1" applyBorder="1" applyAlignment="1">
      <alignment horizontal="left" vertical="center" wrapText="1"/>
    </xf>
    <xf numFmtId="0" fontId="96" fillId="0" borderId="190" xfId="2" applyFont="1" applyBorder="1" applyAlignment="1">
      <alignment horizontal="left" vertical="center"/>
    </xf>
    <xf numFmtId="0" fontId="96" fillId="0" borderId="289" xfId="2" applyFont="1" applyBorder="1" applyAlignment="1">
      <alignment horizontal="left" vertical="center"/>
    </xf>
    <xf numFmtId="0" fontId="96" fillId="0" borderId="228" xfId="2" applyFont="1" applyBorder="1" applyAlignment="1">
      <alignment horizontal="left" vertical="center" wrapText="1"/>
    </xf>
    <xf numFmtId="0" fontId="96" fillId="0" borderId="230" xfId="2" applyFont="1" applyBorder="1" applyAlignment="1">
      <alignment horizontal="left" vertical="center"/>
    </xf>
    <xf numFmtId="0" fontId="96" fillId="0" borderId="275" xfId="2" applyFont="1" applyBorder="1" applyAlignment="1">
      <alignment horizontal="left" vertical="center" wrapText="1"/>
    </xf>
    <xf numFmtId="0" fontId="96" fillId="0" borderId="276" xfId="2" applyFont="1" applyBorder="1" applyAlignment="1">
      <alignment horizontal="left" vertical="center"/>
    </xf>
    <xf numFmtId="0" fontId="94" fillId="0" borderId="293" xfId="2" applyFont="1" applyBorder="1" applyAlignment="1">
      <alignment vertical="center" wrapText="1" justifyLastLine="1"/>
    </xf>
    <xf numFmtId="0" fontId="94" fillId="0" borderId="293" xfId="2" applyFont="1" applyBorder="1" applyAlignment="1">
      <alignment horizontal="right" vertical="center"/>
    </xf>
    <xf numFmtId="0" fontId="94" fillId="0" borderId="270" xfId="2" applyFont="1" applyBorder="1" applyAlignment="1">
      <alignment horizontal="center" vertical="center"/>
    </xf>
    <xf numFmtId="0" fontId="94" fillId="0" borderId="275" xfId="2" applyFont="1" applyBorder="1" applyAlignment="1">
      <alignment horizontal="center" vertical="center"/>
    </xf>
    <xf numFmtId="0" fontId="94" fillId="0" borderId="269" xfId="2" applyFont="1" applyBorder="1" applyAlignment="1">
      <alignment horizontal="center" vertical="center"/>
    </xf>
    <xf numFmtId="0" fontId="94" fillId="0" borderId="293" xfId="2" applyFont="1" applyBorder="1" applyAlignment="1">
      <alignment horizontal="left" vertical="center" wrapText="1"/>
    </xf>
    <xf numFmtId="0" fontId="94" fillId="0" borderId="273" xfId="2" applyFont="1" applyBorder="1" applyAlignment="1">
      <alignment horizontal="left" vertical="center"/>
    </xf>
    <xf numFmtId="0" fontId="94" fillId="0" borderId="270" xfId="2" applyFont="1" applyBorder="1" applyAlignment="1">
      <alignment vertical="center" justifyLastLine="1"/>
    </xf>
    <xf numFmtId="0" fontId="94" fillId="0" borderId="270" xfId="2" applyFont="1" applyBorder="1" applyAlignment="1">
      <alignment vertical="center" wrapText="1" justifyLastLine="1"/>
    </xf>
    <xf numFmtId="0" fontId="94" fillId="0" borderId="171" xfId="2" applyFont="1" applyBorder="1" applyAlignment="1">
      <alignment horizontal="right" vertical="center"/>
    </xf>
    <xf numFmtId="0" fontId="94" fillId="0" borderId="170" xfId="2" applyFont="1" applyBorder="1" applyAlignment="1">
      <alignment horizontal="right" vertical="center"/>
    </xf>
    <xf numFmtId="0" fontId="94" fillId="0" borderId="93" xfId="2" applyFont="1" applyBorder="1" applyAlignment="1">
      <alignment horizontal="right" vertical="center"/>
    </xf>
    <xf numFmtId="0" fontId="94" fillId="0" borderId="159" xfId="2" applyFont="1" applyBorder="1" applyAlignment="1">
      <alignment horizontal="right" vertical="center"/>
    </xf>
    <xf numFmtId="0" fontId="94" fillId="0" borderId="270" xfId="2" applyFont="1" applyBorder="1" applyAlignment="1">
      <alignment horizontal="center" vertical="center" wrapText="1" justifyLastLine="1"/>
    </xf>
    <xf numFmtId="0" fontId="94" fillId="0" borderId="270" xfId="2" applyFont="1" applyBorder="1" applyAlignment="1">
      <alignment horizontal="center" vertical="center" wrapText="1"/>
    </xf>
    <xf numFmtId="0" fontId="94" fillId="0" borderId="225" xfId="2" applyFont="1" applyBorder="1" applyAlignment="1">
      <alignment horizontal="center" vertical="center"/>
    </xf>
    <xf numFmtId="0" fontId="94" fillId="0" borderId="224" xfId="2" applyFont="1" applyBorder="1" applyAlignment="1">
      <alignment horizontal="center" vertical="center"/>
    </xf>
    <xf numFmtId="0" fontId="94" fillId="0" borderId="223" xfId="2" applyFont="1" applyBorder="1" applyAlignment="1">
      <alignment horizontal="center" vertical="center"/>
    </xf>
    <xf numFmtId="0" fontId="94" fillId="0" borderId="222" xfId="2" applyFont="1" applyBorder="1" applyAlignment="1">
      <alignment horizontal="center" vertical="center"/>
    </xf>
    <xf numFmtId="0" fontId="94" fillId="0" borderId="221" xfId="2" applyFont="1" applyBorder="1" applyAlignment="1">
      <alignment horizontal="center" vertical="center"/>
    </xf>
    <xf numFmtId="0" fontId="94" fillId="0" borderId="220" xfId="2" applyFont="1" applyBorder="1" applyAlignment="1">
      <alignment horizontal="center" vertical="center"/>
    </xf>
    <xf numFmtId="0" fontId="94" fillId="0" borderId="25" xfId="2" applyFont="1" applyBorder="1" applyAlignment="1">
      <alignment horizontal="center" vertical="center"/>
    </xf>
    <xf numFmtId="0" fontId="153" fillId="0" borderId="0" xfId="2" applyFont="1" applyAlignment="1">
      <alignment vertical="center" wrapText="1"/>
    </xf>
    <xf numFmtId="0" fontId="154" fillId="0" borderId="0" xfId="2" applyFont="1" applyAlignment="1">
      <alignment vertical="center" wrapText="1"/>
    </xf>
    <xf numFmtId="0" fontId="94" fillId="0" borderId="0" xfId="2" applyFont="1" applyAlignment="1">
      <alignment horizontal="left" vertical="center"/>
    </xf>
    <xf numFmtId="0" fontId="94" fillId="0" borderId="277" xfId="2" applyFont="1" applyBorder="1" applyAlignment="1">
      <alignment horizontal="center" vertical="center"/>
    </xf>
    <xf numFmtId="0" fontId="94" fillId="0" borderId="3" xfId="2" applyFont="1" applyBorder="1" applyAlignment="1">
      <alignment vertical="top" wrapText="1"/>
    </xf>
    <xf numFmtId="0" fontId="94" fillId="0" borderId="3" xfId="2" applyFont="1" applyBorder="1" applyAlignment="1">
      <alignment horizontal="left" vertical="top" wrapText="1"/>
    </xf>
    <xf numFmtId="0" fontId="153" fillId="0" borderId="0" xfId="2" applyFont="1" applyAlignment="1">
      <alignment vertical="center"/>
    </xf>
    <xf numFmtId="0" fontId="94" fillId="0" borderId="277" xfId="2" applyFont="1" applyBorder="1" applyAlignment="1">
      <alignment horizontal="left" vertical="center"/>
    </xf>
    <xf numFmtId="0" fontId="5" fillId="0" borderId="0" xfId="2" applyAlignment="1">
      <alignment horizontal="right" vertical="center"/>
    </xf>
    <xf numFmtId="0" fontId="92" fillId="0" borderId="267" xfId="2" applyFont="1" applyBorder="1" applyAlignment="1">
      <alignment horizontal="center" vertical="center"/>
    </xf>
    <xf numFmtId="0" fontId="92" fillId="0" borderId="271" xfId="2" applyFont="1" applyBorder="1" applyAlignment="1">
      <alignment horizontal="center" vertical="center"/>
    </xf>
    <xf numFmtId="0" fontId="92" fillId="0" borderId="268" xfId="2" applyFont="1" applyBorder="1" applyAlignment="1">
      <alignment horizontal="center" vertical="center"/>
    </xf>
    <xf numFmtId="0" fontId="98" fillId="0" borderId="0" xfId="2" applyFont="1" applyAlignment="1">
      <alignment horizontal="left" vertical="center" wrapText="1"/>
    </xf>
    <xf numFmtId="0" fontId="94" fillId="0" borderId="293" xfId="2" applyFont="1" applyBorder="1" applyAlignment="1">
      <alignment horizontal="center" vertical="center" wrapText="1" justifyLastLine="1"/>
    </xf>
    <xf numFmtId="0" fontId="98" fillId="0" borderId="293" xfId="2" applyFont="1" applyBorder="1" applyAlignment="1">
      <alignment horizontal="right" vertical="center"/>
    </xf>
    <xf numFmtId="0" fontId="94" fillId="0" borderId="293" xfId="2" applyFont="1" applyBorder="1" applyAlignment="1">
      <alignment horizontal="left" vertical="center"/>
    </xf>
    <xf numFmtId="0" fontId="94" fillId="0" borderId="165" xfId="2" applyFont="1" applyBorder="1" applyAlignment="1">
      <alignment horizontal="center" vertical="center"/>
    </xf>
    <xf numFmtId="0" fontId="38" fillId="0" borderId="12" xfId="2" applyFont="1" applyBorder="1" applyAlignment="1">
      <alignment horizontal="left" vertical="center"/>
    </xf>
    <xf numFmtId="0" fontId="38" fillId="0" borderId="10" xfId="2" applyFont="1" applyBorder="1" applyAlignment="1">
      <alignment horizontal="left" vertical="center"/>
    </xf>
    <xf numFmtId="0" fontId="38" fillId="0" borderId="11" xfId="2" applyFont="1" applyBorder="1" applyAlignment="1">
      <alignment horizontal="left" vertical="center"/>
    </xf>
    <xf numFmtId="0" fontId="38" fillId="0" borderId="165" xfId="2" applyFont="1" applyBorder="1" applyAlignment="1">
      <alignment horizontal="center" vertical="center"/>
    </xf>
    <xf numFmtId="0" fontId="38" fillId="0" borderId="1" xfId="2" applyFont="1" applyBorder="1" applyAlignment="1">
      <alignment horizontal="center" vertical="center" justifyLastLine="1"/>
    </xf>
    <xf numFmtId="0" fontId="38" fillId="0" borderId="1" xfId="2" applyFont="1" applyBorder="1" applyAlignment="1">
      <alignment horizontal="right" vertical="center"/>
    </xf>
    <xf numFmtId="0" fontId="38" fillId="0" borderId="12" xfId="2" applyFont="1" applyBorder="1" applyAlignment="1">
      <alignment horizontal="center" vertical="center" wrapText="1" justifyLastLine="1"/>
    </xf>
    <xf numFmtId="0" fontId="38" fillId="0" borderId="12" xfId="2" applyFont="1" applyBorder="1" applyAlignment="1">
      <alignment horizontal="right" vertical="center"/>
    </xf>
    <xf numFmtId="0" fontId="38" fillId="0" borderId="159" xfId="2" applyFont="1" applyBorder="1" applyAlignment="1">
      <alignment horizontal="right" vertical="center"/>
    </xf>
    <xf numFmtId="0" fontId="38" fillId="0" borderId="1" xfId="2" applyFont="1" applyBorder="1" applyAlignment="1">
      <alignment horizontal="center" vertical="center" wrapText="1" justifyLastLine="1"/>
    </xf>
    <xf numFmtId="0" fontId="153" fillId="0" borderId="0" xfId="2" applyFont="1">
      <alignment vertical="center"/>
    </xf>
    <xf numFmtId="0" fontId="92" fillId="0" borderId="0" xfId="2" applyFont="1" applyAlignment="1">
      <alignment horizontal="center" vertical="center" wrapText="1"/>
    </xf>
    <xf numFmtId="0" fontId="94" fillId="0" borderId="293" xfId="2" applyFont="1" applyBorder="1" applyAlignment="1">
      <alignment horizontal="center" vertical="center"/>
    </xf>
    <xf numFmtId="0" fontId="155" fillId="0" borderId="267" xfId="2" applyFont="1" applyBorder="1" applyAlignment="1">
      <alignment horizontal="center" vertical="center"/>
    </xf>
    <xf numFmtId="0" fontId="155" fillId="0" borderId="271" xfId="2" applyFont="1" applyBorder="1" applyAlignment="1">
      <alignment horizontal="center" vertical="center"/>
    </xf>
    <xf numFmtId="0" fontId="155" fillId="0" borderId="268" xfId="2" applyFont="1" applyBorder="1" applyAlignment="1">
      <alignment horizontal="center" vertical="center"/>
    </xf>
    <xf numFmtId="0" fontId="94" fillId="0" borderId="0" xfId="2" applyFont="1" applyAlignment="1">
      <alignment vertical="center" wrapText="1"/>
    </xf>
    <xf numFmtId="0" fontId="98" fillId="0" borderId="0" xfId="2" applyFont="1" applyAlignment="1">
      <alignment vertical="center" wrapText="1"/>
    </xf>
    <xf numFmtId="0" fontId="97" fillId="0" borderId="0" xfId="2" applyFont="1" applyAlignment="1">
      <alignment vertical="center" wrapText="1"/>
    </xf>
    <xf numFmtId="0" fontId="94" fillId="0" borderId="269" xfId="2" applyFont="1" applyBorder="1" applyAlignment="1">
      <alignment vertical="center" wrapText="1"/>
    </xf>
    <xf numFmtId="0" fontId="94" fillId="0" borderId="270" xfId="2" applyFont="1" applyBorder="1" applyAlignment="1">
      <alignment horizontal="left" vertical="center"/>
    </xf>
    <xf numFmtId="0" fontId="97" fillId="0" borderId="269" xfId="2" applyFont="1" applyBorder="1" applyAlignment="1">
      <alignment vertical="center" wrapText="1"/>
    </xf>
    <xf numFmtId="0" fontId="94" fillId="0" borderId="270" xfId="7" applyFont="1" applyBorder="1" applyAlignment="1">
      <alignment horizontal="center" vertical="center"/>
    </xf>
    <xf numFmtId="0" fontId="5" fillId="0" borderId="0" xfId="7" applyAlignment="1">
      <alignment horizontal="right" vertical="center"/>
    </xf>
    <xf numFmtId="0" fontId="92" fillId="0" borderId="0" xfId="7" applyFont="1" applyAlignment="1">
      <alignment horizontal="center" vertical="center" wrapText="1"/>
    </xf>
    <xf numFmtId="0" fontId="94" fillId="0" borderId="267" xfId="7" applyFont="1" applyBorder="1" applyAlignment="1">
      <alignment horizontal="left" vertical="center"/>
    </xf>
    <xf numFmtId="0" fontId="94" fillId="0" borderId="271" xfId="7" applyFont="1" applyBorder="1" applyAlignment="1">
      <alignment horizontal="left" vertical="center"/>
    </xf>
    <xf numFmtId="0" fontId="94" fillId="0" borderId="268" xfId="7" applyFont="1" applyBorder="1" applyAlignment="1">
      <alignment horizontal="left" vertical="center"/>
    </xf>
    <xf numFmtId="0" fontId="94" fillId="0" borderId="0" xfId="17" applyFont="1" applyAlignment="1">
      <alignment horizontal="left" vertical="top" wrapText="1"/>
    </xf>
    <xf numFmtId="0" fontId="94" fillId="0" borderId="0" xfId="17" applyFont="1" applyAlignment="1">
      <alignment horizontal="left" vertical="top"/>
    </xf>
    <xf numFmtId="0" fontId="94" fillId="0" borderId="0" xfId="7" applyFont="1" applyAlignment="1">
      <alignment horizontal="center" vertical="center"/>
    </xf>
    <xf numFmtId="0" fontId="94" fillId="0" borderId="0" xfId="7" applyFont="1" applyAlignment="1">
      <alignment horizontal="left" vertical="top"/>
    </xf>
    <xf numFmtId="0" fontId="94" fillId="0" borderId="290" xfId="2" applyFont="1" applyBorder="1" applyAlignment="1">
      <alignment horizontal="center" vertical="center" wrapText="1"/>
    </xf>
    <xf numFmtId="0" fontId="97" fillId="0" borderId="0" xfId="2" applyFont="1" applyAlignment="1">
      <alignment horizontal="left" vertical="center"/>
    </xf>
    <xf numFmtId="0" fontId="94" fillId="0" borderId="277" xfId="2" applyFont="1" applyBorder="1" applyAlignment="1">
      <alignment horizontal="left" vertical="center" wrapText="1"/>
    </xf>
    <xf numFmtId="0" fontId="94" fillId="0" borderId="276" xfId="2" applyFont="1" applyBorder="1" applyAlignment="1">
      <alignment horizontal="center" vertical="center"/>
    </xf>
    <xf numFmtId="0" fontId="94" fillId="0" borderId="290" xfId="2" applyFont="1" applyBorder="1" applyAlignment="1">
      <alignment horizontal="left" vertical="center"/>
    </xf>
    <xf numFmtId="0" fontId="94" fillId="0" borderId="267" xfId="17" applyFont="1" applyBorder="1" applyAlignment="1">
      <alignment horizontal="left" vertical="center"/>
    </xf>
    <xf numFmtId="0" fontId="94" fillId="0" borderId="268" xfId="17" applyFont="1" applyBorder="1" applyAlignment="1">
      <alignment horizontal="left" vertical="center"/>
    </xf>
    <xf numFmtId="0" fontId="94" fillId="0" borderId="292" xfId="7" applyFont="1" applyBorder="1" applyAlignment="1">
      <alignment horizontal="left" vertical="center" wrapText="1"/>
    </xf>
    <xf numFmtId="0" fontId="94" fillId="0" borderId="291" xfId="7" applyFont="1" applyBorder="1" applyAlignment="1">
      <alignment horizontal="left" vertical="center" wrapText="1"/>
    </xf>
    <xf numFmtId="0" fontId="94" fillId="0" borderId="272" xfId="7" applyFont="1" applyBorder="1" applyAlignment="1">
      <alignment horizontal="left" vertical="center" wrapText="1"/>
    </xf>
    <xf numFmtId="0" fontId="94" fillId="0" borderId="3" xfId="7" applyFont="1" applyBorder="1" applyAlignment="1">
      <alignment horizontal="left" vertical="center" wrapText="1"/>
    </xf>
    <xf numFmtId="0" fontId="94" fillId="0" borderId="275" xfId="7" applyFont="1" applyBorder="1" applyAlignment="1">
      <alignment horizontal="left" vertical="center" wrapText="1"/>
    </xf>
    <xf numFmtId="0" fontId="94" fillId="0" borderId="276" xfId="7" applyFont="1" applyBorder="1" applyAlignment="1">
      <alignment horizontal="left" vertical="center" wrapText="1"/>
    </xf>
    <xf numFmtId="0" fontId="94" fillId="0" borderId="267" xfId="7" applyFont="1" applyBorder="1" applyAlignment="1">
      <alignment horizontal="left" vertical="center" wrapText="1"/>
    </xf>
    <xf numFmtId="0" fontId="94" fillId="0" borderId="268" xfId="7" applyFont="1" applyBorder="1" applyAlignment="1">
      <alignment horizontal="left" vertical="center" wrapText="1"/>
    </xf>
    <xf numFmtId="0" fontId="94" fillId="0" borderId="267" xfId="7" applyFont="1" applyBorder="1" applyAlignment="1">
      <alignment horizontal="center" vertical="center" shrinkToFit="1"/>
    </xf>
    <xf numFmtId="0" fontId="94" fillId="0" borderId="268" xfId="7" applyFont="1" applyBorder="1" applyAlignment="1">
      <alignment horizontal="center" vertical="center" shrinkToFit="1"/>
    </xf>
    <xf numFmtId="0" fontId="94" fillId="0" borderId="293" xfId="9" applyFont="1" applyBorder="1" applyAlignment="1">
      <alignment horizontal="left" vertical="center" wrapText="1"/>
    </xf>
    <xf numFmtId="0" fontId="94" fillId="0" borderId="273" xfId="9" applyFont="1" applyBorder="1" applyAlignment="1">
      <alignment horizontal="left" vertical="center" wrapText="1"/>
    </xf>
    <xf numFmtId="0" fontId="94" fillId="0" borderId="277" xfId="9" applyFont="1" applyBorder="1" applyAlignment="1">
      <alignment horizontal="left" vertical="center" wrapText="1"/>
    </xf>
    <xf numFmtId="0" fontId="94" fillId="0" borderId="0" xfId="9" applyFont="1" applyAlignment="1">
      <alignment horizontal="left" vertical="center" wrapText="1"/>
    </xf>
    <xf numFmtId="0" fontId="97" fillId="0" borderId="0" xfId="9" applyFont="1" applyAlignment="1">
      <alignment horizontal="right" vertical="center"/>
    </xf>
    <xf numFmtId="0" fontId="92" fillId="0" borderId="0" xfId="9" applyFont="1" applyAlignment="1">
      <alignment horizontal="center" vertical="center"/>
    </xf>
    <xf numFmtId="0" fontId="130" fillId="0" borderId="267" xfId="9" applyFont="1" applyBorder="1" applyAlignment="1">
      <alignment horizontal="center" vertical="center"/>
    </xf>
    <xf numFmtId="0" fontId="130" fillId="0" borderId="271" xfId="9" applyFont="1" applyBorder="1" applyAlignment="1">
      <alignment horizontal="center" vertical="center"/>
    </xf>
    <xf numFmtId="0" fontId="130" fillId="0" borderId="268" xfId="9" applyFont="1" applyBorder="1" applyAlignment="1">
      <alignment horizontal="center" vertical="center"/>
    </xf>
    <xf numFmtId="0" fontId="94" fillId="0" borderId="290" xfId="9" applyFont="1" applyBorder="1" applyAlignment="1">
      <alignment horizontal="center" vertical="center"/>
    </xf>
    <xf numFmtId="0" fontId="94" fillId="0" borderId="291" xfId="9" applyFont="1" applyBorder="1" applyAlignment="1">
      <alignment horizontal="center" vertical="center"/>
    </xf>
    <xf numFmtId="0" fontId="94" fillId="0" borderId="1" xfId="10" applyFont="1" applyBorder="1" applyAlignment="1">
      <alignment horizontal="center" vertical="center"/>
    </xf>
    <xf numFmtId="0" fontId="94" fillId="0" borderId="2" xfId="10" applyFont="1" applyBorder="1" applyAlignment="1">
      <alignment horizontal="center" vertical="center"/>
    </xf>
    <xf numFmtId="0" fontId="94" fillId="0" borderId="2" xfId="10" applyFont="1" applyBorder="1" applyAlignment="1">
      <alignment vertical="center" wrapText="1"/>
    </xf>
    <xf numFmtId="0" fontId="94" fillId="0" borderId="6" xfId="10" applyFont="1" applyBorder="1" applyAlignment="1">
      <alignment vertical="center" wrapText="1"/>
    </xf>
    <xf numFmtId="0" fontId="94" fillId="0" borderId="7" xfId="10" applyFont="1" applyBorder="1" applyAlignment="1">
      <alignment vertical="center" wrapText="1"/>
    </xf>
    <xf numFmtId="0" fontId="94" fillId="0" borderId="1" xfId="5" applyFont="1" applyBorder="1" applyAlignment="1">
      <alignment horizontal="center" vertical="center" wrapText="1"/>
    </xf>
    <xf numFmtId="0" fontId="101" fillId="0" borderId="8" xfId="10" applyFont="1" applyBorder="1" applyAlignment="1">
      <alignment horizontal="center" wrapText="1"/>
    </xf>
    <xf numFmtId="0" fontId="101" fillId="0" borderId="9" xfId="10" applyFont="1" applyBorder="1" applyAlignment="1">
      <alignment horizontal="center" wrapText="1"/>
    </xf>
    <xf numFmtId="0" fontId="101" fillId="0" borderId="0" xfId="10" applyFont="1" applyBorder="1" applyAlignment="1">
      <alignment horizontal="center" wrapText="1"/>
    </xf>
    <xf numFmtId="0" fontId="101" fillId="0" borderId="3" xfId="10" applyFont="1" applyBorder="1" applyAlignment="1">
      <alignment horizontal="center" wrapText="1"/>
    </xf>
    <xf numFmtId="0" fontId="101" fillId="0" borderId="4" xfId="10" applyFont="1" applyBorder="1" applyAlignment="1">
      <alignment horizontal="center" wrapText="1"/>
    </xf>
    <xf numFmtId="0" fontId="101" fillId="0" borderId="5" xfId="10" applyFont="1" applyBorder="1" applyAlignment="1">
      <alignment horizontal="center" wrapText="1"/>
    </xf>
    <xf numFmtId="0" fontId="94" fillId="0" borderId="0" xfId="10" applyFont="1" applyBorder="1" applyAlignment="1">
      <alignment vertical="center" wrapText="1"/>
    </xf>
    <xf numFmtId="0" fontId="94" fillId="0" borderId="0" xfId="10" applyFont="1" applyBorder="1" applyAlignment="1">
      <alignment horizontal="left" vertical="center" wrapText="1"/>
    </xf>
    <xf numFmtId="0" fontId="96" fillId="0" borderId="0" xfId="10" applyFont="1" applyAlignment="1">
      <alignment vertical="center" wrapText="1"/>
    </xf>
    <xf numFmtId="0" fontId="94" fillId="0" borderId="12" xfId="10" applyFont="1" applyBorder="1" applyAlignment="1">
      <alignment vertical="center" wrapText="1"/>
    </xf>
    <xf numFmtId="0" fontId="94" fillId="0" borderId="11" xfId="10" applyFont="1" applyBorder="1" applyAlignment="1">
      <alignment vertical="center" wrapText="1"/>
    </xf>
    <xf numFmtId="0" fontId="94" fillId="0" borderId="6" xfId="10" applyFont="1" applyBorder="1" applyAlignment="1">
      <alignment horizontal="left" vertical="center" wrapText="1"/>
    </xf>
    <xf numFmtId="0" fontId="94" fillId="0" borderId="3" xfId="10" applyFont="1" applyBorder="1" applyAlignment="1">
      <alignment horizontal="left" vertical="center" wrapText="1"/>
    </xf>
    <xf numFmtId="0" fontId="94" fillId="0" borderId="7" xfId="10" applyFont="1" applyBorder="1" applyAlignment="1">
      <alignment horizontal="left" vertical="center" wrapText="1"/>
    </xf>
    <xf numFmtId="0" fontId="94" fillId="0" borderId="4" xfId="10" applyFont="1" applyBorder="1" applyAlignment="1">
      <alignment horizontal="left" vertical="center" wrapText="1"/>
    </xf>
    <xf numFmtId="0" fontId="94" fillId="0" borderId="5" xfId="10" applyFont="1" applyBorder="1" applyAlignment="1">
      <alignment horizontal="left" vertical="center" wrapText="1"/>
    </xf>
    <xf numFmtId="0" fontId="94" fillId="0" borderId="7" xfId="10" applyFont="1" applyBorder="1" applyAlignment="1">
      <alignment horizontal="center" vertical="center"/>
    </xf>
    <xf numFmtId="0" fontId="94" fillId="0" borderId="4" xfId="10" applyFont="1" applyBorder="1" applyAlignment="1">
      <alignment horizontal="center" vertical="center"/>
    </xf>
    <xf numFmtId="0" fontId="94" fillId="0" borderId="5" xfId="10" applyFont="1" applyBorder="1" applyAlignment="1">
      <alignment horizontal="center" vertical="center"/>
    </xf>
    <xf numFmtId="0" fontId="94" fillId="0" borderId="13" xfId="10" applyFont="1" applyBorder="1" applyAlignment="1">
      <alignment horizontal="center" vertical="center" wrapText="1"/>
    </xf>
    <xf numFmtId="0" fontId="94" fillId="0" borderId="14" xfId="10" applyFont="1" applyBorder="1" applyAlignment="1">
      <alignment horizontal="center" vertical="center" wrapText="1"/>
    </xf>
    <xf numFmtId="0" fontId="94" fillId="0" borderId="15" xfId="10" applyFont="1" applyBorder="1" applyAlignment="1">
      <alignment horizontal="center" vertical="center" wrapText="1"/>
    </xf>
    <xf numFmtId="0" fontId="11" fillId="0" borderId="0" xfId="10" applyFont="1" applyAlignment="1">
      <alignment vertical="center" wrapText="1"/>
    </xf>
    <xf numFmtId="0" fontId="34" fillId="0" borderId="0" xfId="10" applyAlignment="1">
      <alignment vertical="center" wrapText="1"/>
    </xf>
    <xf numFmtId="0" fontId="34" fillId="0" borderId="0" xfId="10" applyAlignment="1">
      <alignment vertical="center"/>
    </xf>
    <xf numFmtId="0" fontId="34" fillId="0" borderId="0" xfId="10" applyAlignment="1">
      <alignment horizontal="right" vertical="center"/>
    </xf>
    <xf numFmtId="0" fontId="7" fillId="0" borderId="0" xfId="10" applyFont="1" applyBorder="1" applyAlignment="1">
      <alignment horizontal="center" vertical="center" wrapText="1"/>
    </xf>
    <xf numFmtId="0" fontId="7" fillId="0" borderId="0" xfId="10" applyFont="1" applyBorder="1" applyAlignment="1">
      <alignment horizontal="center" vertical="center"/>
    </xf>
    <xf numFmtId="0" fontId="7" fillId="0" borderId="13" xfId="10" applyFont="1" applyBorder="1" applyAlignment="1">
      <alignment horizontal="center" vertical="center"/>
    </xf>
    <xf numFmtId="0" fontId="7" fillId="0" borderId="14" xfId="10" applyFont="1" applyBorder="1" applyAlignment="1">
      <alignment horizontal="center" vertical="center"/>
    </xf>
    <xf numFmtId="0" fontId="7" fillId="0" borderId="15" xfId="10" applyFont="1" applyBorder="1" applyAlignment="1">
      <alignment horizontal="center" vertical="center"/>
    </xf>
    <xf numFmtId="0" fontId="34" fillId="0" borderId="12" xfId="10" applyBorder="1" applyAlignment="1">
      <alignment horizontal="left" vertical="center" wrapText="1" indent="1"/>
    </xf>
    <xf numFmtId="0" fontId="34" fillId="0" borderId="10" xfId="10" applyBorder="1" applyAlignment="1">
      <alignment horizontal="left" vertical="center" wrapText="1" indent="1"/>
    </xf>
    <xf numFmtId="0" fontId="34" fillId="0" borderId="11" xfId="10" applyBorder="1" applyAlignment="1">
      <alignment horizontal="left" vertical="center" wrapText="1" indent="1"/>
    </xf>
    <xf numFmtId="0" fontId="34" fillId="0" borderId="0" xfId="10" applyFont="1" applyAlignment="1">
      <alignment horizontal="right" vertical="center"/>
    </xf>
    <xf numFmtId="0" fontId="60" fillId="0" borderId="0" xfId="5" applyFont="1" applyFill="1" applyAlignment="1">
      <alignment horizontal="center" vertical="center" wrapText="1"/>
    </xf>
    <xf numFmtId="0" fontId="60" fillId="0" borderId="0" xfId="5" applyFont="1" applyFill="1" applyAlignment="1">
      <alignment horizontal="center" vertical="center"/>
    </xf>
    <xf numFmtId="0" fontId="60" fillId="0" borderId="87" xfId="10" applyFont="1" applyBorder="1" applyAlignment="1">
      <alignment horizontal="center" vertical="center"/>
    </xf>
    <xf numFmtId="0" fontId="34" fillId="0" borderId="87" xfId="10" applyBorder="1" applyAlignment="1">
      <alignment vertical="center"/>
    </xf>
    <xf numFmtId="0" fontId="58" fillId="0" borderId="69" xfId="10" applyFont="1" applyBorder="1" applyAlignment="1">
      <alignment horizontal="center" vertical="center"/>
    </xf>
    <xf numFmtId="0" fontId="34" fillId="0" borderId="70" xfId="10" applyFont="1" applyBorder="1" applyAlignment="1">
      <alignment horizontal="center" vertical="center"/>
    </xf>
    <xf numFmtId="0" fontId="34" fillId="0" borderId="33" xfId="10" applyFont="1" applyBorder="1" applyAlignment="1">
      <alignment horizontal="center" vertical="center"/>
    </xf>
    <xf numFmtId="0" fontId="34" fillId="0" borderId="71" xfId="10" applyFont="1" applyBorder="1" applyAlignment="1">
      <alignment vertical="center"/>
    </xf>
    <xf numFmtId="0" fontId="34" fillId="0" borderId="72" xfId="10" applyFont="1" applyBorder="1" applyAlignment="1">
      <alignment vertical="center"/>
    </xf>
    <xf numFmtId="0" fontId="34" fillId="0" borderId="77" xfId="10" applyFont="1" applyBorder="1" applyAlignment="1">
      <alignment horizontal="center" vertical="center"/>
    </xf>
    <xf numFmtId="0" fontId="34" fillId="0" borderId="14" xfId="10" applyFont="1" applyBorder="1" applyAlignment="1">
      <alignment horizontal="center" vertical="center"/>
    </xf>
    <xf numFmtId="0" fontId="34" fillId="0" borderId="15" xfId="10" applyFont="1" applyBorder="1" applyAlignment="1">
      <alignment horizontal="center" vertical="center"/>
    </xf>
    <xf numFmtId="0" fontId="34" fillId="0" borderId="13" xfId="10" applyFont="1" applyBorder="1" applyAlignment="1">
      <alignment horizontal="center" vertical="center"/>
    </xf>
    <xf numFmtId="0" fontId="34" fillId="0" borderId="41" xfId="10" applyFont="1" applyBorder="1" applyAlignment="1">
      <alignment vertical="center"/>
    </xf>
    <xf numFmtId="0" fontId="58" fillId="0" borderId="77" xfId="5" applyFont="1" applyFill="1" applyBorder="1" applyAlignment="1">
      <alignment horizontal="center" vertical="center"/>
    </xf>
    <xf numFmtId="0" fontId="58" fillId="0" borderId="14" xfId="5" applyFont="1" applyFill="1" applyBorder="1" applyAlignment="1">
      <alignment horizontal="center" vertical="center"/>
    </xf>
    <xf numFmtId="0" fontId="58" fillId="0" borderId="15" xfId="5" applyFont="1" applyFill="1" applyBorder="1" applyAlignment="1">
      <alignment horizontal="center" vertical="center"/>
    </xf>
    <xf numFmtId="0" fontId="36" fillId="0" borderId="27" xfId="5" applyFont="1" applyBorder="1" applyAlignment="1">
      <alignment horizontal="center" vertical="center"/>
    </xf>
    <xf numFmtId="0" fontId="36" fillId="0" borderId="1" xfId="5" applyFont="1" applyBorder="1" applyAlignment="1">
      <alignment horizontal="center" vertical="center"/>
    </xf>
    <xf numFmtId="0" fontId="35" fillId="0" borderId="27" xfId="5" applyFont="1" applyFill="1" applyBorder="1" applyAlignment="1">
      <alignment horizontal="center" vertical="center" shrinkToFit="1"/>
    </xf>
    <xf numFmtId="0" fontId="35" fillId="0" borderId="1" xfId="5" applyFont="1" applyFill="1" applyBorder="1" applyAlignment="1">
      <alignment horizontal="center" vertical="center" shrinkToFit="1"/>
    </xf>
    <xf numFmtId="0" fontId="11" fillId="0" borderId="0" xfId="5" applyFont="1" applyFill="1" applyAlignment="1">
      <alignment horizontal="left" vertical="center" wrapText="1"/>
    </xf>
    <xf numFmtId="0" fontId="58" fillId="0" borderId="0" xfId="10" applyFont="1" applyAlignment="1">
      <alignment horizontal="left" vertical="center" wrapText="1"/>
    </xf>
    <xf numFmtId="0" fontId="58" fillId="0" borderId="27" xfId="5" applyFont="1" applyFill="1" applyBorder="1" applyAlignment="1">
      <alignment horizontal="center" vertical="center" shrinkToFit="1"/>
    </xf>
    <xf numFmtId="0" fontId="58" fillId="0" borderId="1" xfId="5" applyFont="1" applyFill="1" applyBorder="1" applyAlignment="1">
      <alignment horizontal="center" vertical="center" shrinkToFit="1"/>
    </xf>
    <xf numFmtId="0" fontId="58" fillId="0" borderId="28" xfId="5" applyFont="1" applyFill="1" applyBorder="1" applyAlignment="1">
      <alignment horizontal="center" vertical="center" shrinkToFit="1"/>
    </xf>
    <xf numFmtId="0" fontId="58" fillId="0" borderId="16" xfId="5" applyFont="1" applyFill="1" applyBorder="1" applyAlignment="1">
      <alignment horizontal="center" vertical="center" shrinkToFit="1"/>
    </xf>
    <xf numFmtId="0" fontId="58" fillId="0" borderId="22" xfId="5" applyFont="1" applyFill="1" applyBorder="1" applyAlignment="1">
      <alignment horizontal="center" vertical="center" wrapText="1"/>
    </xf>
    <xf numFmtId="0" fontId="58" fillId="0" borderId="32" xfId="5" applyFont="1" applyFill="1" applyBorder="1" applyAlignment="1">
      <alignment horizontal="center" vertical="center" wrapText="1"/>
    </xf>
    <xf numFmtId="0" fontId="58" fillId="0" borderId="32" xfId="10" applyFont="1" applyBorder="1" applyAlignment="1">
      <alignment horizontal="center" vertical="center" wrapText="1"/>
    </xf>
    <xf numFmtId="0" fontId="58" fillId="0" borderId="95" xfId="10" applyFont="1" applyBorder="1" applyAlignment="1">
      <alignment horizontal="center" vertical="center" wrapText="1"/>
    </xf>
    <xf numFmtId="0" fontId="58" fillId="0" borderId="61" xfId="5" applyFont="1" applyFill="1" applyBorder="1" applyAlignment="1">
      <alignment horizontal="center" vertical="center" wrapText="1"/>
    </xf>
    <xf numFmtId="0" fontId="58" fillId="0" borderId="4" xfId="5" applyFont="1" applyFill="1" applyBorder="1" applyAlignment="1">
      <alignment horizontal="center" vertical="center" wrapText="1"/>
    </xf>
    <xf numFmtId="0" fontId="58" fillId="0" borderId="142" xfId="5" applyFont="1" applyFill="1" applyBorder="1" applyAlignment="1">
      <alignment horizontal="center" vertical="center" wrapText="1"/>
    </xf>
    <xf numFmtId="0" fontId="58" fillId="0" borderId="152" xfId="5" applyFont="1" applyFill="1" applyBorder="1" applyAlignment="1">
      <alignment horizontal="center" vertical="center" shrinkToFit="1"/>
    </xf>
    <xf numFmtId="0" fontId="58" fillId="0" borderId="30" xfId="5" applyFont="1" applyFill="1" applyBorder="1" applyAlignment="1">
      <alignment horizontal="center" vertical="center" shrinkToFit="1"/>
    </xf>
    <xf numFmtId="0" fontId="58" fillId="0" borderId="30" xfId="10" applyFont="1" applyBorder="1" applyAlignment="1">
      <alignment horizontal="center" vertical="center" shrinkToFit="1"/>
    </xf>
    <xf numFmtId="0" fontId="58" fillId="0" borderId="31" xfId="10" applyFont="1" applyBorder="1" applyAlignment="1">
      <alignment horizontal="center" vertical="center" shrinkToFit="1"/>
    </xf>
    <xf numFmtId="0" fontId="36" fillId="0" borderId="0" xfId="5" applyFont="1" applyFill="1" applyBorder="1" applyAlignment="1">
      <alignment horizontal="left" vertical="center" wrapText="1"/>
    </xf>
    <xf numFmtId="0" fontId="5" fillId="0" borderId="0" xfId="2" applyFont="1" applyAlignment="1">
      <alignment vertical="center"/>
    </xf>
    <xf numFmtId="0" fontId="8" fillId="0" borderId="12" xfId="2" applyFont="1" applyBorder="1" applyAlignment="1">
      <alignment horizontal="left" vertical="center" wrapText="1"/>
    </xf>
    <xf numFmtId="0" fontId="8" fillId="0" borderId="10" xfId="2" applyFont="1" applyBorder="1" applyAlignment="1">
      <alignment horizontal="left" vertical="center" wrapText="1"/>
    </xf>
    <xf numFmtId="0" fontId="8" fillId="0" borderId="11" xfId="2" applyFont="1" applyBorder="1" applyAlignment="1">
      <alignment horizontal="left" vertical="center" wrapText="1"/>
    </xf>
    <xf numFmtId="0" fontId="5" fillId="0" borderId="0" xfId="2" applyFont="1" applyAlignment="1">
      <alignment vertical="center" wrapText="1"/>
    </xf>
    <xf numFmtId="0" fontId="14" fillId="0" borderId="0" xfId="2" applyFont="1" applyBorder="1" applyAlignment="1">
      <alignment horizontal="center" vertical="center"/>
    </xf>
    <xf numFmtId="0" fontId="8" fillId="0" borderId="13" xfId="2" applyFont="1" applyBorder="1" applyAlignment="1">
      <alignment horizontal="center" vertical="center"/>
    </xf>
    <xf numFmtId="0" fontId="8" fillId="0" borderId="14" xfId="2" applyFont="1" applyBorder="1" applyAlignment="1">
      <alignment horizontal="center" vertical="center"/>
    </xf>
    <xf numFmtId="0" fontId="8" fillId="0" borderId="15" xfId="2" applyFont="1" applyBorder="1" applyAlignment="1">
      <alignment horizontal="center" vertical="center"/>
    </xf>
    <xf numFmtId="0" fontId="5" fillId="0" borderId="0" xfId="2" applyFont="1" applyAlignment="1">
      <alignment vertical="top" wrapText="1"/>
    </xf>
  </cellXfs>
  <cellStyles count="18">
    <cellStyle name="桁区切り 2" xfId="14"/>
    <cellStyle name="標準" xfId="0" builtinId="0"/>
    <cellStyle name="標準 2" xfId="1"/>
    <cellStyle name="標準 2 2" xfId="10"/>
    <cellStyle name="標準 2 2 2" xfId="11"/>
    <cellStyle name="標準 3" xfId="2"/>
    <cellStyle name="標準 4" xfId="3"/>
    <cellStyle name="標準 5" xfId="4"/>
    <cellStyle name="標準 6" xfId="12"/>
    <cellStyle name="標準 7" xfId="13"/>
    <cellStyle name="標準 8" xfId="15"/>
    <cellStyle name="標準 9" xfId="16"/>
    <cellStyle name="標準_090401yoshiki5-1-13" xfId="9"/>
    <cellStyle name="標準_③-２加算様式（就労）" xfId="5"/>
    <cellStyle name="標準_③-３加算様式（追加）" xfId="6"/>
    <cellStyle name="標準_かさんくん1" xfId="7"/>
    <cellStyle name="標準_別紙１・添付様式（障害児施設）" xfId="17"/>
    <cellStyle name="標準_報酬コード表" xfId="8"/>
  </cellStyles>
  <dxfs count="31">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
      <fill>
        <patternFill>
          <bgColor theme="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worksheet" Target="worksheets/sheet68.xml"/><Relationship Id="rId84" Type="http://schemas.openxmlformats.org/officeDocument/2006/relationships/worksheet" Target="worksheets/sheet84.xml"/><Relationship Id="rId89" Type="http://schemas.openxmlformats.org/officeDocument/2006/relationships/worksheet" Target="worksheets/sheet89.xml"/><Relationship Id="rId7" Type="http://schemas.openxmlformats.org/officeDocument/2006/relationships/worksheet" Target="worksheets/sheet7.xml"/><Relationship Id="rId71" Type="http://schemas.openxmlformats.org/officeDocument/2006/relationships/worksheet" Target="worksheets/sheet71.xml"/><Relationship Id="rId92" Type="http://schemas.openxmlformats.org/officeDocument/2006/relationships/worksheet" Target="worksheets/sheet92.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worksheet" Target="worksheets/sheet74.xml"/><Relationship Id="rId79" Type="http://schemas.openxmlformats.org/officeDocument/2006/relationships/worksheet" Target="worksheets/sheet79.xml"/><Relationship Id="rId87" Type="http://schemas.openxmlformats.org/officeDocument/2006/relationships/worksheet" Target="worksheets/sheet87.xml"/><Relationship Id="rId102" Type="http://schemas.openxmlformats.org/officeDocument/2006/relationships/theme" Target="theme/theme1.xml"/><Relationship Id="rId5" Type="http://schemas.openxmlformats.org/officeDocument/2006/relationships/worksheet" Target="worksheets/sheet5.xml"/><Relationship Id="rId61" Type="http://schemas.openxmlformats.org/officeDocument/2006/relationships/worksheet" Target="worksheets/sheet61.xml"/><Relationship Id="rId82" Type="http://schemas.openxmlformats.org/officeDocument/2006/relationships/worksheet" Target="worksheets/sheet82.xml"/><Relationship Id="rId90" Type="http://schemas.openxmlformats.org/officeDocument/2006/relationships/worksheet" Target="worksheets/sheet90.xml"/><Relationship Id="rId95" Type="http://schemas.openxmlformats.org/officeDocument/2006/relationships/worksheet" Target="worksheets/sheet95.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100" Type="http://schemas.openxmlformats.org/officeDocument/2006/relationships/externalLink" Target="externalLinks/externalLink2.xml"/><Relationship Id="rId105" Type="http://schemas.openxmlformats.org/officeDocument/2006/relationships/calcChain" Target="calcChain.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worksheet" Target="worksheets/sheet80.xml"/><Relationship Id="rId85" Type="http://schemas.openxmlformats.org/officeDocument/2006/relationships/worksheet" Target="worksheets/sheet85.xml"/><Relationship Id="rId93" Type="http://schemas.openxmlformats.org/officeDocument/2006/relationships/worksheet" Target="worksheets/sheet93.xml"/><Relationship Id="rId98" Type="http://schemas.openxmlformats.org/officeDocument/2006/relationships/worksheet" Target="worksheets/sheet9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103"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worksheet" Target="worksheets/sheet83.xml"/><Relationship Id="rId88" Type="http://schemas.openxmlformats.org/officeDocument/2006/relationships/worksheet" Target="worksheets/sheet88.xml"/><Relationship Id="rId91" Type="http://schemas.openxmlformats.org/officeDocument/2006/relationships/worksheet" Target="worksheets/sheet91.xml"/><Relationship Id="rId96" Type="http://schemas.openxmlformats.org/officeDocument/2006/relationships/worksheet" Target="worksheets/sheet96.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worksheet" Target="worksheets/sheet86.xml"/><Relationship Id="rId94" Type="http://schemas.openxmlformats.org/officeDocument/2006/relationships/worksheet" Target="worksheets/sheet94.xml"/><Relationship Id="rId99" Type="http://schemas.openxmlformats.org/officeDocument/2006/relationships/externalLink" Target="externalLinks/externalLink1.xml"/><Relationship Id="rId101"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 Id="rId76" Type="http://schemas.openxmlformats.org/officeDocument/2006/relationships/worksheet" Target="worksheets/sheet76.xml"/><Relationship Id="rId97" Type="http://schemas.openxmlformats.org/officeDocument/2006/relationships/worksheet" Target="worksheets/sheet97.xml"/><Relationship Id="rId10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11</xdr:col>
      <xdr:colOff>0</xdr:colOff>
      <xdr:row>40</xdr:row>
      <xdr:rowOff>0</xdr:rowOff>
    </xdr:from>
    <xdr:to>
      <xdr:col>11</xdr:col>
      <xdr:colOff>0</xdr:colOff>
      <xdr:row>40</xdr:row>
      <xdr:rowOff>0</xdr:rowOff>
    </xdr:to>
    <xdr:sp macro="" textlink="">
      <xdr:nvSpPr>
        <xdr:cNvPr id="2" name="Line 1">
          <a:extLst>
            <a:ext uri="{FF2B5EF4-FFF2-40B4-BE49-F238E27FC236}">
              <a16:creationId xmlns:a16="http://schemas.microsoft.com/office/drawing/2014/main" id="{79EC7380-8848-4B6B-9592-774ADF10D667}"/>
            </a:ext>
          </a:extLst>
        </xdr:cNvPr>
        <xdr:cNvSpPr>
          <a:spLocks noChangeShapeType="1"/>
        </xdr:cNvSpPr>
      </xdr:nvSpPr>
      <xdr:spPr bwMode="auto">
        <a:xfrm>
          <a:off x="4236720" y="936498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19050</xdr:colOff>
      <xdr:row>36</xdr:row>
      <xdr:rowOff>171450</xdr:rowOff>
    </xdr:from>
    <xdr:to>
      <xdr:col>17</xdr:col>
      <xdr:colOff>285750</xdr:colOff>
      <xdr:row>36</xdr:row>
      <xdr:rowOff>171450</xdr:rowOff>
    </xdr:to>
    <xdr:sp macro="" textlink="">
      <xdr:nvSpPr>
        <xdr:cNvPr id="3" name="Line 2">
          <a:extLst>
            <a:ext uri="{FF2B5EF4-FFF2-40B4-BE49-F238E27FC236}">
              <a16:creationId xmlns:a16="http://schemas.microsoft.com/office/drawing/2014/main" id="{C6F5E797-176C-4A87-8A42-FCF3606CD148}"/>
            </a:ext>
          </a:extLst>
        </xdr:cNvPr>
        <xdr:cNvSpPr>
          <a:spLocks noChangeShapeType="1"/>
        </xdr:cNvSpPr>
      </xdr:nvSpPr>
      <xdr:spPr bwMode="auto">
        <a:xfrm>
          <a:off x="6358890" y="728853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28575</xdr:colOff>
      <xdr:row>37</xdr:row>
      <xdr:rowOff>171450</xdr:rowOff>
    </xdr:from>
    <xdr:to>
      <xdr:col>17</xdr:col>
      <xdr:colOff>295275</xdr:colOff>
      <xdr:row>37</xdr:row>
      <xdr:rowOff>171450</xdr:rowOff>
    </xdr:to>
    <xdr:sp macro="" textlink="">
      <xdr:nvSpPr>
        <xdr:cNvPr id="4" name="Line 3">
          <a:extLst>
            <a:ext uri="{FF2B5EF4-FFF2-40B4-BE49-F238E27FC236}">
              <a16:creationId xmlns:a16="http://schemas.microsoft.com/office/drawing/2014/main" id="{7B286D61-92E0-4F40-B067-43B818015792}"/>
            </a:ext>
          </a:extLst>
        </xdr:cNvPr>
        <xdr:cNvSpPr>
          <a:spLocks noChangeShapeType="1"/>
        </xdr:cNvSpPr>
      </xdr:nvSpPr>
      <xdr:spPr bwMode="auto">
        <a:xfrm>
          <a:off x="6368415" y="797433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38</xdr:row>
      <xdr:rowOff>200025</xdr:rowOff>
    </xdr:from>
    <xdr:to>
      <xdr:col>17</xdr:col>
      <xdr:colOff>295275</xdr:colOff>
      <xdr:row>38</xdr:row>
      <xdr:rowOff>200025</xdr:rowOff>
    </xdr:to>
    <xdr:sp macro="" textlink="">
      <xdr:nvSpPr>
        <xdr:cNvPr id="5" name="Line 6">
          <a:extLst>
            <a:ext uri="{FF2B5EF4-FFF2-40B4-BE49-F238E27FC236}">
              <a16:creationId xmlns:a16="http://schemas.microsoft.com/office/drawing/2014/main" id="{52E07DFA-4079-4AF9-9E0F-242DC8444704}"/>
            </a:ext>
          </a:extLst>
        </xdr:cNvPr>
        <xdr:cNvSpPr>
          <a:spLocks noChangeShapeType="1"/>
        </xdr:cNvSpPr>
      </xdr:nvSpPr>
      <xdr:spPr bwMode="auto">
        <a:xfrm>
          <a:off x="6339840" y="868870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10.xml><?xml version="1.0" encoding="utf-8"?>
<xdr:wsDr xmlns:xdr="http://schemas.openxmlformats.org/drawingml/2006/spreadsheetDrawing" xmlns:a="http://schemas.openxmlformats.org/drawingml/2006/main">
  <xdr:twoCellAnchor>
    <xdr:from>
      <xdr:col>29</xdr:col>
      <xdr:colOff>47625</xdr:colOff>
      <xdr:row>0</xdr:row>
      <xdr:rowOff>95250</xdr:rowOff>
    </xdr:from>
    <xdr:to>
      <xdr:col>34</xdr:col>
      <xdr:colOff>123825</xdr:colOff>
      <xdr:row>2</xdr:row>
      <xdr:rowOff>19050</xdr:rowOff>
    </xdr:to>
    <xdr:sp macro="" textlink="">
      <xdr:nvSpPr>
        <xdr:cNvPr id="2" name="Rectangle 1">
          <a:extLst>
            <a:ext uri="{FF2B5EF4-FFF2-40B4-BE49-F238E27FC236}">
              <a16:creationId xmlns:a16="http://schemas.microsoft.com/office/drawing/2014/main" id="{00000000-0008-0000-1500-000002000000}"/>
            </a:ext>
          </a:extLst>
        </xdr:cNvPr>
        <xdr:cNvSpPr>
          <a:spLocks noChangeArrowheads="1"/>
        </xdr:cNvSpPr>
      </xdr:nvSpPr>
      <xdr:spPr bwMode="auto">
        <a:xfrm>
          <a:off x="5848350" y="95250"/>
          <a:ext cx="1076325" cy="457200"/>
        </a:xfrm>
        <a:prstGeom prst="rect">
          <a:avLst/>
        </a:prstGeom>
        <a:noFill/>
        <a:ln w="9525">
          <a:noFill/>
          <a:miter lim="800000"/>
          <a:headEnd/>
          <a:tailEnd/>
        </a:ln>
      </xdr:spPr>
      <xdr:txBody>
        <a:bodyPr vertOverflow="clip" wrap="square" lIns="45720" tIns="27432" rIns="0" bIns="0" anchor="t" upright="1"/>
        <a:lstStyle/>
        <a:p>
          <a:pPr algn="l" rtl="0">
            <a:defRPr sz="1000"/>
          </a:pPr>
          <a:r>
            <a:rPr lang="ja-JP" altLang="en-US" sz="2000" b="0" i="0" u="none" strike="noStrike" baseline="0">
              <a:solidFill>
                <a:srgbClr val="000000"/>
              </a:solidFill>
              <a:latin typeface="ＭＳ Ｐゴシック"/>
              <a:ea typeface="ＭＳ Ｐゴシック"/>
            </a:rPr>
            <a:t>記載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4</xdr:col>
      <xdr:colOff>1064561</xdr:colOff>
      <xdr:row>9</xdr:row>
      <xdr:rowOff>638735</xdr:rowOff>
    </xdr:from>
    <xdr:to>
      <xdr:col>5</xdr:col>
      <xdr:colOff>246530</xdr:colOff>
      <xdr:row>9</xdr:row>
      <xdr:rowOff>638735</xdr:rowOff>
    </xdr:to>
    <xdr:cxnSp macro="">
      <xdr:nvCxnSpPr>
        <xdr:cNvPr id="2" name="直線矢印コネクタ 1">
          <a:extLst>
            <a:ext uri="{FF2B5EF4-FFF2-40B4-BE49-F238E27FC236}">
              <a16:creationId xmlns:a16="http://schemas.microsoft.com/office/drawing/2014/main" id="{65D29350-0A4A-9604-F3B7-9C7C2C1BB9C2}"/>
            </a:ext>
          </a:extLst>
        </xdr:cNvPr>
        <xdr:cNvCxnSpPr/>
      </xdr:nvCxnSpPr>
      <xdr:spPr>
        <a:xfrm>
          <a:off x="6200441" y="4944035"/>
          <a:ext cx="332589" cy="0"/>
        </a:xfrm>
        <a:prstGeom prst="straightConnector1">
          <a:avLst/>
        </a:prstGeom>
        <a:ln w="38100">
          <a:tailEnd type="triangle"/>
        </a:ln>
      </xdr:spPr>
      <xdr:style>
        <a:lnRef idx="1">
          <a:schemeClr val="dk1"/>
        </a:lnRef>
        <a:fillRef idx="0">
          <a:schemeClr val="dk1"/>
        </a:fillRef>
        <a:effectRef idx="0">
          <a:schemeClr val="dk1"/>
        </a:effectRef>
        <a:fontRef idx="minor">
          <a:schemeClr val="tx1"/>
        </a:fontRef>
      </xdr:style>
    </xdr:cxnSp>
    <xdr:clientData/>
  </xdr:twoCellAnchor>
</xdr:wsDr>
</file>

<file path=xl/drawings/drawing12.xml><?xml version="1.0" encoding="utf-8"?>
<xdr:wsDr xmlns:xdr="http://schemas.openxmlformats.org/drawingml/2006/spreadsheetDrawing" xmlns:a="http://schemas.openxmlformats.org/drawingml/2006/main">
  <xdr:twoCellAnchor>
    <xdr:from>
      <xdr:col>9</xdr:col>
      <xdr:colOff>142875</xdr:colOff>
      <xdr:row>25</xdr:row>
      <xdr:rowOff>180975</xdr:rowOff>
    </xdr:from>
    <xdr:to>
      <xdr:col>15</xdr:col>
      <xdr:colOff>95250</xdr:colOff>
      <xdr:row>28</xdr:row>
      <xdr:rowOff>76200</xdr:rowOff>
    </xdr:to>
    <xdr:sp macro="" textlink="">
      <xdr:nvSpPr>
        <xdr:cNvPr id="2" name="Rectangle 1">
          <a:extLst>
            <a:ext uri="{FF2B5EF4-FFF2-40B4-BE49-F238E27FC236}">
              <a16:creationId xmlns:a16="http://schemas.microsoft.com/office/drawing/2014/main" id="{00000000-0008-0000-1800-000002000000}"/>
            </a:ext>
          </a:extLst>
        </xdr:cNvPr>
        <xdr:cNvSpPr>
          <a:spLocks noChangeArrowheads="1"/>
        </xdr:cNvSpPr>
      </xdr:nvSpPr>
      <xdr:spPr bwMode="auto">
        <a:xfrm>
          <a:off x="1943100" y="6848475"/>
          <a:ext cx="1152525" cy="69532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夜間支援体制の具体的な内容を住居ごとに記載する。</a:t>
          </a:r>
        </a:p>
      </xdr:txBody>
    </xdr:sp>
    <xdr:clientData/>
  </xdr:twoCellAnchor>
  <xdr:twoCellAnchor>
    <xdr:from>
      <xdr:col>15</xdr:col>
      <xdr:colOff>180975</xdr:colOff>
      <xdr:row>4</xdr:row>
      <xdr:rowOff>9525</xdr:rowOff>
    </xdr:from>
    <xdr:to>
      <xdr:col>22</xdr:col>
      <xdr:colOff>38100</xdr:colOff>
      <xdr:row>5</xdr:row>
      <xdr:rowOff>28575</xdr:rowOff>
    </xdr:to>
    <xdr:sp macro="" textlink="">
      <xdr:nvSpPr>
        <xdr:cNvPr id="41127" name="Oval 2">
          <a:extLst>
            <a:ext uri="{FF2B5EF4-FFF2-40B4-BE49-F238E27FC236}">
              <a16:creationId xmlns:a16="http://schemas.microsoft.com/office/drawing/2014/main" id="{00000000-0008-0000-1800-0000A7A00000}"/>
            </a:ext>
          </a:extLst>
        </xdr:cNvPr>
        <xdr:cNvSpPr>
          <a:spLocks noChangeArrowheads="1"/>
        </xdr:cNvSpPr>
      </xdr:nvSpPr>
      <xdr:spPr bwMode="auto">
        <a:xfrm>
          <a:off x="3181350" y="1076325"/>
          <a:ext cx="1257300" cy="285750"/>
        </a:xfrm>
        <a:prstGeom prst="ellipse">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8</xdr:col>
      <xdr:colOff>104775</xdr:colOff>
      <xdr:row>0</xdr:row>
      <xdr:rowOff>104775</xdr:rowOff>
    </xdr:from>
    <xdr:to>
      <xdr:col>33</xdr:col>
      <xdr:colOff>180975</xdr:colOff>
      <xdr:row>1</xdr:row>
      <xdr:rowOff>228600</xdr:rowOff>
    </xdr:to>
    <xdr:sp macro="" textlink="">
      <xdr:nvSpPr>
        <xdr:cNvPr id="4" name="Rectangle 3">
          <a:extLst>
            <a:ext uri="{FF2B5EF4-FFF2-40B4-BE49-F238E27FC236}">
              <a16:creationId xmlns:a16="http://schemas.microsoft.com/office/drawing/2014/main" id="{00000000-0008-0000-1800-000004000000}"/>
            </a:ext>
          </a:extLst>
        </xdr:cNvPr>
        <xdr:cNvSpPr>
          <a:spLocks noChangeArrowheads="1"/>
        </xdr:cNvSpPr>
      </xdr:nvSpPr>
      <xdr:spPr bwMode="auto">
        <a:xfrm>
          <a:off x="5705475" y="104775"/>
          <a:ext cx="1076325" cy="390525"/>
        </a:xfrm>
        <a:prstGeom prst="rect">
          <a:avLst/>
        </a:prstGeom>
        <a:noFill/>
        <a:ln w="9525">
          <a:noFill/>
          <a:miter lim="800000"/>
          <a:headEnd/>
          <a:tailEnd/>
        </a:ln>
      </xdr:spPr>
      <xdr:txBody>
        <a:bodyPr vertOverflow="clip" wrap="square" lIns="45720" tIns="27432" rIns="0" bIns="0" anchor="ctr" anchorCtr="1" upright="1"/>
        <a:lstStyle/>
        <a:p>
          <a:pPr algn="l" rtl="0">
            <a:defRPr sz="1000"/>
          </a:pPr>
          <a:r>
            <a:rPr lang="ja-JP" altLang="en-US" sz="1800" b="0" i="0" u="none" strike="noStrike" baseline="0">
              <a:solidFill>
                <a:srgbClr val="000000"/>
              </a:solidFill>
              <a:latin typeface="ＭＳ Ｐゴシック"/>
              <a:ea typeface="ＭＳ Ｐゴシック"/>
            </a:rPr>
            <a:t>記載例</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572557</xdr:colOff>
      <xdr:row>1</xdr:row>
      <xdr:rowOff>0</xdr:rowOff>
    </xdr:from>
    <xdr:to>
      <xdr:col>8</xdr:col>
      <xdr:colOff>486832</xdr:colOff>
      <xdr:row>2</xdr:row>
      <xdr:rowOff>174625</xdr:rowOff>
    </xdr:to>
    <xdr:sp macro="" textlink="">
      <xdr:nvSpPr>
        <xdr:cNvPr id="2" name="Rectangle 1">
          <a:extLst>
            <a:ext uri="{FF2B5EF4-FFF2-40B4-BE49-F238E27FC236}">
              <a16:creationId xmlns:a16="http://schemas.microsoft.com/office/drawing/2014/main" id="{00000000-0008-0000-1B00-000002000000}"/>
            </a:ext>
          </a:extLst>
        </xdr:cNvPr>
        <xdr:cNvSpPr>
          <a:spLocks noChangeArrowheads="1"/>
        </xdr:cNvSpPr>
      </xdr:nvSpPr>
      <xdr:spPr bwMode="auto">
        <a:xfrm>
          <a:off x="7182907" y="257175"/>
          <a:ext cx="1819275" cy="431800"/>
        </a:xfrm>
        <a:prstGeom prst="rect">
          <a:avLst/>
        </a:prstGeom>
        <a:solidFill>
          <a:srgbClr val="FFFFFF"/>
        </a:solidFill>
        <a:ln w="19050">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u="none" strike="noStrike" baseline="0">
              <a:solidFill>
                <a:srgbClr val="000000"/>
              </a:solidFill>
              <a:latin typeface="ＭＳ Ｐゴシック"/>
              <a:ea typeface="ＭＳ Ｐゴシック"/>
            </a:rPr>
            <a:t>記載例</a:t>
          </a:r>
        </a:p>
      </xdr:txBody>
    </xdr:sp>
    <xdr:clientData/>
  </xdr:twoCellAnchor>
  <xdr:twoCellAnchor>
    <xdr:from>
      <xdr:col>6</xdr:col>
      <xdr:colOff>1524000</xdr:colOff>
      <xdr:row>7</xdr:row>
      <xdr:rowOff>219075</xdr:rowOff>
    </xdr:from>
    <xdr:to>
      <xdr:col>8</xdr:col>
      <xdr:colOff>76200</xdr:colOff>
      <xdr:row>11</xdr:row>
      <xdr:rowOff>85725</xdr:rowOff>
    </xdr:to>
    <xdr:sp macro="" textlink="">
      <xdr:nvSpPr>
        <xdr:cNvPr id="18782" name="Line 3">
          <a:extLst>
            <a:ext uri="{FF2B5EF4-FFF2-40B4-BE49-F238E27FC236}">
              <a16:creationId xmlns:a16="http://schemas.microsoft.com/office/drawing/2014/main" id="{00000000-0008-0000-1B00-00005E490000}"/>
            </a:ext>
          </a:extLst>
        </xdr:cNvPr>
        <xdr:cNvSpPr>
          <a:spLocks noChangeShapeType="1"/>
        </xdr:cNvSpPr>
      </xdr:nvSpPr>
      <xdr:spPr bwMode="auto">
        <a:xfrm flipH="1" flipV="1">
          <a:off x="6229350" y="2933700"/>
          <a:ext cx="2362200" cy="13906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672167</xdr:colOff>
      <xdr:row>9</xdr:row>
      <xdr:rowOff>275167</xdr:rowOff>
    </xdr:from>
    <xdr:to>
      <xdr:col>8</xdr:col>
      <xdr:colOff>643467</xdr:colOff>
      <xdr:row>12</xdr:row>
      <xdr:rowOff>148167</xdr:rowOff>
    </xdr:to>
    <xdr:sp macro="" textlink="">
      <xdr:nvSpPr>
        <xdr:cNvPr id="4" name="Rectangle 2">
          <a:extLst>
            <a:ext uri="{FF2B5EF4-FFF2-40B4-BE49-F238E27FC236}">
              <a16:creationId xmlns:a16="http://schemas.microsoft.com/office/drawing/2014/main" id="{00000000-0008-0000-1B00-000004000000}"/>
            </a:ext>
          </a:extLst>
        </xdr:cNvPr>
        <xdr:cNvSpPr>
          <a:spLocks noChangeArrowheads="1"/>
        </xdr:cNvSpPr>
      </xdr:nvSpPr>
      <xdr:spPr bwMode="auto">
        <a:xfrm>
          <a:off x="8282517" y="3751792"/>
          <a:ext cx="876300" cy="101600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300"/>
            </a:lnSpc>
            <a:defRPr sz="1000"/>
          </a:pPr>
          <a:r>
            <a:rPr lang="ja-JP" altLang="en-US" sz="1200" b="0" i="0" u="none" strike="noStrike" baseline="0">
              <a:solidFill>
                <a:sysClr val="windowText" lastClr="000000"/>
              </a:solidFill>
              <a:latin typeface="ＭＳ Ｐゴシック"/>
              <a:ea typeface="ＭＳ Ｐゴシック"/>
            </a:rPr>
            <a:t>算定する加算に○をつけること</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7</xdr:col>
      <xdr:colOff>222250</xdr:colOff>
      <xdr:row>11</xdr:row>
      <xdr:rowOff>105834</xdr:rowOff>
    </xdr:from>
    <xdr:to>
      <xdr:col>8</xdr:col>
      <xdr:colOff>645582</xdr:colOff>
      <xdr:row>12</xdr:row>
      <xdr:rowOff>296334</xdr:rowOff>
    </xdr:to>
    <xdr:sp macro="" textlink="">
      <xdr:nvSpPr>
        <xdr:cNvPr id="2" name="Rectangle 2">
          <a:extLst>
            <a:ext uri="{FF2B5EF4-FFF2-40B4-BE49-F238E27FC236}">
              <a16:creationId xmlns:a16="http://schemas.microsoft.com/office/drawing/2014/main" id="{00000000-0008-0000-1D00-000002000000}"/>
            </a:ext>
          </a:extLst>
        </xdr:cNvPr>
        <xdr:cNvSpPr>
          <a:spLocks noChangeArrowheads="1"/>
        </xdr:cNvSpPr>
      </xdr:nvSpPr>
      <xdr:spPr bwMode="auto">
        <a:xfrm>
          <a:off x="5757333" y="3958167"/>
          <a:ext cx="1460499" cy="57150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300"/>
            </a:lnSpc>
            <a:defRPr sz="1000"/>
          </a:pPr>
          <a:r>
            <a:rPr lang="ja-JP" altLang="en-US" sz="1100" b="0" i="0" u="none" strike="noStrike" baseline="0">
              <a:solidFill>
                <a:sysClr val="windowText" lastClr="000000"/>
              </a:solidFill>
              <a:latin typeface="ＭＳ Ｐゴシック"/>
              <a:ea typeface="ＭＳ Ｐゴシック"/>
            </a:rPr>
            <a:t>算定する加算に○をつけること</a:t>
          </a:r>
        </a:p>
      </xdr:txBody>
    </xdr:sp>
    <xdr:clientData/>
  </xdr:twoCellAnchor>
  <xdr:twoCellAnchor>
    <xdr:from>
      <xdr:col>6</xdr:col>
      <xdr:colOff>349250</xdr:colOff>
      <xdr:row>8</xdr:row>
      <xdr:rowOff>296334</xdr:rowOff>
    </xdr:from>
    <xdr:to>
      <xdr:col>7</xdr:col>
      <xdr:colOff>169334</xdr:colOff>
      <xdr:row>11</xdr:row>
      <xdr:rowOff>137584</xdr:rowOff>
    </xdr:to>
    <xdr:cxnSp macro="">
      <xdr:nvCxnSpPr>
        <xdr:cNvPr id="3" name="直線コネクタ 2">
          <a:extLst>
            <a:ext uri="{FF2B5EF4-FFF2-40B4-BE49-F238E27FC236}">
              <a16:creationId xmlns:a16="http://schemas.microsoft.com/office/drawing/2014/main" id="{00000000-0008-0000-1D00-000003000000}"/>
            </a:ext>
          </a:extLst>
        </xdr:cNvPr>
        <xdr:cNvCxnSpPr/>
      </xdr:nvCxnSpPr>
      <xdr:spPr>
        <a:xfrm>
          <a:off x="5069417" y="3005667"/>
          <a:ext cx="635000" cy="98425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751417</xdr:colOff>
      <xdr:row>0</xdr:row>
      <xdr:rowOff>1</xdr:rowOff>
    </xdr:from>
    <xdr:to>
      <xdr:col>8</xdr:col>
      <xdr:colOff>790575</xdr:colOff>
      <xdr:row>1</xdr:row>
      <xdr:rowOff>31751</xdr:rowOff>
    </xdr:to>
    <xdr:sp macro="" textlink="">
      <xdr:nvSpPr>
        <xdr:cNvPr id="4" name="Rectangle 1">
          <a:extLst>
            <a:ext uri="{FF2B5EF4-FFF2-40B4-BE49-F238E27FC236}">
              <a16:creationId xmlns:a16="http://schemas.microsoft.com/office/drawing/2014/main" id="{00000000-0008-0000-1D00-000004000000}"/>
            </a:ext>
          </a:extLst>
        </xdr:cNvPr>
        <xdr:cNvSpPr>
          <a:spLocks noChangeArrowheads="1"/>
        </xdr:cNvSpPr>
      </xdr:nvSpPr>
      <xdr:spPr bwMode="auto">
        <a:xfrm>
          <a:off x="6286500" y="1"/>
          <a:ext cx="1076325" cy="381000"/>
        </a:xfrm>
        <a:prstGeom prst="rect">
          <a:avLst/>
        </a:prstGeom>
        <a:noFill/>
        <a:ln w="9525">
          <a:noFill/>
          <a:miter lim="800000"/>
          <a:headEnd/>
          <a:tailEnd/>
        </a:ln>
      </xdr:spPr>
      <xdr:txBody>
        <a:bodyPr vertOverflow="clip" wrap="square" lIns="45720" tIns="27432" rIns="0" bIns="0" anchor="t"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rPr>
            <a:t>記載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104775</xdr:colOff>
      <xdr:row>18</xdr:row>
      <xdr:rowOff>342900</xdr:rowOff>
    </xdr:from>
    <xdr:to>
      <xdr:col>4</xdr:col>
      <xdr:colOff>219075</xdr:colOff>
      <xdr:row>18</xdr:row>
      <xdr:rowOff>542925</xdr:rowOff>
    </xdr:to>
    <xdr:sp macro="" textlink="">
      <xdr:nvSpPr>
        <xdr:cNvPr id="6145" name="Rectangle 1">
          <a:extLst>
            <a:ext uri="{FF2B5EF4-FFF2-40B4-BE49-F238E27FC236}">
              <a16:creationId xmlns:a16="http://schemas.microsoft.com/office/drawing/2014/main" id="{00000000-0008-0000-1E00-000001180000}"/>
            </a:ext>
          </a:extLst>
        </xdr:cNvPr>
        <xdr:cNvSpPr>
          <a:spLocks noChangeArrowheads="1"/>
        </xdr:cNvSpPr>
      </xdr:nvSpPr>
      <xdr:spPr bwMode="auto">
        <a:xfrm>
          <a:off x="1876425" y="8153400"/>
          <a:ext cx="4286250" cy="200025"/>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研修実施主体名（　　　　　　　　　　　　　　　　　　　　　　　　　　　　　　）</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xdr:col>
      <xdr:colOff>28575</xdr:colOff>
      <xdr:row>3</xdr:row>
      <xdr:rowOff>104775</xdr:rowOff>
    </xdr:from>
    <xdr:to>
      <xdr:col>1</xdr:col>
      <xdr:colOff>1143000</xdr:colOff>
      <xdr:row>4</xdr:row>
      <xdr:rowOff>0</xdr:rowOff>
    </xdr:to>
    <xdr:sp macro="" textlink="">
      <xdr:nvSpPr>
        <xdr:cNvPr id="7169" name="Rectangle 1">
          <a:extLst>
            <a:ext uri="{FF2B5EF4-FFF2-40B4-BE49-F238E27FC236}">
              <a16:creationId xmlns:a16="http://schemas.microsoft.com/office/drawing/2014/main" id="{00000000-0008-0000-1F00-0000011C0000}"/>
            </a:ext>
          </a:extLst>
        </xdr:cNvPr>
        <xdr:cNvSpPr>
          <a:spLocks noChangeArrowheads="1"/>
        </xdr:cNvSpPr>
      </xdr:nvSpPr>
      <xdr:spPr bwMode="auto">
        <a:xfrm>
          <a:off x="1800225" y="1076325"/>
          <a:ext cx="1114425" cy="276225"/>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200" b="0" i="0" u="none" strike="noStrike" baseline="0">
              <a:solidFill>
                <a:srgbClr val="000000"/>
              </a:solidFill>
              <a:latin typeface="ＭＳ Ｐゴシック"/>
              <a:ea typeface="ＭＳ Ｐゴシック"/>
            </a:rPr>
            <a:t>○○県知事</a:t>
          </a:r>
        </a:p>
      </xdr:txBody>
    </xdr:sp>
    <xdr:clientData/>
  </xdr:twoCellAnchor>
  <xdr:twoCellAnchor>
    <xdr:from>
      <xdr:col>4</xdr:col>
      <xdr:colOff>1038225</xdr:colOff>
      <xdr:row>2</xdr:row>
      <xdr:rowOff>133350</xdr:rowOff>
    </xdr:from>
    <xdr:to>
      <xdr:col>4</xdr:col>
      <xdr:colOff>1438275</xdr:colOff>
      <xdr:row>3</xdr:row>
      <xdr:rowOff>9525</xdr:rowOff>
    </xdr:to>
    <xdr:sp macro="" textlink="">
      <xdr:nvSpPr>
        <xdr:cNvPr id="7170" name="Rectangle 2">
          <a:extLst>
            <a:ext uri="{FF2B5EF4-FFF2-40B4-BE49-F238E27FC236}">
              <a16:creationId xmlns:a16="http://schemas.microsoft.com/office/drawing/2014/main" id="{00000000-0008-0000-1F00-0000021C0000}"/>
            </a:ext>
          </a:extLst>
        </xdr:cNvPr>
        <xdr:cNvSpPr>
          <a:spLocks noChangeArrowheads="1"/>
        </xdr:cNvSpPr>
      </xdr:nvSpPr>
      <xdr:spPr bwMode="auto">
        <a:xfrm>
          <a:off x="6981825" y="723900"/>
          <a:ext cx="400050" cy="257175"/>
        </a:xfrm>
        <a:prstGeom prst="rect">
          <a:avLst/>
        </a:prstGeom>
        <a:solidFill>
          <a:srgbClr val="FFFFFF"/>
        </a:solidFill>
        <a:ln w="9525">
          <a:noFill/>
          <a:miter lim="800000"/>
          <a:headEnd/>
          <a:tailEnd/>
        </a:ln>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5</xdr:col>
      <xdr:colOff>419100</xdr:colOff>
      <xdr:row>2</xdr:row>
      <xdr:rowOff>123825</xdr:rowOff>
    </xdr:from>
    <xdr:to>
      <xdr:col>5</xdr:col>
      <xdr:colOff>819150</xdr:colOff>
      <xdr:row>3</xdr:row>
      <xdr:rowOff>0</xdr:rowOff>
    </xdr:to>
    <xdr:sp macro="" textlink="">
      <xdr:nvSpPr>
        <xdr:cNvPr id="7171" name="Rectangle 3">
          <a:extLst>
            <a:ext uri="{FF2B5EF4-FFF2-40B4-BE49-F238E27FC236}">
              <a16:creationId xmlns:a16="http://schemas.microsoft.com/office/drawing/2014/main" id="{00000000-0008-0000-1F00-0000031C0000}"/>
            </a:ext>
          </a:extLst>
        </xdr:cNvPr>
        <xdr:cNvSpPr>
          <a:spLocks noChangeArrowheads="1"/>
        </xdr:cNvSpPr>
      </xdr:nvSpPr>
      <xdr:spPr bwMode="auto">
        <a:xfrm>
          <a:off x="7934325" y="714375"/>
          <a:ext cx="400050" cy="257175"/>
        </a:xfrm>
        <a:prstGeom prst="rect">
          <a:avLst/>
        </a:prstGeom>
        <a:solidFill>
          <a:srgbClr val="FFFFFF"/>
        </a:solidFill>
        <a:ln w="9525">
          <a:noFill/>
          <a:miter lim="800000"/>
          <a:headEnd/>
          <a:tailEnd/>
        </a:ln>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4</xdr:col>
      <xdr:colOff>504825</xdr:colOff>
      <xdr:row>3</xdr:row>
      <xdr:rowOff>104775</xdr:rowOff>
    </xdr:from>
    <xdr:to>
      <xdr:col>4</xdr:col>
      <xdr:colOff>904875</xdr:colOff>
      <xdr:row>3</xdr:row>
      <xdr:rowOff>361950</xdr:rowOff>
    </xdr:to>
    <xdr:sp macro="" textlink="">
      <xdr:nvSpPr>
        <xdr:cNvPr id="7172" name="Rectangle 4">
          <a:extLst>
            <a:ext uri="{FF2B5EF4-FFF2-40B4-BE49-F238E27FC236}">
              <a16:creationId xmlns:a16="http://schemas.microsoft.com/office/drawing/2014/main" id="{00000000-0008-0000-1F00-0000041C0000}"/>
            </a:ext>
          </a:extLst>
        </xdr:cNvPr>
        <xdr:cNvSpPr>
          <a:spLocks noChangeArrowheads="1"/>
        </xdr:cNvSpPr>
      </xdr:nvSpPr>
      <xdr:spPr bwMode="auto">
        <a:xfrm>
          <a:off x="6448425" y="1076325"/>
          <a:ext cx="400050" cy="257175"/>
        </a:xfrm>
        <a:prstGeom prst="rect">
          <a:avLst/>
        </a:prstGeom>
        <a:solidFill>
          <a:srgbClr val="FFFFFF"/>
        </a:solidFill>
        <a:ln w="9525">
          <a:noFill/>
          <a:miter lim="800000"/>
          <a:headEnd/>
          <a:tailEnd/>
        </a:ln>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4</xdr:col>
      <xdr:colOff>1219200</xdr:colOff>
      <xdr:row>3</xdr:row>
      <xdr:rowOff>104775</xdr:rowOff>
    </xdr:from>
    <xdr:to>
      <xdr:col>5</xdr:col>
      <xdr:colOff>47625</xdr:colOff>
      <xdr:row>3</xdr:row>
      <xdr:rowOff>361950</xdr:rowOff>
    </xdr:to>
    <xdr:sp macro="" textlink="">
      <xdr:nvSpPr>
        <xdr:cNvPr id="7173" name="Rectangle 5">
          <a:extLst>
            <a:ext uri="{FF2B5EF4-FFF2-40B4-BE49-F238E27FC236}">
              <a16:creationId xmlns:a16="http://schemas.microsoft.com/office/drawing/2014/main" id="{00000000-0008-0000-1F00-0000051C0000}"/>
            </a:ext>
          </a:extLst>
        </xdr:cNvPr>
        <xdr:cNvSpPr>
          <a:spLocks noChangeArrowheads="1"/>
        </xdr:cNvSpPr>
      </xdr:nvSpPr>
      <xdr:spPr bwMode="auto">
        <a:xfrm>
          <a:off x="7162800" y="1076325"/>
          <a:ext cx="400050" cy="257175"/>
        </a:xfrm>
        <a:prstGeom prst="rect">
          <a:avLst/>
        </a:prstGeom>
        <a:solidFill>
          <a:srgbClr val="FFFFFF"/>
        </a:solidFill>
        <a:ln w="9525">
          <a:noFill/>
          <a:miter lim="800000"/>
          <a:headEnd/>
          <a:tailEnd/>
        </a:ln>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5</xdr:col>
      <xdr:colOff>428625</xdr:colOff>
      <xdr:row>3</xdr:row>
      <xdr:rowOff>104775</xdr:rowOff>
    </xdr:from>
    <xdr:to>
      <xdr:col>5</xdr:col>
      <xdr:colOff>828675</xdr:colOff>
      <xdr:row>3</xdr:row>
      <xdr:rowOff>361950</xdr:rowOff>
    </xdr:to>
    <xdr:sp macro="" textlink="">
      <xdr:nvSpPr>
        <xdr:cNvPr id="7174" name="Rectangle 6">
          <a:extLst>
            <a:ext uri="{FF2B5EF4-FFF2-40B4-BE49-F238E27FC236}">
              <a16:creationId xmlns:a16="http://schemas.microsoft.com/office/drawing/2014/main" id="{00000000-0008-0000-1F00-0000061C0000}"/>
            </a:ext>
          </a:extLst>
        </xdr:cNvPr>
        <xdr:cNvSpPr>
          <a:spLocks noChangeArrowheads="1"/>
        </xdr:cNvSpPr>
      </xdr:nvSpPr>
      <xdr:spPr bwMode="auto">
        <a:xfrm>
          <a:off x="7943850" y="1076325"/>
          <a:ext cx="400050" cy="257175"/>
        </a:xfrm>
        <a:prstGeom prst="rect">
          <a:avLst/>
        </a:prstGeom>
        <a:solidFill>
          <a:srgbClr val="FFFFFF"/>
        </a:solidFill>
        <a:ln w="9525">
          <a:noFill/>
          <a:miter lim="800000"/>
          <a:headEnd/>
          <a:tailEnd/>
        </a:ln>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a:t>
          </a:r>
        </a:p>
      </xdr:txBody>
    </xdr:sp>
    <xdr:clientData/>
  </xdr:twoCellAnchor>
  <xdr:twoCellAnchor>
    <xdr:from>
      <xdr:col>5</xdr:col>
      <xdr:colOff>361950</xdr:colOff>
      <xdr:row>6</xdr:row>
      <xdr:rowOff>247650</xdr:rowOff>
    </xdr:from>
    <xdr:to>
      <xdr:col>5</xdr:col>
      <xdr:colOff>1152525</xdr:colOff>
      <xdr:row>8</xdr:row>
      <xdr:rowOff>180975</xdr:rowOff>
    </xdr:to>
    <xdr:sp macro="" textlink="">
      <xdr:nvSpPr>
        <xdr:cNvPr id="43599" name="AutoShape 7">
          <a:extLst>
            <a:ext uri="{FF2B5EF4-FFF2-40B4-BE49-F238E27FC236}">
              <a16:creationId xmlns:a16="http://schemas.microsoft.com/office/drawing/2014/main" id="{00000000-0008-0000-1F00-00004FAA0000}"/>
            </a:ext>
          </a:extLst>
        </xdr:cNvPr>
        <xdr:cNvSpPr>
          <a:spLocks noChangeArrowheads="1"/>
        </xdr:cNvSpPr>
      </xdr:nvSpPr>
      <xdr:spPr bwMode="auto">
        <a:xfrm>
          <a:off x="7877175" y="2362200"/>
          <a:ext cx="790575" cy="695325"/>
        </a:xfrm>
        <a:prstGeom prst="roundRect">
          <a:avLst>
            <a:gd name="adj" fmla="val 16667"/>
          </a:avLst>
        </a:prstGeom>
        <a:solidFill>
          <a:srgbClr val="FFFFFF">
            <a:alpha val="0"/>
          </a:srgbClr>
        </a:solidFill>
        <a:ln w="9525">
          <a:solidFill>
            <a:srgbClr val="000000"/>
          </a:solidFill>
          <a:round/>
          <a:headEnd/>
          <a:tailEnd/>
        </a:ln>
      </xdr:spPr>
    </xdr:sp>
    <xdr:clientData/>
  </xdr:twoCellAnchor>
  <xdr:twoCellAnchor>
    <xdr:from>
      <xdr:col>1</xdr:col>
      <xdr:colOff>57150</xdr:colOff>
      <xdr:row>10</xdr:row>
      <xdr:rowOff>133350</xdr:rowOff>
    </xdr:from>
    <xdr:to>
      <xdr:col>2</xdr:col>
      <xdr:colOff>590550</xdr:colOff>
      <xdr:row>10</xdr:row>
      <xdr:rowOff>361950</xdr:rowOff>
    </xdr:to>
    <xdr:sp macro="" textlink="">
      <xdr:nvSpPr>
        <xdr:cNvPr id="7176" name="Rectangle 8">
          <a:extLst>
            <a:ext uri="{FF2B5EF4-FFF2-40B4-BE49-F238E27FC236}">
              <a16:creationId xmlns:a16="http://schemas.microsoft.com/office/drawing/2014/main" id="{00000000-0008-0000-1F00-0000081C0000}"/>
            </a:ext>
          </a:extLst>
        </xdr:cNvPr>
        <xdr:cNvSpPr>
          <a:spLocks noChangeArrowheads="1"/>
        </xdr:cNvSpPr>
      </xdr:nvSpPr>
      <xdr:spPr bwMode="auto">
        <a:xfrm>
          <a:off x="1828800" y="3771900"/>
          <a:ext cx="1885950" cy="228600"/>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200" b="0" i="0" u="none" strike="noStrike" baseline="0">
              <a:solidFill>
                <a:srgbClr val="000000"/>
              </a:solidFill>
              <a:latin typeface="ＭＳ Ｐゴシック"/>
              <a:ea typeface="ＭＳ Ｐゴシック"/>
            </a:rPr>
            <a:t>○△　　大介</a:t>
          </a:r>
        </a:p>
      </xdr:txBody>
    </xdr:sp>
    <xdr:clientData/>
  </xdr:twoCellAnchor>
  <xdr:twoCellAnchor>
    <xdr:from>
      <xdr:col>3</xdr:col>
      <xdr:colOff>1419225</xdr:colOff>
      <xdr:row>4</xdr:row>
      <xdr:rowOff>104775</xdr:rowOff>
    </xdr:from>
    <xdr:to>
      <xdr:col>5</xdr:col>
      <xdr:colOff>47625</xdr:colOff>
      <xdr:row>6</xdr:row>
      <xdr:rowOff>257175</xdr:rowOff>
    </xdr:to>
    <xdr:sp macro="" textlink="">
      <xdr:nvSpPr>
        <xdr:cNvPr id="7177" name="Rectangle 9">
          <a:extLst>
            <a:ext uri="{FF2B5EF4-FFF2-40B4-BE49-F238E27FC236}">
              <a16:creationId xmlns:a16="http://schemas.microsoft.com/office/drawing/2014/main" id="{00000000-0008-0000-1F00-0000091C0000}"/>
            </a:ext>
          </a:extLst>
        </xdr:cNvPr>
        <xdr:cNvSpPr>
          <a:spLocks noChangeArrowheads="1"/>
        </xdr:cNvSpPr>
      </xdr:nvSpPr>
      <xdr:spPr bwMode="auto">
        <a:xfrm>
          <a:off x="5905500" y="1457325"/>
          <a:ext cx="1657350" cy="91440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defRPr sz="1000"/>
          </a:pPr>
          <a:r>
            <a:rPr lang="ja-JP" altLang="en-US" sz="1100" b="0" i="0" u="none" strike="noStrike" baseline="0">
              <a:solidFill>
                <a:srgbClr val="000000"/>
              </a:solidFill>
              <a:latin typeface="ＭＳ Ｐゴシック"/>
              <a:ea typeface="ＭＳ Ｐゴシック"/>
            </a:rPr>
            <a:t>押印は、証明者が行い、</a:t>
          </a:r>
        </a:p>
        <a:p>
          <a:pPr algn="l" rtl="0">
            <a:lnSpc>
              <a:spcPts val="1300"/>
            </a:lnSpc>
            <a:defRPr sz="1000"/>
          </a:pPr>
          <a:r>
            <a:rPr lang="ja-JP" altLang="en-US" sz="1100" b="0" i="0" u="none" strike="noStrike" baseline="0">
              <a:solidFill>
                <a:srgbClr val="000000"/>
              </a:solidFill>
              <a:latin typeface="ＭＳ Ｐゴシック"/>
              <a:ea typeface="ＭＳ Ｐゴシック"/>
            </a:rPr>
            <a:t>訂正は無効であること。</a:t>
          </a:r>
        </a:p>
      </xdr:txBody>
    </xdr:sp>
    <xdr:clientData/>
  </xdr:twoCellAnchor>
  <xdr:twoCellAnchor>
    <xdr:from>
      <xdr:col>5</xdr:col>
      <xdr:colOff>57150</xdr:colOff>
      <xdr:row>5</xdr:row>
      <xdr:rowOff>304800</xdr:rowOff>
    </xdr:from>
    <xdr:to>
      <xdr:col>5</xdr:col>
      <xdr:colOff>571500</xdr:colOff>
      <xdr:row>6</xdr:row>
      <xdr:rowOff>352425</xdr:rowOff>
    </xdr:to>
    <xdr:sp macro="" textlink="">
      <xdr:nvSpPr>
        <xdr:cNvPr id="43602" name="Line 10">
          <a:extLst>
            <a:ext uri="{FF2B5EF4-FFF2-40B4-BE49-F238E27FC236}">
              <a16:creationId xmlns:a16="http://schemas.microsoft.com/office/drawing/2014/main" id="{00000000-0008-0000-1F00-000052AA0000}"/>
            </a:ext>
          </a:extLst>
        </xdr:cNvPr>
        <xdr:cNvSpPr>
          <a:spLocks noChangeShapeType="1"/>
        </xdr:cNvSpPr>
      </xdr:nvSpPr>
      <xdr:spPr bwMode="auto">
        <a:xfrm>
          <a:off x="7572375" y="2038350"/>
          <a:ext cx="514350" cy="4286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1123950</xdr:colOff>
      <xdr:row>1</xdr:row>
      <xdr:rowOff>76200</xdr:rowOff>
    </xdr:from>
    <xdr:to>
      <xdr:col>5</xdr:col>
      <xdr:colOff>1038225</xdr:colOff>
      <xdr:row>1</xdr:row>
      <xdr:rowOff>504825</xdr:rowOff>
    </xdr:to>
    <xdr:sp macro="" textlink="">
      <xdr:nvSpPr>
        <xdr:cNvPr id="7179" name="Rectangle 11">
          <a:extLst>
            <a:ext uri="{FF2B5EF4-FFF2-40B4-BE49-F238E27FC236}">
              <a16:creationId xmlns:a16="http://schemas.microsoft.com/office/drawing/2014/main" id="{00000000-0008-0000-1F00-00000B1C0000}"/>
            </a:ext>
          </a:extLst>
        </xdr:cNvPr>
        <xdr:cNvSpPr>
          <a:spLocks noChangeArrowheads="1"/>
        </xdr:cNvSpPr>
      </xdr:nvSpPr>
      <xdr:spPr bwMode="auto">
        <a:xfrm>
          <a:off x="7067550" y="76200"/>
          <a:ext cx="1485900" cy="428625"/>
        </a:xfrm>
        <a:prstGeom prst="rect">
          <a:avLst/>
        </a:prstGeom>
        <a:solidFill>
          <a:srgbClr val="FFFFFF"/>
        </a:solidFill>
        <a:ln w="19050">
          <a:solidFill>
            <a:srgbClr val="000000"/>
          </a:solidFill>
          <a:miter lim="800000"/>
          <a:headEnd/>
          <a:tailEnd/>
        </a:ln>
      </xdr:spPr>
      <xdr:txBody>
        <a:bodyPr vertOverflow="clip" wrap="square" lIns="45720" tIns="27432" rIns="45720" bIns="27432" anchor="ctr" upright="1"/>
        <a:lstStyle/>
        <a:p>
          <a:pPr algn="ctr" rtl="0">
            <a:defRPr sz="1000"/>
          </a:pPr>
          <a:r>
            <a:rPr lang="ja-JP" altLang="en-US" sz="2000" b="0" i="0" u="none" strike="noStrike" baseline="0">
              <a:solidFill>
                <a:srgbClr val="000000"/>
              </a:solidFill>
              <a:latin typeface="ＭＳ Ｐゴシック"/>
              <a:ea typeface="ＭＳ Ｐゴシック"/>
            </a:rPr>
            <a:t>記載例</a:t>
          </a:r>
        </a:p>
      </xdr:txBody>
    </xdr:sp>
    <xdr:clientData/>
  </xdr:twoCellAnchor>
  <xdr:twoCellAnchor>
    <xdr:from>
      <xdr:col>1</xdr:col>
      <xdr:colOff>104775</xdr:colOff>
      <xdr:row>18</xdr:row>
      <xdr:rowOff>342900</xdr:rowOff>
    </xdr:from>
    <xdr:to>
      <xdr:col>4</xdr:col>
      <xdr:colOff>219075</xdr:colOff>
      <xdr:row>18</xdr:row>
      <xdr:rowOff>542925</xdr:rowOff>
    </xdr:to>
    <xdr:sp macro="" textlink="">
      <xdr:nvSpPr>
        <xdr:cNvPr id="7180" name="Rectangle 12">
          <a:extLst>
            <a:ext uri="{FF2B5EF4-FFF2-40B4-BE49-F238E27FC236}">
              <a16:creationId xmlns:a16="http://schemas.microsoft.com/office/drawing/2014/main" id="{00000000-0008-0000-1F00-00000C1C0000}"/>
            </a:ext>
          </a:extLst>
        </xdr:cNvPr>
        <xdr:cNvSpPr>
          <a:spLocks noChangeArrowheads="1"/>
        </xdr:cNvSpPr>
      </xdr:nvSpPr>
      <xdr:spPr bwMode="auto">
        <a:xfrm>
          <a:off x="1876425" y="8153400"/>
          <a:ext cx="4286250" cy="200025"/>
        </a:xfrm>
        <a:prstGeom prst="rect">
          <a:avLst/>
        </a:prstGeom>
        <a:solidFill>
          <a:srgbClr val="FFFFFF"/>
        </a:solid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研修実施主体名（</a:t>
          </a:r>
          <a:r>
            <a:rPr lang="ja-JP" altLang="en-US" sz="1000" b="0" i="0" u="none" strike="noStrike" baseline="0">
              <a:solidFill>
                <a:srgbClr val="000000"/>
              </a:solidFill>
              <a:latin typeface="ＭＳ Ｐゴシック"/>
              <a:ea typeface="ＭＳ Ｐゴシック"/>
            </a:rPr>
            <a:t>独立行政法人高齢・障害者雇用支援機構　</a:t>
          </a:r>
          <a:r>
            <a:rPr lang="ja-JP" altLang="en-US" sz="1100" b="0" i="0" u="none" strike="noStrike" baseline="0">
              <a:solidFill>
                <a:srgbClr val="000000"/>
              </a:solidFill>
              <a:latin typeface="ＭＳ Ｐゴシック"/>
              <a:ea typeface="ＭＳ Ｐゴシック"/>
            </a:rPr>
            <a:t>　　）</a:t>
          </a:r>
        </a:p>
      </xdr:txBody>
    </xdr:sp>
    <xdr:clientData/>
  </xdr:twoCellAnchor>
</xdr:wsDr>
</file>

<file path=xl/drawings/drawing17.xml><?xml version="1.0" encoding="utf-8"?>
<xdr:wsDr xmlns:xdr="http://schemas.openxmlformats.org/drawingml/2006/spreadsheetDrawing" xmlns:a="http://schemas.openxmlformats.org/drawingml/2006/main">
  <xdr:oneCellAnchor>
    <xdr:from>
      <xdr:col>8</xdr:col>
      <xdr:colOff>0</xdr:colOff>
      <xdr:row>2</xdr:row>
      <xdr:rowOff>0</xdr:rowOff>
    </xdr:from>
    <xdr:ext cx="885262" cy="392207"/>
    <xdr:sp macro="" textlink="">
      <xdr:nvSpPr>
        <xdr:cNvPr id="2" name="テキスト ボックス 1">
          <a:extLst>
            <a:ext uri="{FF2B5EF4-FFF2-40B4-BE49-F238E27FC236}">
              <a16:creationId xmlns:a16="http://schemas.microsoft.com/office/drawing/2014/main" id="{00000000-0008-0000-2100-000002000000}"/>
            </a:ext>
          </a:extLst>
        </xdr:cNvPr>
        <xdr:cNvSpPr txBox="1"/>
      </xdr:nvSpPr>
      <xdr:spPr>
        <a:xfrm>
          <a:off x="7219950" y="847725"/>
          <a:ext cx="885262" cy="392207"/>
        </a:xfrm>
        <a:prstGeom prst="rect">
          <a:avLst/>
        </a:prstGeom>
        <a:noFill/>
        <a:ln w="9525">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800" b="1">
              <a:latin typeface="+mj-ea"/>
              <a:ea typeface="+mj-ea"/>
            </a:rPr>
            <a:t>記入例</a:t>
          </a:r>
          <a:endParaRPr kumimoji="1" lang="en-US" altLang="ja-JP" sz="1800" b="1">
            <a:latin typeface="+mj-ea"/>
            <a:ea typeface="+mj-ea"/>
          </a:endParaRPr>
        </a:p>
        <a:p>
          <a:pPr>
            <a:lnSpc>
              <a:spcPts val="1900"/>
            </a:lnSpc>
          </a:pPr>
          <a:endParaRPr kumimoji="1" lang="ja-JP" altLang="en-US" sz="1600" b="1">
            <a:latin typeface="+mj-ea"/>
            <a:ea typeface="+mj-ea"/>
          </a:endParaRPr>
        </a:p>
      </xdr:txBody>
    </xdr:sp>
    <xdr:clientData/>
  </xdr:oneCellAnchor>
  <xdr:twoCellAnchor>
    <xdr:from>
      <xdr:col>7</xdr:col>
      <xdr:colOff>152400</xdr:colOff>
      <xdr:row>15</xdr:row>
      <xdr:rowOff>133350</xdr:rowOff>
    </xdr:from>
    <xdr:to>
      <xdr:col>10</xdr:col>
      <xdr:colOff>628650</xdr:colOff>
      <xdr:row>19</xdr:row>
      <xdr:rowOff>95250</xdr:rowOff>
    </xdr:to>
    <xdr:grpSp>
      <xdr:nvGrpSpPr>
        <xdr:cNvPr id="57566" name="グループ化 2">
          <a:extLst>
            <a:ext uri="{FF2B5EF4-FFF2-40B4-BE49-F238E27FC236}">
              <a16:creationId xmlns:a16="http://schemas.microsoft.com/office/drawing/2014/main" id="{00000000-0008-0000-2100-0000DEE00000}"/>
            </a:ext>
          </a:extLst>
        </xdr:cNvPr>
        <xdr:cNvGrpSpPr>
          <a:grpSpLocks/>
        </xdr:cNvGrpSpPr>
      </xdr:nvGrpSpPr>
      <xdr:grpSpPr bwMode="auto">
        <a:xfrm>
          <a:off x="6877050" y="4467225"/>
          <a:ext cx="2343150" cy="914400"/>
          <a:chOff x="6701118" y="4421841"/>
          <a:chExt cx="2342029" cy="912160"/>
        </a:xfrm>
      </xdr:grpSpPr>
      <xdr:sp macro="" textlink="">
        <xdr:nvSpPr>
          <xdr:cNvPr id="4" name="テキスト ボックス 3">
            <a:extLst>
              <a:ext uri="{FF2B5EF4-FFF2-40B4-BE49-F238E27FC236}">
                <a16:creationId xmlns:a16="http://schemas.microsoft.com/office/drawing/2014/main" id="{00000000-0008-0000-2100-000004000000}"/>
              </a:ext>
            </a:extLst>
          </xdr:cNvPr>
          <xdr:cNvSpPr txBox="1"/>
        </xdr:nvSpPr>
        <xdr:spPr>
          <a:xfrm>
            <a:off x="7443713" y="4421841"/>
            <a:ext cx="1599434" cy="636612"/>
          </a:xfrm>
          <a:prstGeom prst="rect">
            <a:avLst/>
          </a:prstGeom>
          <a:noFill/>
          <a:ln w="9525">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000"/>
              <a:t>常勤換算後の人数が、必要配置数</a:t>
            </a:r>
            <a:r>
              <a:rPr kumimoji="1" lang="en-US" altLang="ja-JP" sz="1000"/>
              <a:t>(B)</a:t>
            </a:r>
            <a:r>
              <a:rPr kumimoji="1" lang="ja-JP" altLang="en-US" sz="1000"/>
              <a:t>以上であること</a:t>
            </a:r>
          </a:p>
        </xdr:txBody>
      </xdr:sp>
      <xdr:cxnSp macro="">
        <xdr:nvCxnSpPr>
          <xdr:cNvPr id="5" name="直線コネクタ 4">
            <a:extLst>
              <a:ext uri="{FF2B5EF4-FFF2-40B4-BE49-F238E27FC236}">
                <a16:creationId xmlns:a16="http://schemas.microsoft.com/office/drawing/2014/main" id="{00000000-0008-0000-2100-000005000000}"/>
              </a:ext>
            </a:extLst>
          </xdr:cNvPr>
          <xdr:cNvCxnSpPr>
            <a:endCxn id="4" idx="1"/>
          </xdr:cNvCxnSpPr>
        </xdr:nvCxnSpPr>
        <xdr:spPr>
          <a:xfrm flipV="1">
            <a:off x="6701118" y="4735396"/>
            <a:ext cx="742595" cy="598605"/>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xdr:col>
      <xdr:colOff>38100</xdr:colOff>
      <xdr:row>23</xdr:row>
      <xdr:rowOff>19050</xdr:rowOff>
    </xdr:from>
    <xdr:to>
      <xdr:col>10</xdr:col>
      <xdr:colOff>600075</xdr:colOff>
      <xdr:row>27</xdr:row>
      <xdr:rowOff>76200</xdr:rowOff>
    </xdr:to>
    <xdr:grpSp>
      <xdr:nvGrpSpPr>
        <xdr:cNvPr id="57567" name="グループ化 5">
          <a:extLst>
            <a:ext uri="{FF2B5EF4-FFF2-40B4-BE49-F238E27FC236}">
              <a16:creationId xmlns:a16="http://schemas.microsoft.com/office/drawing/2014/main" id="{00000000-0008-0000-2100-0000DFE00000}"/>
            </a:ext>
          </a:extLst>
        </xdr:cNvPr>
        <xdr:cNvGrpSpPr>
          <a:grpSpLocks/>
        </xdr:cNvGrpSpPr>
      </xdr:nvGrpSpPr>
      <xdr:grpSpPr bwMode="auto">
        <a:xfrm>
          <a:off x="6762750" y="6286500"/>
          <a:ext cx="2428875" cy="1162050"/>
          <a:chOff x="6645088" y="6288740"/>
          <a:chExt cx="2427194" cy="1163172"/>
        </a:xfrm>
      </xdr:grpSpPr>
      <xdr:sp macro="" textlink="">
        <xdr:nvSpPr>
          <xdr:cNvPr id="7" name="テキスト ボックス 6">
            <a:extLst>
              <a:ext uri="{FF2B5EF4-FFF2-40B4-BE49-F238E27FC236}">
                <a16:creationId xmlns:a16="http://schemas.microsoft.com/office/drawing/2014/main" id="{00000000-0008-0000-2100-000007000000}"/>
              </a:ext>
            </a:extLst>
          </xdr:cNvPr>
          <xdr:cNvSpPr txBox="1"/>
        </xdr:nvSpPr>
        <xdr:spPr>
          <a:xfrm>
            <a:off x="7473189" y="6288740"/>
            <a:ext cx="1599093" cy="610189"/>
          </a:xfrm>
          <a:prstGeom prst="rect">
            <a:avLst/>
          </a:prstGeom>
          <a:noFill/>
          <a:ln w="9525">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000"/>
              <a:t>目標工賃達成指導員の配置巣が</a:t>
            </a:r>
            <a:r>
              <a:rPr kumimoji="1" lang="en-US" altLang="ja-JP" sz="1000"/>
              <a:t>1.0</a:t>
            </a:r>
            <a:r>
              <a:rPr kumimoji="1" lang="ja-JP" altLang="en-US" sz="1000"/>
              <a:t>以上であること</a:t>
            </a:r>
          </a:p>
        </xdr:txBody>
      </xdr:sp>
      <xdr:cxnSp macro="">
        <xdr:nvCxnSpPr>
          <xdr:cNvPr id="8" name="直線コネクタ 7">
            <a:extLst>
              <a:ext uri="{FF2B5EF4-FFF2-40B4-BE49-F238E27FC236}">
                <a16:creationId xmlns:a16="http://schemas.microsoft.com/office/drawing/2014/main" id="{00000000-0008-0000-2100-000008000000}"/>
              </a:ext>
            </a:extLst>
          </xdr:cNvPr>
          <xdr:cNvCxnSpPr>
            <a:endCxn id="7" idx="1"/>
          </xdr:cNvCxnSpPr>
        </xdr:nvCxnSpPr>
        <xdr:spPr>
          <a:xfrm flipV="1">
            <a:off x="6645088" y="6593834"/>
            <a:ext cx="828101" cy="858078"/>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xdr:col>
      <xdr:colOff>57150</xdr:colOff>
      <xdr:row>26</xdr:row>
      <xdr:rowOff>133350</xdr:rowOff>
    </xdr:from>
    <xdr:to>
      <xdr:col>10</xdr:col>
      <xdr:colOff>647700</xdr:colOff>
      <xdr:row>29</xdr:row>
      <xdr:rowOff>142875</xdr:rowOff>
    </xdr:to>
    <xdr:grpSp>
      <xdr:nvGrpSpPr>
        <xdr:cNvPr id="57568" name="グループ化 8">
          <a:extLst>
            <a:ext uri="{FF2B5EF4-FFF2-40B4-BE49-F238E27FC236}">
              <a16:creationId xmlns:a16="http://schemas.microsoft.com/office/drawing/2014/main" id="{00000000-0008-0000-2100-0000E0E00000}"/>
            </a:ext>
          </a:extLst>
        </xdr:cNvPr>
        <xdr:cNvGrpSpPr>
          <a:grpSpLocks/>
        </xdr:cNvGrpSpPr>
      </xdr:nvGrpSpPr>
      <xdr:grpSpPr bwMode="auto">
        <a:xfrm>
          <a:off x="6781800" y="7229475"/>
          <a:ext cx="2457450" cy="752475"/>
          <a:chOff x="6645088" y="7174006"/>
          <a:chExt cx="2460812" cy="748553"/>
        </a:xfrm>
      </xdr:grpSpPr>
      <xdr:sp macro="" textlink="">
        <xdr:nvSpPr>
          <xdr:cNvPr id="10" name="テキスト ボックス 9">
            <a:extLst>
              <a:ext uri="{FF2B5EF4-FFF2-40B4-BE49-F238E27FC236}">
                <a16:creationId xmlns:a16="http://schemas.microsoft.com/office/drawing/2014/main" id="{00000000-0008-0000-2100-00000A000000}"/>
              </a:ext>
            </a:extLst>
          </xdr:cNvPr>
          <xdr:cNvSpPr txBox="1"/>
        </xdr:nvSpPr>
        <xdr:spPr>
          <a:xfrm>
            <a:off x="7513049" y="7174006"/>
            <a:ext cx="1592851" cy="615898"/>
          </a:xfrm>
          <a:prstGeom prst="rect">
            <a:avLst/>
          </a:prstGeom>
          <a:noFill/>
          <a:ln w="9525">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000"/>
              <a:t>常勤換算後の人数が必要配置数</a:t>
            </a:r>
            <a:r>
              <a:rPr kumimoji="1" lang="en-US" altLang="ja-JP" sz="1000"/>
              <a:t>(C)</a:t>
            </a:r>
            <a:r>
              <a:rPr kumimoji="1" lang="ja-JP" altLang="en-US" sz="1000"/>
              <a:t>を超えていること</a:t>
            </a:r>
          </a:p>
        </xdr:txBody>
      </xdr:sp>
      <xdr:cxnSp macro="">
        <xdr:nvCxnSpPr>
          <xdr:cNvPr id="11" name="直線コネクタ 10">
            <a:extLst>
              <a:ext uri="{FF2B5EF4-FFF2-40B4-BE49-F238E27FC236}">
                <a16:creationId xmlns:a16="http://schemas.microsoft.com/office/drawing/2014/main" id="{00000000-0008-0000-2100-00000B000000}"/>
              </a:ext>
            </a:extLst>
          </xdr:cNvPr>
          <xdr:cNvCxnSpPr>
            <a:endCxn id="10" idx="1"/>
          </xdr:cNvCxnSpPr>
        </xdr:nvCxnSpPr>
        <xdr:spPr>
          <a:xfrm flipV="1">
            <a:off x="6645088" y="7477217"/>
            <a:ext cx="867961" cy="445342"/>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lientData/>
  </xdr:twoCellAnchor>
</xdr:wsDr>
</file>

<file path=xl/drawings/drawing18.xml><?xml version="1.0" encoding="utf-8"?>
<xdr:wsDr xmlns:xdr="http://schemas.openxmlformats.org/drawingml/2006/spreadsheetDrawing" xmlns:a="http://schemas.openxmlformats.org/drawingml/2006/main">
  <xdr:twoCellAnchor>
    <xdr:from>
      <xdr:col>2</xdr:col>
      <xdr:colOff>406710</xdr:colOff>
      <xdr:row>0</xdr:row>
      <xdr:rowOff>27609</xdr:rowOff>
    </xdr:from>
    <xdr:to>
      <xdr:col>3</xdr:col>
      <xdr:colOff>570498</xdr:colOff>
      <xdr:row>1</xdr:row>
      <xdr:rowOff>203949</xdr:rowOff>
    </xdr:to>
    <xdr:sp macro="" textlink="">
      <xdr:nvSpPr>
        <xdr:cNvPr id="2" name="Rectangle 1">
          <a:extLst>
            <a:ext uri="{FF2B5EF4-FFF2-40B4-BE49-F238E27FC236}">
              <a16:creationId xmlns:a16="http://schemas.microsoft.com/office/drawing/2014/main" id="{00000000-0008-0000-2500-000002000000}"/>
            </a:ext>
          </a:extLst>
        </xdr:cNvPr>
        <xdr:cNvSpPr>
          <a:spLocks noChangeArrowheads="1"/>
        </xdr:cNvSpPr>
      </xdr:nvSpPr>
      <xdr:spPr bwMode="auto">
        <a:xfrm>
          <a:off x="1275866" y="27609"/>
          <a:ext cx="1533007" cy="343028"/>
        </a:xfrm>
        <a:prstGeom prst="rect">
          <a:avLst/>
        </a:prstGeom>
        <a:solidFill>
          <a:srgbClr val="FFFFFF"/>
        </a:solidFill>
        <a:ln w="19050">
          <a:solidFill>
            <a:srgbClr val="000000"/>
          </a:solidFill>
          <a:miter lim="800000"/>
          <a:headEnd/>
          <a:tailEnd/>
        </a:ln>
      </xdr:spPr>
      <xdr:txBody>
        <a:bodyPr vertOverflow="clip" wrap="square" lIns="45720" tIns="27432" rIns="45720" bIns="27432"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rPr>
            <a:t>記載例</a:t>
          </a:r>
        </a:p>
      </xdr:txBody>
    </xdr:sp>
    <xdr:clientData/>
  </xdr:twoCellAnchor>
</xdr:wsDr>
</file>

<file path=xl/drawings/drawing19.xml><?xml version="1.0" encoding="utf-8"?>
<xdr:wsDr xmlns:xdr="http://schemas.openxmlformats.org/drawingml/2006/spreadsheetDrawing" xmlns:a="http://schemas.openxmlformats.org/drawingml/2006/main">
  <xdr:twoCellAnchor>
    <xdr:from>
      <xdr:col>3</xdr:col>
      <xdr:colOff>166688</xdr:colOff>
      <xdr:row>2</xdr:row>
      <xdr:rowOff>71438</xdr:rowOff>
    </xdr:from>
    <xdr:to>
      <xdr:col>4</xdr:col>
      <xdr:colOff>933311</xdr:colOff>
      <xdr:row>7</xdr:row>
      <xdr:rowOff>14290</xdr:rowOff>
    </xdr:to>
    <xdr:sp macro="" textlink="">
      <xdr:nvSpPr>
        <xdr:cNvPr id="3" name="正方形/長方形 2">
          <a:extLst>
            <a:ext uri="{FF2B5EF4-FFF2-40B4-BE49-F238E27FC236}">
              <a16:creationId xmlns:a16="http://schemas.microsoft.com/office/drawing/2014/main" id="{00000000-0008-0000-2600-000003000000}"/>
            </a:ext>
          </a:extLst>
        </xdr:cNvPr>
        <xdr:cNvSpPr/>
      </xdr:nvSpPr>
      <xdr:spPr>
        <a:xfrm>
          <a:off x="2224088" y="414338"/>
          <a:ext cx="1204773" cy="800102"/>
        </a:xfrm>
        <a:prstGeom prst="rect">
          <a:avLst/>
        </a:prstGeom>
        <a:solidFill>
          <a:srgbClr val="FFFF00"/>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前年度の平均」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定員変更があれば「前年度の平均＋定員増減分の９０％」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a:t>
          </a:r>
          <a:r>
            <a:rPr kumimoji="1" lang="ja-JP" altLang="en-US"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この人数は、夜間支援対象利用者の人数ごとに設定されている</a:t>
          </a:r>
          <a:r>
            <a:rPr kumimoji="1" lang="ja-JP" altLang="en-US" sz="900" b="0" i="0" u="sng"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単位区分の選定</a:t>
          </a:r>
          <a:r>
            <a:rPr kumimoji="1" lang="ja-JP" altLang="en-US"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に用いるものであり、この人数に単位を乗じて加算額を算定するのではない。</a:t>
          </a:r>
          <a:endParaRPr kumimoji="1" lang="en-US" altLang="ja-JP"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4</xdr:col>
      <xdr:colOff>914400</xdr:colOff>
      <xdr:row>6</xdr:row>
      <xdr:rowOff>361950</xdr:rowOff>
    </xdr:from>
    <xdr:to>
      <xdr:col>5</xdr:col>
      <xdr:colOff>361950</xdr:colOff>
      <xdr:row>9</xdr:row>
      <xdr:rowOff>304800</xdr:rowOff>
    </xdr:to>
    <xdr:cxnSp macro="">
      <xdr:nvCxnSpPr>
        <xdr:cNvPr id="4" name="直線矢印コネクタ 4">
          <a:extLst>
            <a:ext uri="{FF2B5EF4-FFF2-40B4-BE49-F238E27FC236}">
              <a16:creationId xmlns:a16="http://schemas.microsoft.com/office/drawing/2014/main" id="{00000000-0008-0000-2600-000004000000}"/>
            </a:ext>
          </a:extLst>
        </xdr:cNvPr>
        <xdr:cNvCxnSpPr>
          <a:cxnSpLocks noChangeShapeType="1"/>
        </xdr:cNvCxnSpPr>
      </xdr:nvCxnSpPr>
      <xdr:spPr bwMode="auto">
        <a:xfrm>
          <a:off x="3429000" y="1200150"/>
          <a:ext cx="361950" cy="51435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142875</xdr:colOff>
      <xdr:row>10</xdr:row>
      <xdr:rowOff>66675</xdr:rowOff>
    </xdr:from>
    <xdr:to>
      <xdr:col>5</xdr:col>
      <xdr:colOff>876300</xdr:colOff>
      <xdr:row>14</xdr:row>
      <xdr:rowOff>352425</xdr:rowOff>
    </xdr:to>
    <xdr:sp macro="" textlink="">
      <xdr:nvSpPr>
        <xdr:cNvPr id="5" name="円/楕円 61">
          <a:extLst>
            <a:ext uri="{FF2B5EF4-FFF2-40B4-BE49-F238E27FC236}">
              <a16:creationId xmlns:a16="http://schemas.microsoft.com/office/drawing/2014/main" id="{00000000-0008-0000-2600-000005000000}"/>
            </a:ext>
          </a:extLst>
        </xdr:cNvPr>
        <xdr:cNvSpPr>
          <a:spLocks noChangeArrowheads="1"/>
        </xdr:cNvSpPr>
      </xdr:nvSpPr>
      <xdr:spPr bwMode="auto">
        <a:xfrm>
          <a:off x="3571875" y="1781175"/>
          <a:ext cx="542925" cy="790575"/>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666750</xdr:colOff>
      <xdr:row>4</xdr:row>
      <xdr:rowOff>321469</xdr:rowOff>
    </xdr:from>
    <xdr:to>
      <xdr:col>10</xdr:col>
      <xdr:colOff>89787</xdr:colOff>
      <xdr:row>6</xdr:row>
      <xdr:rowOff>350044</xdr:rowOff>
    </xdr:to>
    <xdr:sp macro="" textlink="">
      <xdr:nvSpPr>
        <xdr:cNvPr id="6" name="正方形/長方形 5">
          <a:extLst>
            <a:ext uri="{FF2B5EF4-FFF2-40B4-BE49-F238E27FC236}">
              <a16:creationId xmlns:a16="http://schemas.microsoft.com/office/drawing/2014/main" id="{00000000-0008-0000-2600-000006000000}"/>
            </a:ext>
          </a:extLst>
        </xdr:cNvPr>
        <xdr:cNvSpPr/>
      </xdr:nvSpPr>
      <xdr:spPr>
        <a:xfrm>
          <a:off x="5467350" y="854869"/>
          <a:ext cx="1480437" cy="342900"/>
        </a:xfrm>
        <a:prstGeom prst="rect">
          <a:avLst/>
        </a:prstGeom>
        <a:solidFill>
          <a:srgbClr val="FFFF00"/>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1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特定の</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個人</a:t>
          </a: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を指すのではなく、別々の日に異なる者が支援を行うといったように、従事者</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①が複数</a:t>
          </a: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の個人である場合</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も</a:t>
          </a: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ある</a:t>
          </a: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a:t>
          </a:r>
          <a:endParaRPr kumimoji="0" lang="ja-JP" altLang="ja-JP" sz="9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8</xdr:col>
      <xdr:colOff>666750</xdr:colOff>
      <xdr:row>6</xdr:row>
      <xdr:rowOff>352425</xdr:rowOff>
    </xdr:from>
    <xdr:to>
      <xdr:col>8</xdr:col>
      <xdr:colOff>895350</xdr:colOff>
      <xdr:row>8</xdr:row>
      <xdr:rowOff>333375</xdr:rowOff>
    </xdr:to>
    <xdr:cxnSp macro="">
      <xdr:nvCxnSpPr>
        <xdr:cNvPr id="7" name="直線矢印コネクタ 9">
          <a:extLst>
            <a:ext uri="{FF2B5EF4-FFF2-40B4-BE49-F238E27FC236}">
              <a16:creationId xmlns:a16="http://schemas.microsoft.com/office/drawing/2014/main" id="{00000000-0008-0000-2600-000007000000}"/>
            </a:ext>
          </a:extLst>
        </xdr:cNvPr>
        <xdr:cNvCxnSpPr>
          <a:cxnSpLocks noChangeShapeType="1"/>
          <a:stCxn id="6" idx="2"/>
        </xdr:cNvCxnSpPr>
      </xdr:nvCxnSpPr>
      <xdr:spPr bwMode="auto">
        <a:xfrm flipH="1">
          <a:off x="6153150" y="1200150"/>
          <a:ext cx="19050" cy="34290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1009650</xdr:colOff>
      <xdr:row>8</xdr:row>
      <xdr:rowOff>295275</xdr:rowOff>
    </xdr:from>
    <xdr:to>
      <xdr:col>11</xdr:col>
      <xdr:colOff>47625</xdr:colOff>
      <xdr:row>10</xdr:row>
      <xdr:rowOff>85725</xdr:rowOff>
    </xdr:to>
    <xdr:sp macro="" textlink="">
      <xdr:nvSpPr>
        <xdr:cNvPr id="8" name="円/楕円 73">
          <a:extLst>
            <a:ext uri="{FF2B5EF4-FFF2-40B4-BE49-F238E27FC236}">
              <a16:creationId xmlns:a16="http://schemas.microsoft.com/office/drawing/2014/main" id="{00000000-0008-0000-2600-000008000000}"/>
            </a:ext>
          </a:extLst>
        </xdr:cNvPr>
        <xdr:cNvSpPr>
          <a:spLocks noChangeArrowheads="1"/>
        </xdr:cNvSpPr>
      </xdr:nvSpPr>
      <xdr:spPr bwMode="auto">
        <a:xfrm>
          <a:off x="4114800" y="1543050"/>
          <a:ext cx="3476625" cy="257175"/>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119063</xdr:colOff>
      <xdr:row>8</xdr:row>
      <xdr:rowOff>154781</xdr:rowOff>
    </xdr:from>
    <xdr:to>
      <xdr:col>2</xdr:col>
      <xdr:colOff>1154907</xdr:colOff>
      <xdr:row>17</xdr:row>
      <xdr:rowOff>1</xdr:rowOff>
    </xdr:to>
    <xdr:sp macro="" textlink="">
      <xdr:nvSpPr>
        <xdr:cNvPr id="9" name="正方形/長方形 8">
          <a:extLst>
            <a:ext uri="{FF2B5EF4-FFF2-40B4-BE49-F238E27FC236}">
              <a16:creationId xmlns:a16="http://schemas.microsoft.com/office/drawing/2014/main" id="{00000000-0008-0000-2600-000009000000}"/>
            </a:ext>
          </a:extLst>
        </xdr:cNvPr>
        <xdr:cNvSpPr/>
      </xdr:nvSpPr>
      <xdr:spPr>
        <a:xfrm>
          <a:off x="119063" y="1526381"/>
          <a:ext cx="1940719" cy="1388270"/>
        </a:xfrm>
        <a:prstGeom prst="rect">
          <a:avLst/>
        </a:prstGeom>
        <a:solidFill>
          <a:srgbClr val="FFFF00"/>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同日にＤホームとＥホームの両方で従事している場合は、このように記載する。</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1" lang="ja-JP" altLang="ja-JP" sz="1000">
              <a:effectLst/>
              <a:latin typeface="+mn-lt"/>
              <a:ea typeface="+mn-ea"/>
              <a:cs typeface="+mn-cs"/>
            </a:rPr>
            <a:t>このケースの場合、</a:t>
          </a:r>
          <a:r>
            <a:rPr kumimoji="1" lang="ja-JP" altLang="en-US" sz="1000">
              <a:effectLst/>
              <a:latin typeface="+mn-lt"/>
              <a:ea typeface="+mn-ea"/>
              <a:cs typeface="+mn-cs"/>
            </a:rPr>
            <a:t>Ｅ</a:t>
          </a:r>
          <a:r>
            <a:rPr kumimoji="1" lang="ja-JP" altLang="ja-JP" sz="1000">
              <a:effectLst/>
              <a:latin typeface="+mn-lt"/>
              <a:ea typeface="+mn-ea"/>
              <a:cs typeface="+mn-cs"/>
            </a:rPr>
            <a:t>ホームで支援する１名についても</a:t>
          </a:r>
          <a:r>
            <a:rPr kumimoji="1" lang="ja-JP" altLang="en-US" sz="1000">
              <a:effectLst/>
              <a:latin typeface="+mn-lt"/>
              <a:ea typeface="+mn-ea"/>
              <a:cs typeface="+mn-cs"/>
            </a:rPr>
            <a:t>Ｄ</a:t>
          </a:r>
          <a:r>
            <a:rPr kumimoji="1" lang="ja-JP" altLang="ja-JP" sz="1000">
              <a:effectLst/>
              <a:latin typeface="+mn-lt"/>
              <a:ea typeface="+mn-ea"/>
              <a:cs typeface="+mn-cs"/>
            </a:rPr>
            <a:t>ホームで支援する</a:t>
          </a:r>
          <a:r>
            <a:rPr kumimoji="1" lang="ja-JP" altLang="en-US" sz="1000">
              <a:effectLst/>
              <a:latin typeface="+mn-lt"/>
              <a:ea typeface="+mn-ea"/>
              <a:cs typeface="+mn-cs"/>
            </a:rPr>
            <a:t>５</a:t>
          </a:r>
          <a:r>
            <a:rPr kumimoji="1" lang="ja-JP" altLang="ja-JP" sz="1000">
              <a:effectLst/>
              <a:latin typeface="+mn-lt"/>
              <a:ea typeface="+mn-ea"/>
              <a:cs typeface="+mn-cs"/>
            </a:rPr>
            <a:t>名についても、「利用者が</a:t>
          </a:r>
          <a:r>
            <a:rPr kumimoji="1" lang="ja-JP" altLang="en-US" sz="1000">
              <a:effectLst/>
              <a:latin typeface="+mn-lt"/>
              <a:ea typeface="+mn-ea"/>
              <a:cs typeface="+mn-cs"/>
            </a:rPr>
            <a:t>６</a:t>
          </a:r>
          <a:r>
            <a:rPr kumimoji="1" lang="ja-JP" altLang="ja-JP" sz="1000">
              <a:effectLst/>
              <a:latin typeface="+mn-lt"/>
              <a:ea typeface="+mn-ea"/>
              <a:cs typeface="+mn-cs"/>
            </a:rPr>
            <a:t>人の場合の単位数」を用いてそ</a:t>
          </a:r>
          <a:r>
            <a:rPr kumimoji="1" lang="ja-JP" altLang="en-US" sz="1000">
              <a:effectLst/>
              <a:latin typeface="+mn-lt"/>
              <a:ea typeface="+mn-ea"/>
              <a:cs typeface="+mn-cs"/>
            </a:rPr>
            <a:t>区分に応じて</a:t>
          </a:r>
          <a:r>
            <a:rPr kumimoji="1" lang="ja-JP" altLang="ja-JP" sz="1000">
              <a:effectLst/>
              <a:latin typeface="+mn-lt"/>
              <a:ea typeface="+mn-ea"/>
              <a:cs typeface="+mn-cs"/>
            </a:rPr>
            <a:t>れぞれ算定する。</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また、１つの共同生活住居で複数の夜間支援従事者が支援をする場合は、１つの共同生活住居で複数の単位が算定されることが想定される（例えば、１０名定員で従事者②が６名、従事者③が４名支援する場合、請求した際に警告が出る場合でも１人の夜間支援従事者が支援を行う人数に間違いがなければ、そのまま請求して差し支えない。</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11</xdr:col>
      <xdr:colOff>85725</xdr:colOff>
      <xdr:row>10</xdr:row>
      <xdr:rowOff>57150</xdr:rowOff>
    </xdr:from>
    <xdr:to>
      <xdr:col>11</xdr:col>
      <xdr:colOff>914400</xdr:colOff>
      <xdr:row>15</xdr:row>
      <xdr:rowOff>0</xdr:rowOff>
    </xdr:to>
    <xdr:sp macro="" textlink="">
      <xdr:nvSpPr>
        <xdr:cNvPr id="10" name="円/楕円 70">
          <a:extLst>
            <a:ext uri="{FF2B5EF4-FFF2-40B4-BE49-F238E27FC236}">
              <a16:creationId xmlns:a16="http://schemas.microsoft.com/office/drawing/2014/main" id="{00000000-0008-0000-2600-00000A000000}"/>
            </a:ext>
          </a:extLst>
        </xdr:cNvPr>
        <xdr:cNvSpPr>
          <a:spLocks noChangeArrowheads="1"/>
        </xdr:cNvSpPr>
      </xdr:nvSpPr>
      <xdr:spPr bwMode="auto">
        <a:xfrm>
          <a:off x="7629525" y="1771650"/>
          <a:ext cx="600075" cy="800100"/>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371475</xdr:colOff>
      <xdr:row>16</xdr:row>
      <xdr:rowOff>38100</xdr:rowOff>
    </xdr:from>
    <xdr:to>
      <xdr:col>8</xdr:col>
      <xdr:colOff>657225</xdr:colOff>
      <xdr:row>20</xdr:row>
      <xdr:rowOff>371475</xdr:rowOff>
    </xdr:to>
    <xdr:sp macro="" textlink="">
      <xdr:nvSpPr>
        <xdr:cNvPr id="11" name="円/楕円 66">
          <a:extLst>
            <a:ext uri="{FF2B5EF4-FFF2-40B4-BE49-F238E27FC236}">
              <a16:creationId xmlns:a16="http://schemas.microsoft.com/office/drawing/2014/main" id="{00000000-0008-0000-2600-00000B000000}"/>
            </a:ext>
          </a:extLst>
        </xdr:cNvPr>
        <xdr:cNvSpPr>
          <a:spLocks noChangeArrowheads="1"/>
        </xdr:cNvSpPr>
      </xdr:nvSpPr>
      <xdr:spPr bwMode="auto">
        <a:xfrm>
          <a:off x="5172075" y="2781300"/>
          <a:ext cx="971550" cy="819150"/>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452438</xdr:colOff>
      <xdr:row>21</xdr:row>
      <xdr:rowOff>0</xdr:rowOff>
    </xdr:from>
    <xdr:to>
      <xdr:col>7</xdr:col>
      <xdr:colOff>83343</xdr:colOff>
      <xdr:row>22</xdr:row>
      <xdr:rowOff>54907</xdr:rowOff>
    </xdr:to>
    <xdr:sp macro="" textlink="">
      <xdr:nvSpPr>
        <xdr:cNvPr id="12" name="正方形/長方形 11">
          <a:extLst>
            <a:ext uri="{FF2B5EF4-FFF2-40B4-BE49-F238E27FC236}">
              <a16:creationId xmlns:a16="http://schemas.microsoft.com/office/drawing/2014/main" id="{00000000-0008-0000-2600-00000C000000}"/>
            </a:ext>
          </a:extLst>
        </xdr:cNvPr>
        <xdr:cNvSpPr/>
      </xdr:nvSpPr>
      <xdr:spPr>
        <a:xfrm>
          <a:off x="3881438" y="3600450"/>
          <a:ext cx="1002505" cy="226357"/>
        </a:xfrm>
        <a:prstGeom prst="rect">
          <a:avLst/>
        </a:prstGeom>
        <a:solidFill>
          <a:srgbClr val="CCFFFF"/>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夜勤・宿直の待機場所を記載。</a:t>
          </a:r>
        </a:p>
      </xdr:txBody>
    </xdr:sp>
    <xdr:clientData/>
  </xdr:twoCellAnchor>
  <xdr:twoCellAnchor>
    <xdr:from>
      <xdr:col>6</xdr:col>
      <xdr:colOff>600075</xdr:colOff>
      <xdr:row>18</xdr:row>
      <xdr:rowOff>304800</xdr:rowOff>
    </xdr:from>
    <xdr:to>
      <xdr:col>7</xdr:col>
      <xdr:colOff>304800</xdr:colOff>
      <xdr:row>21</xdr:row>
      <xdr:rowOff>0</xdr:rowOff>
    </xdr:to>
    <xdr:cxnSp macro="">
      <xdr:nvCxnSpPr>
        <xdr:cNvPr id="13" name="直線矢印コネクタ 28">
          <a:extLst>
            <a:ext uri="{FF2B5EF4-FFF2-40B4-BE49-F238E27FC236}">
              <a16:creationId xmlns:a16="http://schemas.microsoft.com/office/drawing/2014/main" id="{00000000-0008-0000-2600-00000D000000}"/>
            </a:ext>
          </a:extLst>
        </xdr:cNvPr>
        <xdr:cNvCxnSpPr>
          <a:cxnSpLocks noChangeShapeType="1"/>
        </xdr:cNvCxnSpPr>
      </xdr:nvCxnSpPr>
      <xdr:spPr bwMode="auto">
        <a:xfrm flipV="1">
          <a:off x="4714875" y="3257550"/>
          <a:ext cx="390525" cy="34290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1143000</xdr:colOff>
      <xdr:row>14</xdr:row>
      <xdr:rowOff>114300</xdr:rowOff>
    </xdr:from>
    <xdr:to>
      <xdr:col>9</xdr:col>
      <xdr:colOff>285750</xdr:colOff>
      <xdr:row>15</xdr:row>
      <xdr:rowOff>133350</xdr:rowOff>
    </xdr:to>
    <xdr:cxnSp macro="">
      <xdr:nvCxnSpPr>
        <xdr:cNvPr id="14" name="直線矢印コネクタ 31">
          <a:extLst>
            <a:ext uri="{FF2B5EF4-FFF2-40B4-BE49-F238E27FC236}">
              <a16:creationId xmlns:a16="http://schemas.microsoft.com/office/drawing/2014/main" id="{00000000-0008-0000-2600-00000E000000}"/>
            </a:ext>
          </a:extLst>
        </xdr:cNvPr>
        <xdr:cNvCxnSpPr>
          <a:cxnSpLocks noChangeShapeType="1"/>
        </xdr:cNvCxnSpPr>
      </xdr:nvCxnSpPr>
      <xdr:spPr bwMode="auto">
        <a:xfrm flipV="1">
          <a:off x="2057400" y="2514600"/>
          <a:ext cx="4400550" cy="19050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333375</xdr:colOff>
      <xdr:row>13</xdr:row>
      <xdr:rowOff>47625</xdr:rowOff>
    </xdr:from>
    <xdr:to>
      <xdr:col>9</xdr:col>
      <xdr:colOff>742950</xdr:colOff>
      <xdr:row>14</xdr:row>
      <xdr:rowOff>352425</xdr:rowOff>
    </xdr:to>
    <xdr:sp macro="" textlink="">
      <xdr:nvSpPr>
        <xdr:cNvPr id="15" name="円/楕円 64">
          <a:extLst>
            <a:ext uri="{FF2B5EF4-FFF2-40B4-BE49-F238E27FC236}">
              <a16:creationId xmlns:a16="http://schemas.microsoft.com/office/drawing/2014/main" id="{00000000-0008-0000-2600-00000F000000}"/>
            </a:ext>
          </a:extLst>
        </xdr:cNvPr>
        <xdr:cNvSpPr>
          <a:spLocks noChangeArrowheads="1"/>
        </xdr:cNvSpPr>
      </xdr:nvSpPr>
      <xdr:spPr bwMode="auto">
        <a:xfrm>
          <a:off x="6505575" y="2276475"/>
          <a:ext cx="352425" cy="295275"/>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xdr:col>
      <xdr:colOff>190500</xdr:colOff>
      <xdr:row>10</xdr:row>
      <xdr:rowOff>57150</xdr:rowOff>
    </xdr:from>
    <xdr:to>
      <xdr:col>10</xdr:col>
      <xdr:colOff>847725</xdr:colOff>
      <xdr:row>15</xdr:row>
      <xdr:rowOff>333375</xdr:rowOff>
    </xdr:to>
    <xdr:sp macro="" textlink="">
      <xdr:nvSpPr>
        <xdr:cNvPr id="16" name="角丸四角形 36">
          <a:extLst>
            <a:ext uri="{FF2B5EF4-FFF2-40B4-BE49-F238E27FC236}">
              <a16:creationId xmlns:a16="http://schemas.microsoft.com/office/drawing/2014/main" id="{00000000-0008-0000-2600-000010000000}"/>
            </a:ext>
          </a:extLst>
        </xdr:cNvPr>
        <xdr:cNvSpPr>
          <a:spLocks noChangeArrowheads="1"/>
        </xdr:cNvSpPr>
      </xdr:nvSpPr>
      <xdr:spPr bwMode="auto">
        <a:xfrm>
          <a:off x="4305300" y="1771650"/>
          <a:ext cx="3238500" cy="971550"/>
        </a:xfrm>
        <a:prstGeom prst="roundRect">
          <a:avLst>
            <a:gd name="adj" fmla="val 16667"/>
          </a:avLst>
        </a:prstGeom>
        <a:solidFill>
          <a:srgbClr val="FFC000">
            <a:alpha val="27843"/>
          </a:srgbClr>
        </a:solidFill>
        <a:ln w="25400" algn="ctr">
          <a:solidFill>
            <a:srgbClr val="F79646"/>
          </a:solidFill>
          <a:round/>
          <a:headEnd/>
          <a:tailEnd/>
        </a:ln>
      </xdr:spPr>
    </xdr:sp>
    <xdr:clientData/>
  </xdr:twoCellAnchor>
  <xdr:twoCellAnchor>
    <xdr:from>
      <xdr:col>4</xdr:col>
      <xdr:colOff>250031</xdr:colOff>
      <xdr:row>16</xdr:row>
      <xdr:rowOff>154781</xdr:rowOff>
    </xdr:from>
    <xdr:to>
      <xdr:col>6</xdr:col>
      <xdr:colOff>697006</xdr:colOff>
      <xdr:row>19</xdr:row>
      <xdr:rowOff>288131</xdr:rowOff>
    </xdr:to>
    <xdr:sp macro="" textlink="">
      <xdr:nvSpPr>
        <xdr:cNvPr id="17" name="正方形/長方形 16">
          <a:extLst>
            <a:ext uri="{FF2B5EF4-FFF2-40B4-BE49-F238E27FC236}">
              <a16:creationId xmlns:a16="http://schemas.microsoft.com/office/drawing/2014/main" id="{00000000-0008-0000-2600-000011000000}"/>
            </a:ext>
          </a:extLst>
        </xdr:cNvPr>
        <xdr:cNvSpPr/>
      </xdr:nvSpPr>
      <xdr:spPr>
        <a:xfrm>
          <a:off x="2993231" y="2897981"/>
          <a:ext cx="1809050" cy="533400"/>
        </a:xfrm>
        <a:prstGeom prst="rect">
          <a:avLst/>
        </a:prstGeom>
        <a:solidFill>
          <a:srgbClr val="FFFF00"/>
        </a:solidFill>
        <a:ln w="28575" cap="flat" cmpd="sng" algn="ctr">
          <a:solidFill>
            <a:srgbClr val="F79646"/>
          </a:solidFill>
          <a:prstDash val="solid"/>
        </a:ln>
        <a:effectLst/>
      </xdr:spPr>
      <xdr:txBody>
        <a:bodyPr vertOverflow="clip" horzOverflow="clip" lIns="36000" tIns="36000" rIns="36000" bIns="36000" rtlCol="0" anchor="ctr" anchorCtr="0"/>
        <a:lstStyle/>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１人の夜間支援従事者が支援を行う利用者の数（人）」</a:t>
          </a: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は「夜間支援の対象者数（人）」を按分した人数である。</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a:t>
          </a:r>
          <a:r>
            <a:rPr kumimoji="1" lang="ja-JP" altLang="en-US" sz="900" b="0" i="0" u="none" strike="noStrike" kern="0" cap="none" spc="0" normalizeH="0" baseline="0" noProof="0">
              <a:ln>
                <a:noFill/>
              </a:ln>
              <a:solidFill>
                <a:srgbClr val="FF0000"/>
              </a:solidFill>
              <a:effectLst/>
              <a:uLnTx/>
              <a:uFillTx/>
              <a:latin typeface="Calibri" panose="020F0502020204030204"/>
              <a:ea typeface="ＭＳ Ｐゴシック" panose="020B0600070205080204" pitchFamily="50" charset="-128"/>
              <a:cs typeface="+mn-cs"/>
            </a:rPr>
            <a:t>　必ず「夜間支援の対象者数（人）」＝「１人の夜間支援従事者が支援を行う利用者の数（人）」となること。</a:t>
          </a:r>
        </a:p>
      </xdr:txBody>
    </xdr:sp>
    <xdr:clientData/>
  </xdr:twoCellAnchor>
  <xdr:twoCellAnchor>
    <xdr:from>
      <xdr:col>6</xdr:col>
      <xdr:colOff>723900</xdr:colOff>
      <xdr:row>16</xdr:row>
      <xdr:rowOff>9525</xdr:rowOff>
    </xdr:from>
    <xdr:to>
      <xdr:col>7</xdr:col>
      <xdr:colOff>133350</xdr:colOff>
      <xdr:row>17</xdr:row>
      <xdr:rowOff>381000</xdr:rowOff>
    </xdr:to>
    <xdr:cxnSp macro="">
      <xdr:nvCxnSpPr>
        <xdr:cNvPr id="18" name="直線矢印コネクタ 38">
          <a:extLst>
            <a:ext uri="{FF2B5EF4-FFF2-40B4-BE49-F238E27FC236}">
              <a16:creationId xmlns:a16="http://schemas.microsoft.com/office/drawing/2014/main" id="{00000000-0008-0000-2600-000012000000}"/>
            </a:ext>
          </a:extLst>
        </xdr:cNvPr>
        <xdr:cNvCxnSpPr>
          <a:cxnSpLocks noChangeShapeType="1"/>
        </xdr:cNvCxnSpPr>
      </xdr:nvCxnSpPr>
      <xdr:spPr bwMode="auto">
        <a:xfrm flipV="1">
          <a:off x="4800600" y="2752725"/>
          <a:ext cx="133350" cy="333375"/>
        </a:xfrm>
        <a:prstGeom prst="straightConnector1">
          <a:avLst/>
        </a:prstGeom>
        <a:noFill/>
        <a:ln w="15875" algn="ctr">
          <a:solidFill>
            <a:srgbClr val="F79646"/>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10</xdr:col>
      <xdr:colOff>38100</xdr:colOff>
      <xdr:row>39</xdr:row>
      <xdr:rowOff>438150</xdr:rowOff>
    </xdr:from>
    <xdr:to>
      <xdr:col>10</xdr:col>
      <xdr:colOff>895350</xdr:colOff>
      <xdr:row>43</xdr:row>
      <xdr:rowOff>304800</xdr:rowOff>
    </xdr:to>
    <xdr:sp macro="" textlink="">
      <xdr:nvSpPr>
        <xdr:cNvPr id="19" name="円/楕円 61">
          <a:extLst>
            <a:ext uri="{FF2B5EF4-FFF2-40B4-BE49-F238E27FC236}">
              <a16:creationId xmlns:a16="http://schemas.microsoft.com/office/drawing/2014/main" id="{00000000-0008-0000-2600-000013000000}"/>
            </a:ext>
          </a:extLst>
        </xdr:cNvPr>
        <xdr:cNvSpPr>
          <a:spLocks noChangeArrowheads="1"/>
        </xdr:cNvSpPr>
      </xdr:nvSpPr>
      <xdr:spPr bwMode="auto">
        <a:xfrm>
          <a:off x="6896100" y="6858000"/>
          <a:ext cx="647700" cy="685800"/>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7</xdr:col>
      <xdr:colOff>190501</xdr:colOff>
      <xdr:row>43</xdr:row>
      <xdr:rowOff>23812</xdr:rowOff>
    </xdr:from>
    <xdr:to>
      <xdr:col>8</xdr:col>
      <xdr:colOff>842962</xdr:colOff>
      <xdr:row>44</xdr:row>
      <xdr:rowOff>22692</xdr:rowOff>
    </xdr:to>
    <xdr:sp macro="" textlink="">
      <xdr:nvSpPr>
        <xdr:cNvPr id="20" name="正方形/長方形 19">
          <a:extLst>
            <a:ext uri="{FF2B5EF4-FFF2-40B4-BE49-F238E27FC236}">
              <a16:creationId xmlns:a16="http://schemas.microsoft.com/office/drawing/2014/main" id="{00000000-0008-0000-2600-000014000000}"/>
            </a:ext>
          </a:extLst>
        </xdr:cNvPr>
        <xdr:cNvSpPr/>
      </xdr:nvSpPr>
      <xdr:spPr>
        <a:xfrm>
          <a:off x="4991101" y="7396162"/>
          <a:ext cx="1185861" cy="170330"/>
        </a:xfrm>
        <a:prstGeom prst="rect">
          <a:avLst/>
        </a:prstGeom>
        <a:solidFill>
          <a:srgbClr val="CCFFFF"/>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各従事者がどういう勤務形態か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8</xdr:col>
      <xdr:colOff>895350</xdr:colOff>
      <xdr:row>42</xdr:row>
      <xdr:rowOff>38100</xdr:rowOff>
    </xdr:from>
    <xdr:to>
      <xdr:col>10</xdr:col>
      <xdr:colOff>9525</xdr:colOff>
      <xdr:row>43</xdr:row>
      <xdr:rowOff>0</xdr:rowOff>
    </xdr:to>
    <xdr:cxnSp macro="">
      <xdr:nvCxnSpPr>
        <xdr:cNvPr id="21" name="直線矢印コネクタ 46">
          <a:extLst>
            <a:ext uri="{FF2B5EF4-FFF2-40B4-BE49-F238E27FC236}">
              <a16:creationId xmlns:a16="http://schemas.microsoft.com/office/drawing/2014/main" id="{00000000-0008-0000-2600-000015000000}"/>
            </a:ext>
          </a:extLst>
        </xdr:cNvPr>
        <xdr:cNvCxnSpPr>
          <a:cxnSpLocks noChangeShapeType="1"/>
        </xdr:cNvCxnSpPr>
      </xdr:nvCxnSpPr>
      <xdr:spPr bwMode="auto">
        <a:xfrm flipV="1">
          <a:off x="6172200" y="7239000"/>
          <a:ext cx="695325" cy="13335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6</xdr:col>
      <xdr:colOff>19050</xdr:colOff>
      <xdr:row>40</xdr:row>
      <xdr:rowOff>9525</xdr:rowOff>
    </xdr:from>
    <xdr:to>
      <xdr:col>6</xdr:col>
      <xdr:colOff>1009650</xdr:colOff>
      <xdr:row>43</xdr:row>
      <xdr:rowOff>9525</xdr:rowOff>
    </xdr:to>
    <xdr:sp macro="" textlink="">
      <xdr:nvSpPr>
        <xdr:cNvPr id="22" name="円/楕円 61">
          <a:extLst>
            <a:ext uri="{FF2B5EF4-FFF2-40B4-BE49-F238E27FC236}">
              <a16:creationId xmlns:a16="http://schemas.microsoft.com/office/drawing/2014/main" id="{00000000-0008-0000-2600-000016000000}"/>
            </a:ext>
          </a:extLst>
        </xdr:cNvPr>
        <xdr:cNvSpPr>
          <a:spLocks noChangeArrowheads="1"/>
        </xdr:cNvSpPr>
      </xdr:nvSpPr>
      <xdr:spPr bwMode="auto">
        <a:xfrm>
          <a:off x="4133850" y="6867525"/>
          <a:ext cx="666750" cy="514350"/>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xdr:col>
      <xdr:colOff>321469</xdr:colOff>
      <xdr:row>43</xdr:row>
      <xdr:rowOff>11906</xdr:rowOff>
    </xdr:from>
    <xdr:to>
      <xdr:col>6</xdr:col>
      <xdr:colOff>142875</xdr:colOff>
      <xdr:row>44</xdr:row>
      <xdr:rowOff>0</xdr:rowOff>
    </xdr:to>
    <xdr:sp macro="" textlink="">
      <xdr:nvSpPr>
        <xdr:cNvPr id="23" name="正方形/長方形 22">
          <a:extLst>
            <a:ext uri="{FF2B5EF4-FFF2-40B4-BE49-F238E27FC236}">
              <a16:creationId xmlns:a16="http://schemas.microsoft.com/office/drawing/2014/main" id="{00000000-0008-0000-2600-000017000000}"/>
            </a:ext>
          </a:extLst>
        </xdr:cNvPr>
        <xdr:cNvSpPr/>
      </xdr:nvSpPr>
      <xdr:spPr>
        <a:xfrm>
          <a:off x="3064669" y="7384256"/>
          <a:ext cx="1193006" cy="159544"/>
        </a:xfrm>
        <a:prstGeom prst="rect">
          <a:avLst/>
        </a:prstGeom>
        <a:solidFill>
          <a:srgbClr val="CCFFFF"/>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各ホームでの滞在時間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6</xdr:col>
      <xdr:colOff>142875</xdr:colOff>
      <xdr:row>42</xdr:row>
      <xdr:rowOff>447675</xdr:rowOff>
    </xdr:from>
    <xdr:to>
      <xdr:col>6</xdr:col>
      <xdr:colOff>485775</xdr:colOff>
      <xdr:row>43</xdr:row>
      <xdr:rowOff>333375</xdr:rowOff>
    </xdr:to>
    <xdr:cxnSp macro="">
      <xdr:nvCxnSpPr>
        <xdr:cNvPr id="24" name="直線矢印コネクタ 52">
          <a:extLst>
            <a:ext uri="{FF2B5EF4-FFF2-40B4-BE49-F238E27FC236}">
              <a16:creationId xmlns:a16="http://schemas.microsoft.com/office/drawing/2014/main" id="{00000000-0008-0000-2600-000018000000}"/>
            </a:ext>
          </a:extLst>
        </xdr:cNvPr>
        <xdr:cNvCxnSpPr>
          <a:cxnSpLocks noChangeShapeType="1"/>
        </xdr:cNvCxnSpPr>
      </xdr:nvCxnSpPr>
      <xdr:spPr bwMode="auto">
        <a:xfrm flipV="1">
          <a:off x="4257675" y="7372350"/>
          <a:ext cx="342900" cy="17145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485775</xdr:colOff>
      <xdr:row>44</xdr:row>
      <xdr:rowOff>38100</xdr:rowOff>
    </xdr:from>
    <xdr:to>
      <xdr:col>8</xdr:col>
      <xdr:colOff>457200</xdr:colOff>
      <xdr:row>45</xdr:row>
      <xdr:rowOff>438150</xdr:rowOff>
    </xdr:to>
    <xdr:sp macro="" textlink="">
      <xdr:nvSpPr>
        <xdr:cNvPr id="25" name="円/楕円 61">
          <a:extLst>
            <a:ext uri="{FF2B5EF4-FFF2-40B4-BE49-F238E27FC236}">
              <a16:creationId xmlns:a16="http://schemas.microsoft.com/office/drawing/2014/main" id="{00000000-0008-0000-2600-000019000000}"/>
            </a:ext>
          </a:extLst>
        </xdr:cNvPr>
        <xdr:cNvSpPr>
          <a:spLocks noChangeArrowheads="1"/>
        </xdr:cNvSpPr>
      </xdr:nvSpPr>
      <xdr:spPr bwMode="auto">
        <a:xfrm>
          <a:off x="5286375" y="7581900"/>
          <a:ext cx="657225" cy="304800"/>
        </a:xfrm>
        <a:prstGeom prst="ellipse">
          <a:avLst/>
        </a:prstGeom>
        <a:noFill/>
        <a:ln w="1905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457200</xdr:colOff>
      <xdr:row>45</xdr:row>
      <xdr:rowOff>9525</xdr:rowOff>
    </xdr:from>
    <xdr:to>
      <xdr:col>8</xdr:col>
      <xdr:colOff>1000125</xdr:colOff>
      <xdr:row>45</xdr:row>
      <xdr:rowOff>190500</xdr:rowOff>
    </xdr:to>
    <xdr:cxnSp macro="">
      <xdr:nvCxnSpPr>
        <xdr:cNvPr id="26" name="直線矢印コネクタ 60">
          <a:extLst>
            <a:ext uri="{FF2B5EF4-FFF2-40B4-BE49-F238E27FC236}">
              <a16:creationId xmlns:a16="http://schemas.microsoft.com/office/drawing/2014/main" id="{00000000-0008-0000-2600-00001A000000}"/>
            </a:ext>
          </a:extLst>
        </xdr:cNvPr>
        <xdr:cNvCxnSpPr>
          <a:cxnSpLocks noChangeShapeType="1"/>
          <a:endCxn id="25" idx="6"/>
        </xdr:cNvCxnSpPr>
      </xdr:nvCxnSpPr>
      <xdr:spPr bwMode="auto">
        <a:xfrm flipH="1" flipV="1">
          <a:off x="5943600" y="7724775"/>
          <a:ext cx="228600" cy="161925"/>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0</xdr:colOff>
      <xdr:row>44</xdr:row>
      <xdr:rowOff>440531</xdr:rowOff>
    </xdr:from>
    <xdr:to>
      <xdr:col>10</xdr:col>
      <xdr:colOff>640555</xdr:colOff>
      <xdr:row>45</xdr:row>
      <xdr:rowOff>439410</xdr:rowOff>
    </xdr:to>
    <xdr:sp macro="" textlink="">
      <xdr:nvSpPr>
        <xdr:cNvPr id="27" name="正方形/長方形 26">
          <a:extLst>
            <a:ext uri="{FF2B5EF4-FFF2-40B4-BE49-F238E27FC236}">
              <a16:creationId xmlns:a16="http://schemas.microsoft.com/office/drawing/2014/main" id="{00000000-0008-0000-2600-00001B000000}"/>
            </a:ext>
          </a:extLst>
        </xdr:cNvPr>
        <xdr:cNvSpPr/>
      </xdr:nvSpPr>
      <xdr:spPr>
        <a:xfrm>
          <a:off x="6172200" y="7717631"/>
          <a:ext cx="1326355" cy="170329"/>
        </a:xfrm>
        <a:prstGeom prst="rect">
          <a:avLst/>
        </a:prstGeom>
        <a:solidFill>
          <a:srgbClr val="CCFFFF"/>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各従事者が巡回等をしていない時間帯の滞在場所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9</xdr:col>
      <xdr:colOff>738188</xdr:colOff>
      <xdr:row>17</xdr:row>
      <xdr:rowOff>11906</xdr:rowOff>
    </xdr:from>
    <xdr:to>
      <xdr:col>11</xdr:col>
      <xdr:colOff>354805</xdr:colOff>
      <xdr:row>18</xdr:row>
      <xdr:rowOff>82223</xdr:rowOff>
    </xdr:to>
    <xdr:sp macro="" textlink="">
      <xdr:nvSpPr>
        <xdr:cNvPr id="28" name="正方形/長方形 27">
          <a:extLst>
            <a:ext uri="{FF2B5EF4-FFF2-40B4-BE49-F238E27FC236}">
              <a16:creationId xmlns:a16="http://schemas.microsoft.com/office/drawing/2014/main" id="{00000000-0008-0000-2600-00001C000000}"/>
            </a:ext>
          </a:extLst>
        </xdr:cNvPr>
        <xdr:cNvSpPr/>
      </xdr:nvSpPr>
      <xdr:spPr>
        <a:xfrm>
          <a:off x="6853238" y="2926556"/>
          <a:ext cx="1045367" cy="241767"/>
        </a:xfrm>
        <a:prstGeom prst="rect">
          <a:avLst/>
        </a:prstGeom>
        <a:solidFill>
          <a:srgbClr val="CCFFFF"/>
        </a:solidFill>
        <a:ln w="22225" cap="flat" cmpd="sng" algn="ctr">
          <a:solidFill>
            <a:srgbClr val="0000FF"/>
          </a:solidFill>
          <a:prstDash val="solid"/>
        </a:ln>
        <a:effectLst/>
      </xdr:spPr>
      <xdr:txBody>
        <a:bodyPr vertOverflow="clip" horzOverflow="clip" lIns="36000" tIns="36000" rIns="36000" bIns="36000" rtlCol="0" anchor="ctr" anchorCtr="0"/>
        <a:lstStyle/>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各従事者がどういう勤務形態かを記載。</a:t>
          </a:r>
          <a:endParaRPr kumimoji="1" lang="en-US" altLang="ja-JP" sz="10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lientData/>
  </xdr:twoCellAnchor>
  <xdr:twoCellAnchor>
    <xdr:from>
      <xdr:col>10</xdr:col>
      <xdr:colOff>247650</xdr:colOff>
      <xdr:row>14</xdr:row>
      <xdr:rowOff>352425</xdr:rowOff>
    </xdr:from>
    <xdr:to>
      <xdr:col>11</xdr:col>
      <xdr:colOff>371475</xdr:colOff>
      <xdr:row>17</xdr:row>
      <xdr:rowOff>0</xdr:rowOff>
    </xdr:to>
    <xdr:cxnSp macro="">
      <xdr:nvCxnSpPr>
        <xdr:cNvPr id="29" name="直線矢印コネクタ 46">
          <a:extLst>
            <a:ext uri="{FF2B5EF4-FFF2-40B4-BE49-F238E27FC236}">
              <a16:creationId xmlns:a16="http://schemas.microsoft.com/office/drawing/2014/main" id="{00000000-0008-0000-2600-00001D000000}"/>
            </a:ext>
          </a:extLst>
        </xdr:cNvPr>
        <xdr:cNvCxnSpPr>
          <a:cxnSpLocks noChangeShapeType="1"/>
        </xdr:cNvCxnSpPr>
      </xdr:nvCxnSpPr>
      <xdr:spPr bwMode="auto">
        <a:xfrm flipV="1">
          <a:off x="7105650" y="2571750"/>
          <a:ext cx="809625" cy="342900"/>
        </a:xfrm>
        <a:prstGeom prst="straightConnector1">
          <a:avLst/>
        </a:prstGeom>
        <a:noFill/>
        <a:ln w="15875" algn="ctr">
          <a:solidFill>
            <a:srgbClr val="0000FF"/>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406710</xdr:colOff>
      <xdr:row>0</xdr:row>
      <xdr:rowOff>27609</xdr:rowOff>
    </xdr:from>
    <xdr:to>
      <xdr:col>3</xdr:col>
      <xdr:colOff>570498</xdr:colOff>
      <xdr:row>1</xdr:row>
      <xdr:rowOff>203949</xdr:rowOff>
    </xdr:to>
    <xdr:sp macro="" textlink="">
      <xdr:nvSpPr>
        <xdr:cNvPr id="30" name="Rectangle 1">
          <a:extLst>
            <a:ext uri="{FF2B5EF4-FFF2-40B4-BE49-F238E27FC236}">
              <a16:creationId xmlns:a16="http://schemas.microsoft.com/office/drawing/2014/main" id="{00000000-0008-0000-2600-00001E000000}"/>
            </a:ext>
          </a:extLst>
        </xdr:cNvPr>
        <xdr:cNvSpPr>
          <a:spLocks noChangeArrowheads="1"/>
        </xdr:cNvSpPr>
      </xdr:nvSpPr>
      <xdr:spPr bwMode="auto">
        <a:xfrm>
          <a:off x="1283010" y="27609"/>
          <a:ext cx="1535388" cy="404940"/>
        </a:xfrm>
        <a:prstGeom prst="rect">
          <a:avLst/>
        </a:prstGeom>
        <a:solidFill>
          <a:srgbClr val="FFFFFF"/>
        </a:solidFill>
        <a:ln w="19050">
          <a:solidFill>
            <a:srgbClr val="000000"/>
          </a:solidFill>
          <a:miter lim="800000"/>
          <a:headEnd/>
          <a:tailEnd/>
        </a:ln>
      </xdr:spPr>
      <xdr:txBody>
        <a:bodyPr vertOverflow="clip" wrap="square" lIns="45720" tIns="27432" rIns="45720" bIns="27432" anchor="ctr" upright="1"/>
        <a:lstStyle/>
        <a:p>
          <a:pPr marL="0" marR="0" lvl="0" indent="0" algn="ctr" defTabSz="914400" rtl="0" eaLnBrk="1" fontAlgn="auto" latinLnBrk="0" hangingPunct="1">
            <a:lnSpc>
              <a:spcPct val="100000"/>
            </a:lnSpc>
            <a:spcBef>
              <a:spcPts val="0"/>
            </a:spcBef>
            <a:spcAft>
              <a:spcPts val="0"/>
            </a:spcAft>
            <a:buClrTx/>
            <a:buSzTx/>
            <a:buFontTx/>
            <a:buNone/>
            <a:tabLst/>
            <a:defRPr sz="1000"/>
          </a:pP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rPr>
            <a:t>記載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1</xdr:col>
      <xdr:colOff>0</xdr:colOff>
      <xdr:row>34</xdr:row>
      <xdr:rowOff>0</xdr:rowOff>
    </xdr:from>
    <xdr:to>
      <xdr:col>11</xdr:col>
      <xdr:colOff>0</xdr:colOff>
      <xdr:row>34</xdr:row>
      <xdr:rowOff>0</xdr:rowOff>
    </xdr:to>
    <xdr:sp macro="" textlink="">
      <xdr:nvSpPr>
        <xdr:cNvPr id="2" name="Line 1">
          <a:extLst>
            <a:ext uri="{FF2B5EF4-FFF2-40B4-BE49-F238E27FC236}">
              <a16:creationId xmlns:a16="http://schemas.microsoft.com/office/drawing/2014/main" id="{71EF4A72-B711-476C-9CBB-4B96EB572F38}"/>
            </a:ext>
          </a:extLst>
        </xdr:cNvPr>
        <xdr:cNvSpPr>
          <a:spLocks noChangeShapeType="1"/>
        </xdr:cNvSpPr>
      </xdr:nvSpPr>
      <xdr:spPr bwMode="auto">
        <a:xfrm>
          <a:off x="3802380" y="613410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1</xdr:col>
      <xdr:colOff>0</xdr:colOff>
      <xdr:row>41</xdr:row>
      <xdr:rowOff>0</xdr:rowOff>
    </xdr:from>
    <xdr:to>
      <xdr:col>11</xdr:col>
      <xdr:colOff>0</xdr:colOff>
      <xdr:row>41</xdr:row>
      <xdr:rowOff>0</xdr:rowOff>
    </xdr:to>
    <xdr:sp macro="" textlink="">
      <xdr:nvSpPr>
        <xdr:cNvPr id="3" name="Line 9">
          <a:extLst>
            <a:ext uri="{FF2B5EF4-FFF2-40B4-BE49-F238E27FC236}">
              <a16:creationId xmlns:a16="http://schemas.microsoft.com/office/drawing/2014/main" id="{B52CB055-FAF4-40CA-A98A-DDB5DDD507FD}"/>
            </a:ext>
          </a:extLst>
        </xdr:cNvPr>
        <xdr:cNvSpPr>
          <a:spLocks noChangeShapeType="1"/>
        </xdr:cNvSpPr>
      </xdr:nvSpPr>
      <xdr:spPr bwMode="auto">
        <a:xfrm>
          <a:off x="3802380" y="956310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19050</xdr:colOff>
      <xdr:row>37</xdr:row>
      <xdr:rowOff>171450</xdr:rowOff>
    </xdr:from>
    <xdr:to>
      <xdr:col>17</xdr:col>
      <xdr:colOff>285750</xdr:colOff>
      <xdr:row>37</xdr:row>
      <xdr:rowOff>171450</xdr:rowOff>
    </xdr:to>
    <xdr:sp macro="" textlink="">
      <xdr:nvSpPr>
        <xdr:cNvPr id="4" name="Line 10">
          <a:extLst>
            <a:ext uri="{FF2B5EF4-FFF2-40B4-BE49-F238E27FC236}">
              <a16:creationId xmlns:a16="http://schemas.microsoft.com/office/drawing/2014/main" id="{B53E8F7F-4E70-4635-9544-FAC85F8B53AA}"/>
            </a:ext>
          </a:extLst>
        </xdr:cNvPr>
        <xdr:cNvSpPr>
          <a:spLocks noChangeShapeType="1"/>
        </xdr:cNvSpPr>
      </xdr:nvSpPr>
      <xdr:spPr bwMode="auto">
        <a:xfrm>
          <a:off x="5924550" y="747141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28575</xdr:colOff>
      <xdr:row>38</xdr:row>
      <xdr:rowOff>171450</xdr:rowOff>
    </xdr:from>
    <xdr:to>
      <xdr:col>17</xdr:col>
      <xdr:colOff>295275</xdr:colOff>
      <xdr:row>38</xdr:row>
      <xdr:rowOff>171450</xdr:rowOff>
    </xdr:to>
    <xdr:sp macro="" textlink="">
      <xdr:nvSpPr>
        <xdr:cNvPr id="5" name="Line 11">
          <a:extLst>
            <a:ext uri="{FF2B5EF4-FFF2-40B4-BE49-F238E27FC236}">
              <a16:creationId xmlns:a16="http://schemas.microsoft.com/office/drawing/2014/main" id="{12156710-4BB7-4EB5-9080-C43306C49771}"/>
            </a:ext>
          </a:extLst>
        </xdr:cNvPr>
        <xdr:cNvSpPr>
          <a:spLocks noChangeShapeType="1"/>
        </xdr:cNvSpPr>
      </xdr:nvSpPr>
      <xdr:spPr bwMode="auto">
        <a:xfrm>
          <a:off x="5934075" y="816483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39</xdr:row>
      <xdr:rowOff>200025</xdr:rowOff>
    </xdr:from>
    <xdr:to>
      <xdr:col>17</xdr:col>
      <xdr:colOff>295275</xdr:colOff>
      <xdr:row>39</xdr:row>
      <xdr:rowOff>200025</xdr:rowOff>
    </xdr:to>
    <xdr:sp macro="" textlink="">
      <xdr:nvSpPr>
        <xdr:cNvPr id="6" name="Line 14">
          <a:extLst>
            <a:ext uri="{FF2B5EF4-FFF2-40B4-BE49-F238E27FC236}">
              <a16:creationId xmlns:a16="http://schemas.microsoft.com/office/drawing/2014/main" id="{ECF0D2C2-9860-41AB-9515-890C6BF32201}"/>
            </a:ext>
          </a:extLst>
        </xdr:cNvPr>
        <xdr:cNvSpPr>
          <a:spLocks noChangeShapeType="1"/>
        </xdr:cNvSpPr>
      </xdr:nvSpPr>
      <xdr:spPr bwMode="auto">
        <a:xfrm>
          <a:off x="5905500" y="888682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20.xml><?xml version="1.0" encoding="utf-8"?>
<xdr:wsDr xmlns:xdr="http://schemas.openxmlformats.org/drawingml/2006/spreadsheetDrawing" xmlns:a="http://schemas.openxmlformats.org/drawingml/2006/main">
  <xdr:twoCellAnchor>
    <xdr:from>
      <xdr:col>5</xdr:col>
      <xdr:colOff>95250</xdr:colOff>
      <xdr:row>18</xdr:row>
      <xdr:rowOff>342900</xdr:rowOff>
    </xdr:from>
    <xdr:to>
      <xdr:col>5</xdr:col>
      <xdr:colOff>495300</xdr:colOff>
      <xdr:row>18</xdr:row>
      <xdr:rowOff>342900</xdr:rowOff>
    </xdr:to>
    <xdr:sp macro="" textlink="">
      <xdr:nvSpPr>
        <xdr:cNvPr id="2" name="Line 1">
          <a:extLst>
            <a:ext uri="{FF2B5EF4-FFF2-40B4-BE49-F238E27FC236}">
              <a16:creationId xmlns:a16="http://schemas.microsoft.com/office/drawing/2014/main" id="{00000000-0008-0000-2F00-000002000000}"/>
            </a:ext>
          </a:extLst>
        </xdr:cNvPr>
        <xdr:cNvSpPr>
          <a:spLocks noChangeShapeType="1"/>
        </xdr:cNvSpPr>
      </xdr:nvSpPr>
      <xdr:spPr bwMode="auto">
        <a:xfrm>
          <a:off x="5343525" y="7677150"/>
          <a:ext cx="4000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95250</xdr:colOff>
      <xdr:row>24</xdr:row>
      <xdr:rowOff>438150</xdr:rowOff>
    </xdr:from>
    <xdr:to>
      <xdr:col>5</xdr:col>
      <xdr:colOff>495300</xdr:colOff>
      <xdr:row>24</xdr:row>
      <xdr:rowOff>438150</xdr:rowOff>
    </xdr:to>
    <xdr:sp macro="" textlink="">
      <xdr:nvSpPr>
        <xdr:cNvPr id="3" name="Line 2">
          <a:extLst>
            <a:ext uri="{FF2B5EF4-FFF2-40B4-BE49-F238E27FC236}">
              <a16:creationId xmlns:a16="http://schemas.microsoft.com/office/drawing/2014/main" id="{00000000-0008-0000-2F00-000003000000}"/>
            </a:ext>
          </a:extLst>
        </xdr:cNvPr>
        <xdr:cNvSpPr>
          <a:spLocks noChangeShapeType="1"/>
        </xdr:cNvSpPr>
      </xdr:nvSpPr>
      <xdr:spPr bwMode="auto">
        <a:xfrm>
          <a:off x="5343525" y="9791700"/>
          <a:ext cx="4000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85725</xdr:colOff>
      <xdr:row>12</xdr:row>
      <xdr:rowOff>314325</xdr:rowOff>
    </xdr:from>
    <xdr:to>
      <xdr:col>5</xdr:col>
      <xdr:colOff>485775</xdr:colOff>
      <xdr:row>12</xdr:row>
      <xdr:rowOff>314325</xdr:rowOff>
    </xdr:to>
    <xdr:sp macro="" textlink="">
      <xdr:nvSpPr>
        <xdr:cNvPr id="4" name="Line 1">
          <a:extLst>
            <a:ext uri="{FF2B5EF4-FFF2-40B4-BE49-F238E27FC236}">
              <a16:creationId xmlns:a16="http://schemas.microsoft.com/office/drawing/2014/main" id="{00000000-0008-0000-2F00-000004000000}"/>
            </a:ext>
          </a:extLst>
        </xdr:cNvPr>
        <xdr:cNvSpPr>
          <a:spLocks noChangeShapeType="1"/>
        </xdr:cNvSpPr>
      </xdr:nvSpPr>
      <xdr:spPr bwMode="auto">
        <a:xfrm>
          <a:off x="5334000" y="5629275"/>
          <a:ext cx="4000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21.xml><?xml version="1.0" encoding="utf-8"?>
<xdr:wsDr xmlns:xdr="http://schemas.openxmlformats.org/drawingml/2006/spreadsheetDrawing" xmlns:a="http://schemas.openxmlformats.org/drawingml/2006/main">
  <xdr:twoCellAnchor>
    <xdr:from>
      <xdr:col>5</xdr:col>
      <xdr:colOff>85725</xdr:colOff>
      <xdr:row>12</xdr:row>
      <xdr:rowOff>314325</xdr:rowOff>
    </xdr:from>
    <xdr:to>
      <xdr:col>5</xdr:col>
      <xdr:colOff>485775</xdr:colOff>
      <xdr:row>12</xdr:row>
      <xdr:rowOff>314325</xdr:rowOff>
    </xdr:to>
    <xdr:sp macro="" textlink="">
      <xdr:nvSpPr>
        <xdr:cNvPr id="2" name="Line 1">
          <a:extLst>
            <a:ext uri="{FF2B5EF4-FFF2-40B4-BE49-F238E27FC236}">
              <a16:creationId xmlns:a16="http://schemas.microsoft.com/office/drawing/2014/main" id="{00000000-0008-0000-3000-000002000000}"/>
            </a:ext>
          </a:extLst>
        </xdr:cNvPr>
        <xdr:cNvSpPr>
          <a:spLocks noChangeShapeType="1"/>
        </xdr:cNvSpPr>
      </xdr:nvSpPr>
      <xdr:spPr bwMode="auto">
        <a:xfrm>
          <a:off x="3514725" y="2228850"/>
          <a:ext cx="4000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22.xml><?xml version="1.0" encoding="utf-8"?>
<xdr:wsDr xmlns:xdr="http://schemas.openxmlformats.org/drawingml/2006/spreadsheetDrawing" xmlns:a="http://schemas.openxmlformats.org/drawingml/2006/main">
  <xdr:twoCellAnchor>
    <xdr:from>
      <xdr:col>12</xdr:col>
      <xdr:colOff>238123</xdr:colOff>
      <xdr:row>53</xdr:row>
      <xdr:rowOff>47622</xdr:rowOff>
    </xdr:from>
    <xdr:to>
      <xdr:col>13</xdr:col>
      <xdr:colOff>547687</xdr:colOff>
      <xdr:row>61</xdr:row>
      <xdr:rowOff>120577</xdr:rowOff>
    </xdr:to>
    <xdr:sp macro="" textlink="">
      <xdr:nvSpPr>
        <xdr:cNvPr id="2" name="二等辺三角形 1">
          <a:extLst>
            <a:ext uri="{FF2B5EF4-FFF2-40B4-BE49-F238E27FC236}">
              <a16:creationId xmlns:a16="http://schemas.microsoft.com/office/drawing/2014/main" id="{00000000-0008-0000-0300-000002000000}"/>
            </a:ext>
          </a:extLst>
        </xdr:cNvPr>
        <xdr:cNvSpPr/>
      </xdr:nvSpPr>
      <xdr:spPr>
        <a:xfrm rot="16200000" flipV="1">
          <a:off x="9431847" y="22454038"/>
          <a:ext cx="3616255" cy="1063944"/>
        </a:xfrm>
        <a:prstGeom prst="triangle">
          <a:avLst>
            <a:gd name="adj" fmla="val 48710"/>
          </a:avLst>
        </a:prstGeom>
        <a:solidFill>
          <a:schemeClr val="accent4">
            <a:lumMod val="60000"/>
            <a:lumOff val="40000"/>
          </a:schemeClr>
        </a:solidFill>
        <a:ln w="28575">
          <a:solidFill>
            <a:schemeClr val="accent4"/>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7</xdr:col>
          <xdr:colOff>213360</xdr:colOff>
          <xdr:row>29</xdr:row>
          <xdr:rowOff>114300</xdr:rowOff>
        </xdr:from>
        <xdr:to>
          <xdr:col>29</xdr:col>
          <xdr:colOff>144780</xdr:colOff>
          <xdr:row>31</xdr:row>
          <xdr:rowOff>38100</xdr:rowOff>
        </xdr:to>
        <xdr:sp macro="" textlink="">
          <xdr:nvSpPr>
            <xdr:cNvPr id="55297" name="Check Box 1" hidden="1">
              <a:extLst>
                <a:ext uri="{63B3BB69-23CF-44E3-9099-C40C66FF867C}">
                  <a14:compatExt spid="_x0000_s55297"/>
                </a:ext>
                <a:ext uri="{FF2B5EF4-FFF2-40B4-BE49-F238E27FC236}">
                  <a16:creationId xmlns:a16="http://schemas.microsoft.com/office/drawing/2014/main" id="{00000000-0008-0000-05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0</xdr:colOff>
          <xdr:row>47</xdr:row>
          <xdr:rowOff>121920</xdr:rowOff>
        </xdr:from>
        <xdr:to>
          <xdr:col>15</xdr:col>
          <xdr:colOff>121920</xdr:colOff>
          <xdr:row>49</xdr:row>
          <xdr:rowOff>45720</xdr:rowOff>
        </xdr:to>
        <xdr:sp macro="" textlink="">
          <xdr:nvSpPr>
            <xdr:cNvPr id="55298" name="Check Box 2" hidden="1">
              <a:extLst>
                <a:ext uri="{63B3BB69-23CF-44E3-9099-C40C66FF867C}">
                  <a14:compatExt spid="_x0000_s55298"/>
                </a:ext>
                <a:ext uri="{FF2B5EF4-FFF2-40B4-BE49-F238E27FC236}">
                  <a16:creationId xmlns:a16="http://schemas.microsoft.com/office/drawing/2014/main" id="{00000000-0008-0000-05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75260</xdr:colOff>
          <xdr:row>56</xdr:row>
          <xdr:rowOff>121920</xdr:rowOff>
        </xdr:from>
        <xdr:to>
          <xdr:col>29</xdr:col>
          <xdr:colOff>106680</xdr:colOff>
          <xdr:row>58</xdr:row>
          <xdr:rowOff>45720</xdr:rowOff>
        </xdr:to>
        <xdr:sp macro="" textlink="">
          <xdr:nvSpPr>
            <xdr:cNvPr id="55299" name="Check Box 3" hidden="1">
              <a:extLst>
                <a:ext uri="{63B3BB69-23CF-44E3-9099-C40C66FF867C}">
                  <a14:compatExt spid="_x0000_s55299"/>
                </a:ext>
                <a:ext uri="{FF2B5EF4-FFF2-40B4-BE49-F238E27FC236}">
                  <a16:creationId xmlns:a16="http://schemas.microsoft.com/office/drawing/2014/main" id="{00000000-0008-0000-05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75260</xdr:colOff>
          <xdr:row>57</xdr:row>
          <xdr:rowOff>121920</xdr:rowOff>
        </xdr:from>
        <xdr:to>
          <xdr:col>29</xdr:col>
          <xdr:colOff>106680</xdr:colOff>
          <xdr:row>59</xdr:row>
          <xdr:rowOff>45720</xdr:rowOff>
        </xdr:to>
        <xdr:sp macro="" textlink="">
          <xdr:nvSpPr>
            <xdr:cNvPr id="55300" name="Check Box 4" hidden="1">
              <a:extLst>
                <a:ext uri="{63B3BB69-23CF-44E3-9099-C40C66FF867C}">
                  <a14:compatExt spid="_x0000_s55300"/>
                </a:ext>
                <a:ext uri="{FF2B5EF4-FFF2-40B4-BE49-F238E27FC236}">
                  <a16:creationId xmlns:a16="http://schemas.microsoft.com/office/drawing/2014/main" id="{00000000-0008-0000-05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0</xdr:colOff>
          <xdr:row>48</xdr:row>
          <xdr:rowOff>114300</xdr:rowOff>
        </xdr:from>
        <xdr:to>
          <xdr:col>43</xdr:col>
          <xdr:colOff>152400</xdr:colOff>
          <xdr:row>50</xdr:row>
          <xdr:rowOff>38100</xdr:rowOff>
        </xdr:to>
        <xdr:sp macro="" textlink="">
          <xdr:nvSpPr>
            <xdr:cNvPr id="55301" name="Check Box 5" hidden="1">
              <a:extLst>
                <a:ext uri="{63B3BB69-23CF-44E3-9099-C40C66FF867C}">
                  <a14:compatExt spid="_x0000_s55301"/>
                </a:ext>
                <a:ext uri="{FF2B5EF4-FFF2-40B4-BE49-F238E27FC236}">
                  <a16:creationId xmlns:a16="http://schemas.microsoft.com/office/drawing/2014/main" id="{00000000-0008-0000-05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0</xdr:colOff>
          <xdr:row>56</xdr:row>
          <xdr:rowOff>121920</xdr:rowOff>
        </xdr:from>
        <xdr:to>
          <xdr:col>43</xdr:col>
          <xdr:colOff>152400</xdr:colOff>
          <xdr:row>58</xdr:row>
          <xdr:rowOff>45720</xdr:rowOff>
        </xdr:to>
        <xdr:sp macro="" textlink="">
          <xdr:nvSpPr>
            <xdr:cNvPr id="55302" name="Check Box 6" hidden="1">
              <a:extLst>
                <a:ext uri="{63B3BB69-23CF-44E3-9099-C40C66FF867C}">
                  <a14:compatExt spid="_x0000_s55302"/>
                </a:ext>
                <a:ext uri="{FF2B5EF4-FFF2-40B4-BE49-F238E27FC236}">
                  <a16:creationId xmlns:a16="http://schemas.microsoft.com/office/drawing/2014/main" id="{00000000-0008-0000-05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0</xdr:colOff>
          <xdr:row>58</xdr:row>
          <xdr:rowOff>137160</xdr:rowOff>
        </xdr:from>
        <xdr:to>
          <xdr:col>43</xdr:col>
          <xdr:colOff>152400</xdr:colOff>
          <xdr:row>60</xdr:row>
          <xdr:rowOff>60960</xdr:rowOff>
        </xdr:to>
        <xdr:sp macro="" textlink="">
          <xdr:nvSpPr>
            <xdr:cNvPr id="55303" name="Check Box 7" hidden="1">
              <a:extLst>
                <a:ext uri="{63B3BB69-23CF-44E3-9099-C40C66FF867C}">
                  <a14:compatExt spid="_x0000_s55303"/>
                </a:ext>
                <a:ext uri="{FF2B5EF4-FFF2-40B4-BE49-F238E27FC236}">
                  <a16:creationId xmlns:a16="http://schemas.microsoft.com/office/drawing/2014/main" id="{00000000-0008-0000-0500-000007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7620</xdr:colOff>
          <xdr:row>66</xdr:row>
          <xdr:rowOff>137160</xdr:rowOff>
        </xdr:from>
        <xdr:to>
          <xdr:col>15</xdr:col>
          <xdr:colOff>160020</xdr:colOff>
          <xdr:row>68</xdr:row>
          <xdr:rowOff>60960</xdr:rowOff>
        </xdr:to>
        <xdr:sp macro="" textlink="">
          <xdr:nvSpPr>
            <xdr:cNvPr id="55304" name="Check Box 8" hidden="1">
              <a:extLst>
                <a:ext uri="{63B3BB69-23CF-44E3-9099-C40C66FF867C}">
                  <a14:compatExt spid="_x0000_s55304"/>
                </a:ext>
                <a:ext uri="{FF2B5EF4-FFF2-40B4-BE49-F238E27FC236}">
                  <a16:creationId xmlns:a16="http://schemas.microsoft.com/office/drawing/2014/main" id="{00000000-0008-0000-0500-000008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8120</xdr:colOff>
          <xdr:row>66</xdr:row>
          <xdr:rowOff>121920</xdr:rowOff>
        </xdr:from>
        <xdr:to>
          <xdr:col>29</xdr:col>
          <xdr:colOff>137160</xdr:colOff>
          <xdr:row>68</xdr:row>
          <xdr:rowOff>45720</xdr:rowOff>
        </xdr:to>
        <xdr:sp macro="" textlink="">
          <xdr:nvSpPr>
            <xdr:cNvPr id="55305" name="Check Box 9" hidden="1">
              <a:extLst>
                <a:ext uri="{63B3BB69-23CF-44E3-9099-C40C66FF867C}">
                  <a14:compatExt spid="_x0000_s55305"/>
                </a:ext>
                <a:ext uri="{FF2B5EF4-FFF2-40B4-BE49-F238E27FC236}">
                  <a16:creationId xmlns:a16="http://schemas.microsoft.com/office/drawing/2014/main" id="{00000000-0008-0000-0500-000009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75260</xdr:colOff>
          <xdr:row>39</xdr:row>
          <xdr:rowOff>137160</xdr:rowOff>
        </xdr:from>
        <xdr:to>
          <xdr:col>15</xdr:col>
          <xdr:colOff>106680</xdr:colOff>
          <xdr:row>41</xdr:row>
          <xdr:rowOff>60960</xdr:rowOff>
        </xdr:to>
        <xdr:sp macro="" textlink="">
          <xdr:nvSpPr>
            <xdr:cNvPr id="55306" name="Check Box 10" hidden="1">
              <a:extLst>
                <a:ext uri="{63B3BB69-23CF-44E3-9099-C40C66FF867C}">
                  <a14:compatExt spid="_x0000_s55306"/>
                </a:ext>
                <a:ext uri="{FF2B5EF4-FFF2-40B4-BE49-F238E27FC236}">
                  <a16:creationId xmlns:a16="http://schemas.microsoft.com/office/drawing/2014/main" id="{00000000-0008-0000-0500-00000A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xdr:colOff>
          <xdr:row>75</xdr:row>
          <xdr:rowOff>137160</xdr:rowOff>
        </xdr:from>
        <xdr:to>
          <xdr:col>18</xdr:col>
          <xdr:colOff>160020</xdr:colOff>
          <xdr:row>77</xdr:row>
          <xdr:rowOff>60960</xdr:rowOff>
        </xdr:to>
        <xdr:sp macro="" textlink="">
          <xdr:nvSpPr>
            <xdr:cNvPr id="55307" name="Check Box 11" hidden="1">
              <a:extLst>
                <a:ext uri="{63B3BB69-23CF-44E3-9099-C40C66FF867C}">
                  <a14:compatExt spid="_x0000_s55307"/>
                </a:ext>
                <a:ext uri="{FF2B5EF4-FFF2-40B4-BE49-F238E27FC236}">
                  <a16:creationId xmlns:a16="http://schemas.microsoft.com/office/drawing/2014/main" id="{00000000-0008-0000-0500-00000B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0</xdr:colOff>
          <xdr:row>29</xdr:row>
          <xdr:rowOff>114300</xdr:rowOff>
        </xdr:from>
        <xdr:to>
          <xdr:col>15</xdr:col>
          <xdr:colOff>121920</xdr:colOff>
          <xdr:row>31</xdr:row>
          <xdr:rowOff>38100</xdr:rowOff>
        </xdr:to>
        <xdr:sp macro="" textlink="">
          <xdr:nvSpPr>
            <xdr:cNvPr id="55308" name="Check Box 12" hidden="1">
              <a:extLst>
                <a:ext uri="{63B3BB69-23CF-44E3-9099-C40C66FF867C}">
                  <a14:compatExt spid="_x0000_s55308"/>
                </a:ext>
                <a:ext uri="{FF2B5EF4-FFF2-40B4-BE49-F238E27FC236}">
                  <a16:creationId xmlns:a16="http://schemas.microsoft.com/office/drawing/2014/main" id="{00000000-0008-0000-0500-00000D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14300</xdr:colOff>
          <xdr:row>29</xdr:row>
          <xdr:rowOff>137160</xdr:rowOff>
        </xdr:from>
        <xdr:to>
          <xdr:col>43</xdr:col>
          <xdr:colOff>45720</xdr:colOff>
          <xdr:row>31</xdr:row>
          <xdr:rowOff>60960</xdr:rowOff>
        </xdr:to>
        <xdr:sp macro="" textlink="">
          <xdr:nvSpPr>
            <xdr:cNvPr id="55309" name="Check Box 13" hidden="1">
              <a:extLst>
                <a:ext uri="{63B3BB69-23CF-44E3-9099-C40C66FF867C}">
                  <a14:compatExt spid="_x0000_s55309"/>
                </a:ext>
                <a:ext uri="{FF2B5EF4-FFF2-40B4-BE49-F238E27FC236}">
                  <a16:creationId xmlns:a16="http://schemas.microsoft.com/office/drawing/2014/main" id="{00000000-0008-0000-0500-00000E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60020</xdr:colOff>
          <xdr:row>34</xdr:row>
          <xdr:rowOff>121920</xdr:rowOff>
        </xdr:from>
        <xdr:to>
          <xdr:col>15</xdr:col>
          <xdr:colOff>99060</xdr:colOff>
          <xdr:row>36</xdr:row>
          <xdr:rowOff>45720</xdr:rowOff>
        </xdr:to>
        <xdr:sp macro="" textlink="">
          <xdr:nvSpPr>
            <xdr:cNvPr id="55310" name="Check Box 14" hidden="1">
              <a:extLst>
                <a:ext uri="{63B3BB69-23CF-44E3-9099-C40C66FF867C}">
                  <a14:compatExt spid="_x0000_s55310"/>
                </a:ext>
                <a:ext uri="{FF2B5EF4-FFF2-40B4-BE49-F238E27FC236}">
                  <a16:creationId xmlns:a16="http://schemas.microsoft.com/office/drawing/2014/main" id="{00000000-0008-0000-0500-00000F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98120</xdr:colOff>
          <xdr:row>34</xdr:row>
          <xdr:rowOff>121920</xdr:rowOff>
        </xdr:from>
        <xdr:to>
          <xdr:col>29</xdr:col>
          <xdr:colOff>137160</xdr:colOff>
          <xdr:row>36</xdr:row>
          <xdr:rowOff>45720</xdr:rowOff>
        </xdr:to>
        <xdr:sp macro="" textlink="">
          <xdr:nvSpPr>
            <xdr:cNvPr id="55311" name="Check Box 15" hidden="1">
              <a:extLst>
                <a:ext uri="{63B3BB69-23CF-44E3-9099-C40C66FF867C}">
                  <a14:compatExt spid="_x0000_s55311"/>
                </a:ext>
                <a:ext uri="{FF2B5EF4-FFF2-40B4-BE49-F238E27FC236}">
                  <a16:creationId xmlns:a16="http://schemas.microsoft.com/office/drawing/2014/main" id="{00000000-0008-0000-0500-000010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98120</xdr:colOff>
          <xdr:row>34</xdr:row>
          <xdr:rowOff>121920</xdr:rowOff>
        </xdr:from>
        <xdr:to>
          <xdr:col>43</xdr:col>
          <xdr:colOff>137160</xdr:colOff>
          <xdr:row>36</xdr:row>
          <xdr:rowOff>45720</xdr:rowOff>
        </xdr:to>
        <xdr:sp macro="" textlink="">
          <xdr:nvSpPr>
            <xdr:cNvPr id="55312" name="Check Box 16" hidden="1">
              <a:extLst>
                <a:ext uri="{63B3BB69-23CF-44E3-9099-C40C66FF867C}">
                  <a14:compatExt spid="_x0000_s55312"/>
                </a:ext>
                <a:ext uri="{FF2B5EF4-FFF2-40B4-BE49-F238E27FC236}">
                  <a16:creationId xmlns:a16="http://schemas.microsoft.com/office/drawing/2014/main" id="{00000000-0008-0000-0500-00001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7620</xdr:colOff>
          <xdr:row>39</xdr:row>
          <xdr:rowOff>106680</xdr:rowOff>
        </xdr:from>
        <xdr:to>
          <xdr:col>29</xdr:col>
          <xdr:colOff>160020</xdr:colOff>
          <xdr:row>41</xdr:row>
          <xdr:rowOff>30480</xdr:rowOff>
        </xdr:to>
        <xdr:sp macro="" textlink="">
          <xdr:nvSpPr>
            <xdr:cNvPr id="55313" name="Check Box 17" hidden="1">
              <a:extLst>
                <a:ext uri="{63B3BB69-23CF-44E3-9099-C40C66FF867C}">
                  <a14:compatExt spid="_x0000_s55313"/>
                </a:ext>
                <a:ext uri="{FF2B5EF4-FFF2-40B4-BE49-F238E27FC236}">
                  <a16:creationId xmlns:a16="http://schemas.microsoft.com/office/drawing/2014/main" id="{00000000-0008-0000-0500-00001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13360</xdr:colOff>
          <xdr:row>48</xdr:row>
          <xdr:rowOff>106680</xdr:rowOff>
        </xdr:from>
        <xdr:to>
          <xdr:col>29</xdr:col>
          <xdr:colOff>144780</xdr:colOff>
          <xdr:row>50</xdr:row>
          <xdr:rowOff>30480</xdr:rowOff>
        </xdr:to>
        <xdr:sp macro="" textlink="">
          <xdr:nvSpPr>
            <xdr:cNvPr id="55314" name="Check Box 18" hidden="1">
              <a:extLst>
                <a:ext uri="{63B3BB69-23CF-44E3-9099-C40C66FF867C}">
                  <a14:compatExt spid="_x0000_s55314"/>
                </a:ext>
                <a:ext uri="{FF2B5EF4-FFF2-40B4-BE49-F238E27FC236}">
                  <a16:creationId xmlns:a16="http://schemas.microsoft.com/office/drawing/2014/main" id="{00000000-0008-0000-0500-00001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0</xdr:colOff>
          <xdr:row>49</xdr:row>
          <xdr:rowOff>114300</xdr:rowOff>
        </xdr:from>
        <xdr:to>
          <xdr:col>15</xdr:col>
          <xdr:colOff>121920</xdr:colOff>
          <xdr:row>51</xdr:row>
          <xdr:rowOff>38100</xdr:rowOff>
        </xdr:to>
        <xdr:sp macro="" textlink="">
          <xdr:nvSpPr>
            <xdr:cNvPr id="55315" name="Check Box 19" hidden="1">
              <a:extLst>
                <a:ext uri="{63B3BB69-23CF-44E3-9099-C40C66FF867C}">
                  <a14:compatExt spid="_x0000_s55315"/>
                </a:ext>
                <a:ext uri="{FF2B5EF4-FFF2-40B4-BE49-F238E27FC236}">
                  <a16:creationId xmlns:a16="http://schemas.microsoft.com/office/drawing/2014/main" id="{00000000-0008-0000-0500-00001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13360</xdr:colOff>
          <xdr:row>57</xdr:row>
          <xdr:rowOff>106680</xdr:rowOff>
        </xdr:from>
        <xdr:to>
          <xdr:col>15</xdr:col>
          <xdr:colOff>144780</xdr:colOff>
          <xdr:row>59</xdr:row>
          <xdr:rowOff>30480</xdr:rowOff>
        </xdr:to>
        <xdr:sp macro="" textlink="">
          <xdr:nvSpPr>
            <xdr:cNvPr id="55316" name="Check Box 20" hidden="1">
              <a:extLst>
                <a:ext uri="{63B3BB69-23CF-44E3-9099-C40C66FF867C}">
                  <a14:compatExt spid="_x0000_s55316"/>
                </a:ext>
                <a:ext uri="{FF2B5EF4-FFF2-40B4-BE49-F238E27FC236}">
                  <a16:creationId xmlns:a16="http://schemas.microsoft.com/office/drawing/2014/main" id="{00000000-0008-0000-0500-00001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xdr:colOff>
          <xdr:row>75</xdr:row>
          <xdr:rowOff>137160</xdr:rowOff>
        </xdr:from>
        <xdr:to>
          <xdr:col>18</xdr:col>
          <xdr:colOff>160020</xdr:colOff>
          <xdr:row>77</xdr:row>
          <xdr:rowOff>60960</xdr:rowOff>
        </xdr:to>
        <xdr:sp macro="" textlink="">
          <xdr:nvSpPr>
            <xdr:cNvPr id="55317" name="Check Box 21" hidden="1">
              <a:extLst>
                <a:ext uri="{63B3BB69-23CF-44E3-9099-C40C66FF867C}">
                  <a14:compatExt spid="_x0000_s55317"/>
                </a:ext>
                <a:ext uri="{FF2B5EF4-FFF2-40B4-BE49-F238E27FC236}">
                  <a16:creationId xmlns:a16="http://schemas.microsoft.com/office/drawing/2014/main" id="{00000000-0008-0000-0500-00001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4.xml><?xml version="1.0" encoding="utf-8"?>
<xdr:wsDr xmlns:xdr="http://schemas.openxmlformats.org/drawingml/2006/spreadsheetDrawing" xmlns:a="http://schemas.openxmlformats.org/drawingml/2006/main">
  <xdr:twoCellAnchor>
    <xdr:from>
      <xdr:col>17</xdr:col>
      <xdr:colOff>57149</xdr:colOff>
      <xdr:row>0</xdr:row>
      <xdr:rowOff>19050</xdr:rowOff>
    </xdr:from>
    <xdr:to>
      <xdr:col>19</xdr:col>
      <xdr:colOff>85724</xdr:colOff>
      <xdr:row>1</xdr:row>
      <xdr:rowOff>0</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0367009" y="19050"/>
          <a:ext cx="1278255" cy="316230"/>
        </a:xfrm>
        <a:prstGeom prst="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様式１</a:t>
          </a:r>
        </a:p>
      </xdr:txBody>
    </xdr:sp>
    <xdr:clientData/>
  </xdr:twoCellAnchor>
</xdr:wsDr>
</file>

<file path=xl/drawings/drawing25.xml><?xml version="1.0" encoding="utf-8"?>
<xdr:wsDr xmlns:xdr="http://schemas.openxmlformats.org/drawingml/2006/spreadsheetDrawing" xmlns:a="http://schemas.openxmlformats.org/drawingml/2006/main">
  <xdr:twoCellAnchor>
    <xdr:from>
      <xdr:col>17</xdr:col>
      <xdr:colOff>57149</xdr:colOff>
      <xdr:row>0</xdr:row>
      <xdr:rowOff>19050</xdr:rowOff>
    </xdr:from>
    <xdr:to>
      <xdr:col>19</xdr:col>
      <xdr:colOff>85724</xdr:colOff>
      <xdr:row>1</xdr:row>
      <xdr:rowOff>0</xdr:rowOff>
    </xdr:to>
    <xdr:sp macro="" textlink="">
      <xdr:nvSpPr>
        <xdr:cNvPr id="2" name="正方形/長方形 1">
          <a:extLst>
            <a:ext uri="{FF2B5EF4-FFF2-40B4-BE49-F238E27FC236}">
              <a16:creationId xmlns:a16="http://schemas.microsoft.com/office/drawing/2014/main" id="{00000000-0008-0000-0100-000002000000}"/>
            </a:ext>
          </a:extLst>
        </xdr:cNvPr>
        <xdr:cNvSpPr/>
      </xdr:nvSpPr>
      <xdr:spPr>
        <a:xfrm>
          <a:off x="10367009" y="19050"/>
          <a:ext cx="1278255" cy="316230"/>
        </a:xfrm>
        <a:prstGeom prst="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200">
              <a:solidFill>
                <a:sysClr val="windowText" lastClr="000000"/>
              </a:solidFill>
              <a:latin typeface="ＭＳ ゴシック" panose="020B0609070205080204" pitchFamily="49" charset="-128"/>
              <a:ea typeface="ＭＳ ゴシック" panose="020B0609070205080204" pitchFamily="49" charset="-128"/>
            </a:rPr>
            <a:t>様式２</a:t>
          </a:r>
        </a:p>
      </xdr:txBody>
    </xdr:sp>
    <xdr:clientData/>
  </xdr:twoCellAnchor>
</xdr:wsDr>
</file>

<file path=xl/drawings/drawing26.xml><?xml version="1.0" encoding="utf-8"?>
<xdr:wsDr xmlns:xdr="http://schemas.openxmlformats.org/drawingml/2006/spreadsheetDrawing" xmlns:a="http://schemas.openxmlformats.org/drawingml/2006/main">
  <xdr:twoCellAnchor>
    <xdr:from>
      <xdr:col>2</xdr:col>
      <xdr:colOff>142875</xdr:colOff>
      <xdr:row>7</xdr:row>
      <xdr:rowOff>2285999</xdr:rowOff>
    </xdr:from>
    <xdr:to>
      <xdr:col>5</xdr:col>
      <xdr:colOff>684225</xdr:colOff>
      <xdr:row>7</xdr:row>
      <xdr:rowOff>2924174</xdr:rowOff>
    </xdr:to>
    <xdr:sp macro="" textlink="">
      <xdr:nvSpPr>
        <xdr:cNvPr id="2" name="大かっこ 1">
          <a:extLst>
            <a:ext uri="{FF2B5EF4-FFF2-40B4-BE49-F238E27FC236}">
              <a16:creationId xmlns:a16="http://schemas.microsoft.com/office/drawing/2014/main" id="{00000000-0008-0000-4100-000002000000}"/>
            </a:ext>
          </a:extLst>
        </xdr:cNvPr>
        <xdr:cNvSpPr/>
      </xdr:nvSpPr>
      <xdr:spPr>
        <a:xfrm>
          <a:off x="1514475" y="1371599"/>
          <a:ext cx="2598750" cy="0"/>
        </a:xfrm>
        <a:prstGeom prst="bracketPair">
          <a:avLst>
            <a:gd name="adj" fmla="val 10953"/>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ctr"/>
          <a:endParaRPr kumimoji="1" lang="ja-JP" altLang="en-US" sz="1100"/>
        </a:p>
      </xdr:txBody>
    </xdr:sp>
    <xdr:clientData/>
  </xdr:twoCellAnchor>
  <xdr:twoCellAnchor>
    <xdr:from>
      <xdr:col>2</xdr:col>
      <xdr:colOff>133350</xdr:colOff>
      <xdr:row>9</xdr:row>
      <xdr:rowOff>876300</xdr:rowOff>
    </xdr:from>
    <xdr:to>
      <xdr:col>5</xdr:col>
      <xdr:colOff>676276</xdr:colOff>
      <xdr:row>9</xdr:row>
      <xdr:rowOff>1400176</xdr:rowOff>
    </xdr:to>
    <xdr:sp macro="" textlink="">
      <xdr:nvSpPr>
        <xdr:cNvPr id="3" name="大かっこ 2">
          <a:extLst>
            <a:ext uri="{FF2B5EF4-FFF2-40B4-BE49-F238E27FC236}">
              <a16:creationId xmlns:a16="http://schemas.microsoft.com/office/drawing/2014/main" id="{00000000-0008-0000-4100-000003000000}"/>
            </a:ext>
          </a:extLst>
        </xdr:cNvPr>
        <xdr:cNvSpPr/>
      </xdr:nvSpPr>
      <xdr:spPr>
        <a:xfrm>
          <a:off x="1504950" y="1714500"/>
          <a:ext cx="2600326" cy="1"/>
        </a:xfrm>
        <a:prstGeom prst="bracketPair">
          <a:avLst>
            <a:gd name="adj" fmla="val 10953"/>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ctr"/>
          <a:endParaRPr kumimoji="1" lang="ja-JP" altLang="en-US" sz="1100"/>
        </a:p>
      </xdr:txBody>
    </xdr:sp>
    <xdr:clientData/>
  </xdr:twoCellAnchor>
</xdr:wsDr>
</file>

<file path=xl/drawings/drawing27.xml><?xml version="1.0" encoding="utf-8"?>
<xdr:wsDr xmlns:xdr="http://schemas.openxmlformats.org/drawingml/2006/spreadsheetDrawing" xmlns:a="http://schemas.openxmlformats.org/drawingml/2006/main">
  <xdr:twoCellAnchor>
    <xdr:from>
      <xdr:col>2</xdr:col>
      <xdr:colOff>133350</xdr:colOff>
      <xdr:row>9</xdr:row>
      <xdr:rowOff>923924</xdr:rowOff>
    </xdr:from>
    <xdr:to>
      <xdr:col>5</xdr:col>
      <xdr:colOff>676276</xdr:colOff>
      <xdr:row>9</xdr:row>
      <xdr:rowOff>1409699</xdr:rowOff>
    </xdr:to>
    <xdr:sp macro="" textlink="">
      <xdr:nvSpPr>
        <xdr:cNvPr id="2" name="大かっこ 1">
          <a:extLst>
            <a:ext uri="{FF2B5EF4-FFF2-40B4-BE49-F238E27FC236}">
              <a16:creationId xmlns:a16="http://schemas.microsoft.com/office/drawing/2014/main" id="{00000000-0008-0000-4400-000002000000}"/>
            </a:ext>
          </a:extLst>
        </xdr:cNvPr>
        <xdr:cNvSpPr/>
      </xdr:nvSpPr>
      <xdr:spPr>
        <a:xfrm>
          <a:off x="2095500" y="6057899"/>
          <a:ext cx="4181476" cy="485775"/>
        </a:xfrm>
        <a:prstGeom prst="bracketPair">
          <a:avLst>
            <a:gd name="adj" fmla="val 10953"/>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ctr"/>
          <a:endParaRPr kumimoji="1" lang="ja-JP" altLang="en-US" sz="1100"/>
        </a:p>
      </xdr:txBody>
    </xdr:sp>
    <xdr:clientData/>
  </xdr:twoCellAnchor>
</xdr:wsDr>
</file>

<file path=xl/drawings/drawing28.xml><?xml version="1.0" encoding="utf-8"?>
<xdr:wsDr xmlns:xdr="http://schemas.openxmlformats.org/drawingml/2006/spreadsheetDrawing" xmlns:a="http://schemas.openxmlformats.org/drawingml/2006/main">
  <xdr:twoCellAnchor>
    <xdr:from>
      <xdr:col>31</xdr:col>
      <xdr:colOff>161925</xdr:colOff>
      <xdr:row>23</xdr:row>
      <xdr:rowOff>47625</xdr:rowOff>
    </xdr:from>
    <xdr:to>
      <xdr:col>35</xdr:col>
      <xdr:colOff>123825</xdr:colOff>
      <xdr:row>23</xdr:row>
      <xdr:rowOff>447675</xdr:rowOff>
    </xdr:to>
    <xdr:sp macro="" textlink="">
      <xdr:nvSpPr>
        <xdr:cNvPr id="2" name="正方形/長方形 1">
          <a:extLst>
            <a:ext uri="{FF2B5EF4-FFF2-40B4-BE49-F238E27FC236}">
              <a16:creationId xmlns:a16="http://schemas.microsoft.com/office/drawing/2014/main" id="{00000000-0008-0000-4D00-000002000000}"/>
            </a:ext>
          </a:extLst>
        </xdr:cNvPr>
        <xdr:cNvSpPr/>
      </xdr:nvSpPr>
      <xdr:spPr>
        <a:xfrm>
          <a:off x="11382375" y="3990975"/>
          <a:ext cx="1409700" cy="123825"/>
        </a:xfrm>
        <a:prstGeom prst="rect">
          <a:avLst/>
        </a:prstGeom>
      </xdr:spPr>
      <xdr:style>
        <a:lnRef idx="2">
          <a:schemeClr val="accent5"/>
        </a:lnRef>
        <a:fillRef idx="1">
          <a:schemeClr val="lt1"/>
        </a:fillRef>
        <a:effectRef idx="0">
          <a:schemeClr val="accent5"/>
        </a:effectRef>
        <a:fontRef idx="minor">
          <a:schemeClr val="dk1"/>
        </a:fontRef>
      </xdr:style>
      <xdr:txBody>
        <a:bodyPr vertOverflow="clip" horzOverflow="clip" rtlCol="0" anchor="ctr"/>
        <a:lstStyle/>
        <a:p>
          <a:pPr algn="ctr"/>
          <a:r>
            <a:rPr kumimoji="1" lang="ja-JP" altLang="en-US" sz="1400">
              <a:solidFill>
                <a:sysClr val="windowText" lastClr="000000"/>
              </a:solidFill>
            </a:rPr>
            <a:t>記載例</a:t>
          </a:r>
        </a:p>
      </xdr:txBody>
    </xdr:sp>
    <xdr:clientData/>
  </xdr:twoCellAnchor>
</xdr:wsDr>
</file>

<file path=xl/drawings/drawing29.xml><?xml version="1.0" encoding="utf-8"?>
<xdr:wsDr xmlns:xdr="http://schemas.openxmlformats.org/drawingml/2006/spreadsheetDrawing" xmlns:a="http://schemas.openxmlformats.org/drawingml/2006/main">
  <xdr:twoCellAnchor>
    <xdr:from>
      <xdr:col>3</xdr:col>
      <xdr:colOff>38100</xdr:colOff>
      <xdr:row>33</xdr:row>
      <xdr:rowOff>114300</xdr:rowOff>
    </xdr:from>
    <xdr:to>
      <xdr:col>9</xdr:col>
      <xdr:colOff>228600</xdr:colOff>
      <xdr:row>37</xdr:row>
      <xdr:rowOff>390525</xdr:rowOff>
    </xdr:to>
    <xdr:sp macro="" textlink="">
      <xdr:nvSpPr>
        <xdr:cNvPr id="2" name="正方形/長方形 1">
          <a:extLst>
            <a:ext uri="{FF2B5EF4-FFF2-40B4-BE49-F238E27FC236}">
              <a16:creationId xmlns:a16="http://schemas.microsoft.com/office/drawing/2014/main" id="{5471AA31-217B-446B-B4AE-05D9C99B0482}"/>
            </a:ext>
          </a:extLst>
        </xdr:cNvPr>
        <xdr:cNvSpPr/>
      </xdr:nvSpPr>
      <xdr:spPr>
        <a:xfrm>
          <a:off x="2028825" y="10648950"/>
          <a:ext cx="6343650" cy="1219200"/>
        </a:xfrm>
        <a:prstGeom prst="rect">
          <a:avLst/>
        </a:prstGeom>
        <a:solidFill>
          <a:schemeClr val="bg1"/>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①利用した医療的ケア児のスコア」の計算方法</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ア ： 医療的ケア児の医療的ケアスコアに当該医療的ケア児が利用した日数を乗じる。</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イ ： 各月に利用実績がある医療的ケア児全員について、アの計算を行い、計算後の数値を合計する。</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例）４月に医療的ケアスコア</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2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の医療的ケア児Ａは</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利用、医療的ケアスコア</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3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の医療的ケア児Ｂは</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5</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利用。</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　</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2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3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5</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68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p>
      </xdr:txBody>
    </xdr:sp>
    <xdr:clientData/>
  </xdr:twoCellAnchor>
  <xdr:twoCellAnchor>
    <xdr:from>
      <xdr:col>7</xdr:col>
      <xdr:colOff>76200</xdr:colOff>
      <xdr:row>26</xdr:row>
      <xdr:rowOff>198120</xdr:rowOff>
    </xdr:from>
    <xdr:to>
      <xdr:col>8</xdr:col>
      <xdr:colOff>1760220</xdr:colOff>
      <xdr:row>30</xdr:row>
      <xdr:rowOff>152400</xdr:rowOff>
    </xdr:to>
    <xdr:sp macro="" textlink="">
      <xdr:nvSpPr>
        <xdr:cNvPr id="3" name="正方形/長方形 2">
          <a:extLst>
            <a:ext uri="{FF2B5EF4-FFF2-40B4-BE49-F238E27FC236}">
              <a16:creationId xmlns:a16="http://schemas.microsoft.com/office/drawing/2014/main" id="{AEABAD29-C4E9-4E0E-83CF-E9F180185400}"/>
            </a:ext>
          </a:extLst>
        </xdr:cNvPr>
        <xdr:cNvSpPr/>
      </xdr:nvSpPr>
      <xdr:spPr>
        <a:xfrm>
          <a:off x="6019800" y="8665845"/>
          <a:ext cx="2036445" cy="1135380"/>
        </a:xfrm>
        <a:prstGeom prst="rect">
          <a:avLst/>
        </a:prstGeom>
        <a:solidFill>
          <a:schemeClr val="bg1">
            <a:lumMod val="95000"/>
          </a:schemeClr>
        </a:solidFill>
        <a:ln w="254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③の数値が</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4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以上の場合は、看護職員加配加算（</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Ⅰ</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の、</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7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以上の場合は看護職員加配加算（</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Ⅱ</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の算定要件を満たすことになる。</a:t>
          </a:r>
        </a:p>
      </xdr:txBody>
    </xdr:sp>
    <xdr:clientData/>
  </xdr:twoCellAnchor>
  <xdr:twoCellAnchor>
    <xdr:from>
      <xdr:col>8</xdr:col>
      <xdr:colOff>228600</xdr:colOff>
      <xdr:row>30</xdr:row>
      <xdr:rowOff>152399</xdr:rowOff>
    </xdr:from>
    <xdr:to>
      <xdr:col>8</xdr:col>
      <xdr:colOff>1257300</xdr:colOff>
      <xdr:row>31</xdr:row>
      <xdr:rowOff>247649</xdr:rowOff>
    </xdr:to>
    <xdr:sp macro="" textlink="">
      <xdr:nvSpPr>
        <xdr:cNvPr id="4" name="下矢印 6">
          <a:extLst>
            <a:ext uri="{FF2B5EF4-FFF2-40B4-BE49-F238E27FC236}">
              <a16:creationId xmlns:a16="http://schemas.microsoft.com/office/drawing/2014/main" id="{A872C664-338B-456A-AB5D-44F771080408}"/>
            </a:ext>
          </a:extLst>
        </xdr:cNvPr>
        <xdr:cNvSpPr/>
      </xdr:nvSpPr>
      <xdr:spPr>
        <a:xfrm>
          <a:off x="6524625" y="9801224"/>
          <a:ext cx="1028700" cy="390525"/>
        </a:xfrm>
        <a:prstGeom prst="downArrow">
          <a:avLst/>
        </a:prstGeom>
        <a:solidFill>
          <a:schemeClr val="bg1">
            <a:lumMod val="9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0</xdr:colOff>
      <xdr:row>43</xdr:row>
      <xdr:rowOff>0</xdr:rowOff>
    </xdr:from>
    <xdr:to>
      <xdr:col>11</xdr:col>
      <xdr:colOff>0</xdr:colOff>
      <xdr:row>43</xdr:row>
      <xdr:rowOff>0</xdr:rowOff>
    </xdr:to>
    <xdr:sp macro="" textlink="">
      <xdr:nvSpPr>
        <xdr:cNvPr id="2" name="Line 1">
          <a:extLst>
            <a:ext uri="{FF2B5EF4-FFF2-40B4-BE49-F238E27FC236}">
              <a16:creationId xmlns:a16="http://schemas.microsoft.com/office/drawing/2014/main" id="{F975D5FF-F643-4687-B436-4CABA1AE3DD9}"/>
            </a:ext>
          </a:extLst>
        </xdr:cNvPr>
        <xdr:cNvSpPr>
          <a:spLocks noChangeShapeType="1"/>
        </xdr:cNvSpPr>
      </xdr:nvSpPr>
      <xdr:spPr bwMode="auto">
        <a:xfrm>
          <a:off x="4259580" y="1091184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19050</xdr:colOff>
      <xdr:row>37</xdr:row>
      <xdr:rowOff>171450</xdr:rowOff>
    </xdr:from>
    <xdr:to>
      <xdr:col>17</xdr:col>
      <xdr:colOff>285750</xdr:colOff>
      <xdr:row>37</xdr:row>
      <xdr:rowOff>171450</xdr:rowOff>
    </xdr:to>
    <xdr:sp macro="" textlink="">
      <xdr:nvSpPr>
        <xdr:cNvPr id="3" name="Line 2">
          <a:extLst>
            <a:ext uri="{FF2B5EF4-FFF2-40B4-BE49-F238E27FC236}">
              <a16:creationId xmlns:a16="http://schemas.microsoft.com/office/drawing/2014/main" id="{146B6B60-B03B-4581-9718-C6D36ABD2C96}"/>
            </a:ext>
          </a:extLst>
        </xdr:cNvPr>
        <xdr:cNvSpPr>
          <a:spLocks noChangeShapeType="1"/>
        </xdr:cNvSpPr>
      </xdr:nvSpPr>
      <xdr:spPr bwMode="auto">
        <a:xfrm>
          <a:off x="6381750" y="746379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28575</xdr:colOff>
      <xdr:row>38</xdr:row>
      <xdr:rowOff>171450</xdr:rowOff>
    </xdr:from>
    <xdr:to>
      <xdr:col>17</xdr:col>
      <xdr:colOff>295275</xdr:colOff>
      <xdr:row>38</xdr:row>
      <xdr:rowOff>171450</xdr:rowOff>
    </xdr:to>
    <xdr:sp macro="" textlink="">
      <xdr:nvSpPr>
        <xdr:cNvPr id="4" name="Line 3">
          <a:extLst>
            <a:ext uri="{FF2B5EF4-FFF2-40B4-BE49-F238E27FC236}">
              <a16:creationId xmlns:a16="http://schemas.microsoft.com/office/drawing/2014/main" id="{EDCCA086-FCD2-43CA-B306-1520251FF12D}"/>
            </a:ext>
          </a:extLst>
        </xdr:cNvPr>
        <xdr:cNvSpPr>
          <a:spLocks noChangeShapeType="1"/>
        </xdr:cNvSpPr>
      </xdr:nvSpPr>
      <xdr:spPr bwMode="auto">
        <a:xfrm>
          <a:off x="6391275" y="814959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41</xdr:row>
      <xdr:rowOff>200025</xdr:rowOff>
    </xdr:from>
    <xdr:to>
      <xdr:col>17</xdr:col>
      <xdr:colOff>295275</xdr:colOff>
      <xdr:row>41</xdr:row>
      <xdr:rowOff>200025</xdr:rowOff>
    </xdr:to>
    <xdr:sp macro="" textlink="">
      <xdr:nvSpPr>
        <xdr:cNvPr id="5" name="Line 6">
          <a:extLst>
            <a:ext uri="{FF2B5EF4-FFF2-40B4-BE49-F238E27FC236}">
              <a16:creationId xmlns:a16="http://schemas.microsoft.com/office/drawing/2014/main" id="{4077A42D-3BF5-43A2-9268-8307CB4B9372}"/>
            </a:ext>
          </a:extLst>
        </xdr:cNvPr>
        <xdr:cNvSpPr>
          <a:spLocks noChangeShapeType="1"/>
        </xdr:cNvSpPr>
      </xdr:nvSpPr>
      <xdr:spPr bwMode="auto">
        <a:xfrm>
          <a:off x="6362700" y="1023556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39</xdr:row>
      <xdr:rowOff>200025</xdr:rowOff>
    </xdr:from>
    <xdr:to>
      <xdr:col>17</xdr:col>
      <xdr:colOff>295275</xdr:colOff>
      <xdr:row>39</xdr:row>
      <xdr:rowOff>200025</xdr:rowOff>
    </xdr:to>
    <xdr:sp macro="" textlink="">
      <xdr:nvSpPr>
        <xdr:cNvPr id="6" name="Line 6">
          <a:extLst>
            <a:ext uri="{FF2B5EF4-FFF2-40B4-BE49-F238E27FC236}">
              <a16:creationId xmlns:a16="http://schemas.microsoft.com/office/drawing/2014/main" id="{CC6E7E30-2EFF-460C-9B47-6590DC189F4C}"/>
            </a:ext>
          </a:extLst>
        </xdr:cNvPr>
        <xdr:cNvSpPr>
          <a:spLocks noChangeShapeType="1"/>
        </xdr:cNvSpPr>
      </xdr:nvSpPr>
      <xdr:spPr bwMode="auto">
        <a:xfrm>
          <a:off x="6362700" y="886396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40</xdr:row>
      <xdr:rowOff>200025</xdr:rowOff>
    </xdr:from>
    <xdr:to>
      <xdr:col>17</xdr:col>
      <xdr:colOff>295275</xdr:colOff>
      <xdr:row>40</xdr:row>
      <xdr:rowOff>200025</xdr:rowOff>
    </xdr:to>
    <xdr:sp macro="" textlink="">
      <xdr:nvSpPr>
        <xdr:cNvPr id="7" name="Line 6">
          <a:extLst>
            <a:ext uri="{FF2B5EF4-FFF2-40B4-BE49-F238E27FC236}">
              <a16:creationId xmlns:a16="http://schemas.microsoft.com/office/drawing/2014/main" id="{701BF2FE-7272-48F5-9EBB-D9387C78E39A}"/>
            </a:ext>
          </a:extLst>
        </xdr:cNvPr>
        <xdr:cNvSpPr>
          <a:spLocks noChangeShapeType="1"/>
        </xdr:cNvSpPr>
      </xdr:nvSpPr>
      <xdr:spPr bwMode="auto">
        <a:xfrm>
          <a:off x="6362700" y="954976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30.xml><?xml version="1.0" encoding="utf-8"?>
<xdr:wsDr xmlns:xdr="http://schemas.openxmlformats.org/drawingml/2006/spreadsheetDrawing" xmlns:a="http://schemas.openxmlformats.org/drawingml/2006/main">
  <xdr:twoCellAnchor>
    <xdr:from>
      <xdr:col>1</xdr:col>
      <xdr:colOff>499749</xdr:colOff>
      <xdr:row>18</xdr:row>
      <xdr:rowOff>25398</xdr:rowOff>
    </xdr:from>
    <xdr:to>
      <xdr:col>8</xdr:col>
      <xdr:colOff>575735</xdr:colOff>
      <xdr:row>18</xdr:row>
      <xdr:rowOff>1151467</xdr:rowOff>
    </xdr:to>
    <xdr:sp macro="" textlink="">
      <xdr:nvSpPr>
        <xdr:cNvPr id="2" name="大かっこ 1">
          <a:extLst>
            <a:ext uri="{FF2B5EF4-FFF2-40B4-BE49-F238E27FC236}">
              <a16:creationId xmlns:a16="http://schemas.microsoft.com/office/drawing/2014/main" id="{00000000-0008-0000-7B00-000002000000}"/>
            </a:ext>
          </a:extLst>
        </xdr:cNvPr>
        <xdr:cNvSpPr/>
      </xdr:nvSpPr>
      <xdr:spPr>
        <a:xfrm>
          <a:off x="690249" y="5854698"/>
          <a:ext cx="6181511" cy="240244"/>
        </a:xfrm>
        <a:prstGeom prst="bracketPair">
          <a:avLst>
            <a:gd name="adj" fmla="val 11341"/>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lnSpc>
              <a:spcPts val="1300"/>
            </a:lnSpc>
          </a:pPr>
          <a:r>
            <a:rPr kumimoji="1" lang="en-US" altLang="ja-JP" sz="1050">
              <a:latin typeface="HGｺﾞｼｯｸM" panose="020B0609000000000000" pitchFamily="49" charset="-128"/>
              <a:ea typeface="HGｺﾞｼｯｸM" panose="020B0609000000000000" pitchFamily="49" charset="-128"/>
            </a:rPr>
            <a:t>※</a:t>
          </a:r>
          <a:r>
            <a:rPr kumimoji="1" lang="ja-JP" altLang="en-US" sz="1050">
              <a:latin typeface="HGｺﾞｼｯｸM" panose="020B0609000000000000" pitchFamily="49" charset="-128"/>
              <a:ea typeface="HGｺﾞｼｯｸM" panose="020B0609000000000000" pitchFamily="49" charset="-128"/>
            </a:rPr>
            <a:t>対象となる職種</a:t>
          </a:r>
          <a:endParaRPr kumimoji="1" lang="en-US" altLang="ja-JP" sz="1050">
            <a:latin typeface="HGｺﾞｼｯｸM" panose="020B0609000000000000" pitchFamily="49" charset="-128"/>
            <a:ea typeface="HGｺﾞｼｯｸM" panose="020B0609000000000000" pitchFamily="49" charset="-128"/>
          </a:endParaRPr>
        </a:p>
        <a:p>
          <a:pPr algn="l">
            <a:lnSpc>
              <a:spcPts val="1300"/>
            </a:lnSpc>
          </a:pPr>
          <a:r>
            <a:rPr kumimoji="1" lang="ja-JP" altLang="en-US" sz="1050">
              <a:latin typeface="HGｺﾞｼｯｸM" panose="020B0609000000000000" pitchFamily="49" charset="-128"/>
              <a:ea typeface="HGｺﾞｼｯｸM" panose="020B0609000000000000" pitchFamily="49" charset="-128"/>
            </a:rPr>
            <a:t>　以下の職種であって、障害児通所支援又は障害児入所支援、若しくは障害児相談支援に５年以上従事した経験のある者（常勤専任による配置）。経験年数は、資格取得後から当該支援に従事した経験年数とする。</a:t>
          </a:r>
        </a:p>
        <a:p>
          <a:pPr algn="l">
            <a:lnSpc>
              <a:spcPts val="1300"/>
            </a:lnSpc>
          </a:pPr>
          <a:endParaRPr kumimoji="1" lang="en-US" altLang="ja-JP" sz="1050">
            <a:latin typeface="HGｺﾞｼｯｸM" panose="020B0609000000000000" pitchFamily="49" charset="-128"/>
            <a:ea typeface="HGｺﾞｼｯｸM" panose="020B0609000000000000" pitchFamily="49" charset="-128"/>
          </a:endParaRPr>
        </a:p>
        <a:p>
          <a:pPr algn="l">
            <a:lnSpc>
              <a:spcPts val="1300"/>
            </a:lnSpc>
          </a:pPr>
          <a:r>
            <a:rPr kumimoji="1" lang="ja-JP" altLang="en-US" sz="1050">
              <a:latin typeface="HGｺﾞｼｯｸM" panose="020B0609000000000000" pitchFamily="49" charset="-128"/>
              <a:ea typeface="HGｺﾞｼｯｸM" panose="020B0609000000000000" pitchFamily="49" charset="-128"/>
            </a:rPr>
            <a:t>理学療法士、作業療法士、言語聴覚士、看護職員、心理担当職員、保育士、児童指導員</a:t>
          </a:r>
          <a:endParaRPr kumimoji="1" lang="en-US" altLang="ja-JP" sz="1050">
            <a:latin typeface="HGｺﾞｼｯｸM" panose="020B0609000000000000" pitchFamily="49" charset="-128"/>
            <a:ea typeface="HGｺﾞｼｯｸM" panose="020B0609000000000000" pitchFamily="49" charset="-128"/>
          </a:endParaRPr>
        </a:p>
      </xdr:txBody>
    </xdr:sp>
    <xdr:clientData/>
  </xdr:twoCellAnchor>
  <xdr:twoCellAnchor>
    <xdr:from>
      <xdr:col>3</xdr:col>
      <xdr:colOff>38100</xdr:colOff>
      <xdr:row>33</xdr:row>
      <xdr:rowOff>114300</xdr:rowOff>
    </xdr:from>
    <xdr:to>
      <xdr:col>9</xdr:col>
      <xdr:colOff>228600</xdr:colOff>
      <xdr:row>37</xdr:row>
      <xdr:rowOff>390525</xdr:rowOff>
    </xdr:to>
    <xdr:sp macro="" textlink="">
      <xdr:nvSpPr>
        <xdr:cNvPr id="3" name="正方形/長方形 2">
          <a:extLst>
            <a:ext uri="{FF2B5EF4-FFF2-40B4-BE49-F238E27FC236}">
              <a16:creationId xmlns:a16="http://schemas.microsoft.com/office/drawing/2014/main" id="{00000000-0008-0000-7B00-000003000000}"/>
            </a:ext>
          </a:extLst>
        </xdr:cNvPr>
        <xdr:cNvSpPr/>
      </xdr:nvSpPr>
      <xdr:spPr>
        <a:xfrm>
          <a:off x="2028825" y="10648950"/>
          <a:ext cx="6334125" cy="1219200"/>
        </a:xfrm>
        <a:prstGeom prst="rect">
          <a:avLst/>
        </a:prstGeom>
        <a:solidFill>
          <a:schemeClr val="bg1"/>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①利用した医療的ケア児のスコア」の計算方法</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ア ： 医療的ケア児の医療的ケアスコアに当該医療的ケア児が利用した日数を乗じる。</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イ ： 各月に利用実績がある医療的ケア児全員について、アの計算を行い、計算後の数値を合計する。</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例）４月に医療的ケアスコア</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2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の医療的ケア児Ａは</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利用、医療的ケアスコア</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3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の医療的ケア児Ｂは</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5</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利用。</a:t>
          </a:r>
          <a:endParaRPr kumimoji="1" lang="en-US" altLang="ja-JP" sz="900">
            <a:solidFill>
              <a:sysClr val="windowText" lastClr="000000"/>
            </a:solidFill>
            <a:latin typeface="HGｺﾞｼｯｸM" panose="020B0609000000000000" pitchFamily="49" charset="-128"/>
            <a:ea typeface="HGｺﾞｼｯｸM" panose="020B0609000000000000" pitchFamily="49" charset="-128"/>
          </a:endParaRPr>
        </a:p>
        <a:p>
          <a:pPr algn="l">
            <a:lnSpc>
              <a:spcPts val="1100"/>
            </a:lnSpc>
          </a:pP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　　　⇒　</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2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3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15</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日＝</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68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a:t>
          </a:r>
        </a:p>
      </xdr:txBody>
    </xdr:sp>
    <xdr:clientData/>
  </xdr:twoCellAnchor>
  <xdr:twoCellAnchor>
    <xdr:from>
      <xdr:col>7</xdr:col>
      <xdr:colOff>76200</xdr:colOff>
      <xdr:row>26</xdr:row>
      <xdr:rowOff>198120</xdr:rowOff>
    </xdr:from>
    <xdr:to>
      <xdr:col>8</xdr:col>
      <xdr:colOff>1760220</xdr:colOff>
      <xdr:row>30</xdr:row>
      <xdr:rowOff>152400</xdr:rowOff>
    </xdr:to>
    <xdr:sp macro="" textlink="">
      <xdr:nvSpPr>
        <xdr:cNvPr id="4" name="正方形/長方形 3">
          <a:extLst>
            <a:ext uri="{FF2B5EF4-FFF2-40B4-BE49-F238E27FC236}">
              <a16:creationId xmlns:a16="http://schemas.microsoft.com/office/drawing/2014/main" id="{00000000-0008-0000-7B00-000004000000}"/>
            </a:ext>
          </a:extLst>
        </xdr:cNvPr>
        <xdr:cNvSpPr/>
      </xdr:nvSpPr>
      <xdr:spPr>
        <a:xfrm>
          <a:off x="6019800" y="8665845"/>
          <a:ext cx="2036445" cy="1135380"/>
        </a:xfrm>
        <a:prstGeom prst="rect">
          <a:avLst/>
        </a:prstGeom>
        <a:solidFill>
          <a:schemeClr val="bg1">
            <a:lumMod val="95000"/>
          </a:schemeClr>
        </a:solidFill>
        <a:ln w="254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③の数値が</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40</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以上の場合は、看護職員加配加算（</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Ⅰ</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の、</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72</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点以上の場合は看護職員加配加算（</a:t>
          </a:r>
          <a:r>
            <a:rPr kumimoji="1" lang="en-US" altLang="ja-JP" sz="900">
              <a:solidFill>
                <a:sysClr val="windowText" lastClr="000000"/>
              </a:solidFill>
              <a:latin typeface="HGｺﾞｼｯｸM" panose="020B0609000000000000" pitchFamily="49" charset="-128"/>
              <a:ea typeface="HGｺﾞｼｯｸM" panose="020B0609000000000000" pitchFamily="49" charset="-128"/>
            </a:rPr>
            <a:t>Ⅱ</a:t>
          </a:r>
          <a:r>
            <a:rPr kumimoji="1" lang="ja-JP" altLang="en-US" sz="900">
              <a:solidFill>
                <a:sysClr val="windowText" lastClr="000000"/>
              </a:solidFill>
              <a:latin typeface="HGｺﾞｼｯｸM" panose="020B0609000000000000" pitchFamily="49" charset="-128"/>
              <a:ea typeface="HGｺﾞｼｯｸM" panose="020B0609000000000000" pitchFamily="49" charset="-128"/>
            </a:rPr>
            <a:t>）の算定要件を満たすことになる。</a:t>
          </a:r>
        </a:p>
      </xdr:txBody>
    </xdr:sp>
    <xdr:clientData/>
  </xdr:twoCellAnchor>
  <xdr:twoCellAnchor>
    <xdr:from>
      <xdr:col>8</xdr:col>
      <xdr:colOff>228600</xdr:colOff>
      <xdr:row>30</xdr:row>
      <xdr:rowOff>152399</xdr:rowOff>
    </xdr:from>
    <xdr:to>
      <xdr:col>8</xdr:col>
      <xdr:colOff>1257300</xdr:colOff>
      <xdr:row>31</xdr:row>
      <xdr:rowOff>247649</xdr:rowOff>
    </xdr:to>
    <xdr:sp macro="" textlink="">
      <xdr:nvSpPr>
        <xdr:cNvPr id="5" name="下矢印 6">
          <a:extLst>
            <a:ext uri="{FF2B5EF4-FFF2-40B4-BE49-F238E27FC236}">
              <a16:creationId xmlns:a16="http://schemas.microsoft.com/office/drawing/2014/main" id="{00000000-0008-0000-7B00-000005000000}"/>
            </a:ext>
          </a:extLst>
        </xdr:cNvPr>
        <xdr:cNvSpPr/>
      </xdr:nvSpPr>
      <xdr:spPr>
        <a:xfrm>
          <a:off x="6524625" y="9801224"/>
          <a:ext cx="1028700" cy="390525"/>
        </a:xfrm>
        <a:prstGeom prst="downArrow">
          <a:avLst/>
        </a:prstGeom>
        <a:solidFill>
          <a:schemeClr val="bg1">
            <a:lumMod val="9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drawings/drawing31.xml><?xml version="1.0" encoding="utf-8"?>
<xdr:wsDr xmlns:xdr="http://schemas.openxmlformats.org/drawingml/2006/spreadsheetDrawing" xmlns:a="http://schemas.openxmlformats.org/drawingml/2006/main">
  <xdr:twoCellAnchor>
    <xdr:from>
      <xdr:col>1</xdr:col>
      <xdr:colOff>380999</xdr:colOff>
      <xdr:row>13</xdr:row>
      <xdr:rowOff>116416</xdr:rowOff>
    </xdr:from>
    <xdr:to>
      <xdr:col>4</xdr:col>
      <xdr:colOff>2349500</xdr:colOff>
      <xdr:row>13</xdr:row>
      <xdr:rowOff>1016000</xdr:rowOff>
    </xdr:to>
    <xdr:sp macro="" textlink="">
      <xdr:nvSpPr>
        <xdr:cNvPr id="2" name="大かっこ 1">
          <a:extLst>
            <a:ext uri="{FF2B5EF4-FFF2-40B4-BE49-F238E27FC236}">
              <a16:creationId xmlns:a16="http://schemas.microsoft.com/office/drawing/2014/main" id="{00000000-0008-0000-5D00-000002000000}"/>
            </a:ext>
          </a:extLst>
        </xdr:cNvPr>
        <xdr:cNvSpPr/>
      </xdr:nvSpPr>
      <xdr:spPr>
        <a:xfrm>
          <a:off x="1066799" y="2345266"/>
          <a:ext cx="2359026" cy="51859"/>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ctr"/>
        <a:lstStyle/>
        <a:p>
          <a:pPr algn="l">
            <a:lnSpc>
              <a:spcPts val="1300"/>
            </a:lnSpc>
          </a:pPr>
          <a:r>
            <a:rPr kumimoji="1" lang="ja-JP" altLang="en-US" sz="1100">
              <a:latin typeface="+mn-ea"/>
              <a:ea typeface="+mn-ea"/>
            </a:rPr>
            <a:t>①：社会福祉士</a:t>
          </a:r>
          <a:endParaRPr kumimoji="1" lang="en-US" altLang="ja-JP" sz="1100">
            <a:latin typeface="+mn-ea"/>
            <a:ea typeface="+mn-ea"/>
          </a:endParaRPr>
        </a:p>
        <a:p>
          <a:pPr algn="l"/>
          <a:r>
            <a:rPr kumimoji="1" lang="ja-JP" altLang="en-US" sz="1100">
              <a:latin typeface="+mn-ea"/>
              <a:ea typeface="+mn-ea"/>
            </a:rPr>
            <a:t>②：５年以上障害福祉サービス、相談支援、障害児通所支援、障害児入所支援若しくは</a:t>
          </a:r>
          <a:endParaRPr kumimoji="1" lang="en-US" altLang="ja-JP" sz="1100">
            <a:latin typeface="+mn-ea"/>
            <a:ea typeface="+mn-ea"/>
          </a:endParaRPr>
        </a:p>
        <a:p>
          <a:pPr algn="l">
            <a:lnSpc>
              <a:spcPts val="1300"/>
            </a:lnSpc>
          </a:pPr>
          <a:r>
            <a:rPr kumimoji="1" lang="ja-JP" altLang="en-US" sz="1100">
              <a:latin typeface="+mn-ea"/>
              <a:ea typeface="+mn-ea"/>
            </a:rPr>
            <a:t>　　障害児相談支援に係る業務に従事した者</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1</xdr:col>
      <xdr:colOff>0</xdr:colOff>
      <xdr:row>44</xdr:row>
      <xdr:rowOff>0</xdr:rowOff>
    </xdr:from>
    <xdr:to>
      <xdr:col>11</xdr:col>
      <xdr:colOff>0</xdr:colOff>
      <xdr:row>44</xdr:row>
      <xdr:rowOff>0</xdr:rowOff>
    </xdr:to>
    <xdr:sp macro="" textlink="">
      <xdr:nvSpPr>
        <xdr:cNvPr id="2" name="Line 1">
          <a:extLst>
            <a:ext uri="{FF2B5EF4-FFF2-40B4-BE49-F238E27FC236}">
              <a16:creationId xmlns:a16="http://schemas.microsoft.com/office/drawing/2014/main" id="{E26DB6CF-7CBC-42C9-8F7E-7D5E1B455570}"/>
            </a:ext>
          </a:extLst>
        </xdr:cNvPr>
        <xdr:cNvSpPr>
          <a:spLocks noChangeShapeType="1"/>
        </xdr:cNvSpPr>
      </xdr:nvSpPr>
      <xdr:spPr bwMode="auto">
        <a:xfrm>
          <a:off x="4259580" y="1062228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19050</xdr:colOff>
      <xdr:row>39</xdr:row>
      <xdr:rowOff>171450</xdr:rowOff>
    </xdr:from>
    <xdr:to>
      <xdr:col>17</xdr:col>
      <xdr:colOff>285750</xdr:colOff>
      <xdr:row>39</xdr:row>
      <xdr:rowOff>171450</xdr:rowOff>
    </xdr:to>
    <xdr:sp macro="" textlink="">
      <xdr:nvSpPr>
        <xdr:cNvPr id="3" name="Line 2">
          <a:extLst>
            <a:ext uri="{FF2B5EF4-FFF2-40B4-BE49-F238E27FC236}">
              <a16:creationId xmlns:a16="http://schemas.microsoft.com/office/drawing/2014/main" id="{92FFC211-E497-46C5-B360-1F68E7286B8C}"/>
            </a:ext>
          </a:extLst>
        </xdr:cNvPr>
        <xdr:cNvSpPr>
          <a:spLocks noChangeShapeType="1"/>
        </xdr:cNvSpPr>
      </xdr:nvSpPr>
      <xdr:spPr bwMode="auto">
        <a:xfrm>
          <a:off x="6381750" y="786003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28575</xdr:colOff>
      <xdr:row>40</xdr:row>
      <xdr:rowOff>171450</xdr:rowOff>
    </xdr:from>
    <xdr:to>
      <xdr:col>17</xdr:col>
      <xdr:colOff>295275</xdr:colOff>
      <xdr:row>40</xdr:row>
      <xdr:rowOff>171450</xdr:rowOff>
    </xdr:to>
    <xdr:sp macro="" textlink="">
      <xdr:nvSpPr>
        <xdr:cNvPr id="4" name="Line 3">
          <a:extLst>
            <a:ext uri="{FF2B5EF4-FFF2-40B4-BE49-F238E27FC236}">
              <a16:creationId xmlns:a16="http://schemas.microsoft.com/office/drawing/2014/main" id="{F3B36A13-0D06-4A4F-A798-922C53954FC8}"/>
            </a:ext>
          </a:extLst>
        </xdr:cNvPr>
        <xdr:cNvSpPr>
          <a:spLocks noChangeShapeType="1"/>
        </xdr:cNvSpPr>
      </xdr:nvSpPr>
      <xdr:spPr bwMode="auto">
        <a:xfrm>
          <a:off x="6391275" y="8545830"/>
          <a:ext cx="2667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41</xdr:row>
      <xdr:rowOff>200025</xdr:rowOff>
    </xdr:from>
    <xdr:to>
      <xdr:col>17</xdr:col>
      <xdr:colOff>295275</xdr:colOff>
      <xdr:row>41</xdr:row>
      <xdr:rowOff>200025</xdr:rowOff>
    </xdr:to>
    <xdr:sp macro="" textlink="">
      <xdr:nvSpPr>
        <xdr:cNvPr id="5" name="Line 6">
          <a:extLst>
            <a:ext uri="{FF2B5EF4-FFF2-40B4-BE49-F238E27FC236}">
              <a16:creationId xmlns:a16="http://schemas.microsoft.com/office/drawing/2014/main" id="{AC14F6BE-49F2-44DF-A1F3-5D5DEF804DE1}"/>
            </a:ext>
          </a:extLst>
        </xdr:cNvPr>
        <xdr:cNvSpPr>
          <a:spLocks noChangeShapeType="1"/>
        </xdr:cNvSpPr>
      </xdr:nvSpPr>
      <xdr:spPr bwMode="auto">
        <a:xfrm>
          <a:off x="6362700" y="9260205"/>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17</xdr:col>
      <xdr:colOff>0</xdr:colOff>
      <xdr:row>42</xdr:row>
      <xdr:rowOff>261937</xdr:rowOff>
    </xdr:from>
    <xdr:to>
      <xdr:col>17</xdr:col>
      <xdr:colOff>295275</xdr:colOff>
      <xdr:row>42</xdr:row>
      <xdr:rowOff>261937</xdr:rowOff>
    </xdr:to>
    <xdr:sp macro="" textlink="">
      <xdr:nvSpPr>
        <xdr:cNvPr id="6" name="Line 6">
          <a:extLst>
            <a:ext uri="{FF2B5EF4-FFF2-40B4-BE49-F238E27FC236}">
              <a16:creationId xmlns:a16="http://schemas.microsoft.com/office/drawing/2014/main" id="{B7107D77-6703-4360-81C9-113A3D82225D}"/>
            </a:ext>
          </a:extLst>
        </xdr:cNvPr>
        <xdr:cNvSpPr>
          <a:spLocks noChangeShapeType="1"/>
        </xdr:cNvSpPr>
      </xdr:nvSpPr>
      <xdr:spPr bwMode="auto">
        <a:xfrm>
          <a:off x="6362700" y="10007917"/>
          <a:ext cx="29527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29</xdr:col>
      <xdr:colOff>66675</xdr:colOff>
      <xdr:row>0</xdr:row>
      <xdr:rowOff>76200</xdr:rowOff>
    </xdr:from>
    <xdr:to>
      <xdr:col>34</xdr:col>
      <xdr:colOff>142875</xdr:colOff>
      <xdr:row>2</xdr:row>
      <xdr:rowOff>0</xdr:rowOff>
    </xdr:to>
    <xdr:sp macro="" textlink="">
      <xdr:nvSpPr>
        <xdr:cNvPr id="2" name="Rectangle 1">
          <a:extLst>
            <a:ext uri="{FF2B5EF4-FFF2-40B4-BE49-F238E27FC236}">
              <a16:creationId xmlns:a16="http://schemas.microsoft.com/office/drawing/2014/main" id="{00000000-0008-0000-0C00-000002000000}"/>
            </a:ext>
          </a:extLst>
        </xdr:cNvPr>
        <xdr:cNvSpPr>
          <a:spLocks noChangeArrowheads="1"/>
        </xdr:cNvSpPr>
      </xdr:nvSpPr>
      <xdr:spPr bwMode="auto">
        <a:xfrm>
          <a:off x="5867400" y="76200"/>
          <a:ext cx="1076325" cy="457200"/>
        </a:xfrm>
        <a:prstGeom prst="rect">
          <a:avLst/>
        </a:prstGeom>
        <a:noFill/>
        <a:ln w="9525">
          <a:noFill/>
          <a:miter lim="800000"/>
          <a:headEnd/>
          <a:tailEnd/>
        </a:ln>
      </xdr:spPr>
      <xdr:txBody>
        <a:bodyPr vertOverflow="clip" wrap="square" lIns="45720" tIns="27432" rIns="0" bIns="0" anchor="t" upright="1"/>
        <a:lstStyle/>
        <a:p>
          <a:pPr algn="l" rtl="0">
            <a:defRPr sz="1000"/>
          </a:pPr>
          <a:r>
            <a:rPr lang="ja-JP" altLang="en-US" sz="2000" b="0" i="0" u="none" strike="noStrike" baseline="0">
              <a:solidFill>
                <a:srgbClr val="000000"/>
              </a:solidFill>
              <a:latin typeface="ＭＳ Ｐゴシック"/>
              <a:ea typeface="ＭＳ Ｐゴシック"/>
            </a:rPr>
            <a:t>記載例</a:t>
          </a:r>
        </a:p>
      </xdr:txBody>
    </xdr:sp>
    <xdr:clientData/>
  </xdr:twoCellAnchor>
  <xdr:twoCellAnchor>
    <xdr:from>
      <xdr:col>29</xdr:col>
      <xdr:colOff>123825</xdr:colOff>
      <xdr:row>6</xdr:row>
      <xdr:rowOff>38100</xdr:rowOff>
    </xdr:from>
    <xdr:to>
      <xdr:col>32</xdr:col>
      <xdr:colOff>133350</xdr:colOff>
      <xdr:row>6</xdr:row>
      <xdr:rowOff>228600</xdr:rowOff>
    </xdr:to>
    <xdr:sp macro="" textlink="">
      <xdr:nvSpPr>
        <xdr:cNvPr id="3" name="円/楕円 2">
          <a:extLst>
            <a:ext uri="{FF2B5EF4-FFF2-40B4-BE49-F238E27FC236}">
              <a16:creationId xmlns:a16="http://schemas.microsoft.com/office/drawing/2014/main" id="{00000000-0008-0000-0C00-000003000000}"/>
            </a:ext>
          </a:extLst>
        </xdr:cNvPr>
        <xdr:cNvSpPr/>
      </xdr:nvSpPr>
      <xdr:spPr>
        <a:xfrm>
          <a:off x="5924550" y="1638300"/>
          <a:ext cx="609600" cy="190500"/>
        </a:xfrm>
        <a:prstGeom prst="ellipse">
          <a:avLst/>
        </a:prstGeom>
        <a:noFill/>
        <a:ln w="158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5</xdr:col>
      <xdr:colOff>123825</xdr:colOff>
      <xdr:row>6</xdr:row>
      <xdr:rowOff>134408</xdr:rowOff>
    </xdr:from>
    <xdr:to>
      <xdr:col>5</xdr:col>
      <xdr:colOff>1452033</xdr:colOff>
      <xdr:row>9</xdr:row>
      <xdr:rowOff>0</xdr:rowOff>
    </xdr:to>
    <xdr:sp macro="" textlink="">
      <xdr:nvSpPr>
        <xdr:cNvPr id="1025" name="AutoShape 1">
          <a:extLst>
            <a:ext uri="{FF2B5EF4-FFF2-40B4-BE49-F238E27FC236}">
              <a16:creationId xmlns:a16="http://schemas.microsoft.com/office/drawing/2014/main" id="{00000000-0008-0000-0E00-000001040000}"/>
            </a:ext>
          </a:extLst>
        </xdr:cNvPr>
        <xdr:cNvSpPr>
          <a:spLocks noChangeArrowheads="1"/>
        </xdr:cNvSpPr>
      </xdr:nvSpPr>
      <xdr:spPr bwMode="auto">
        <a:xfrm>
          <a:off x="5034492" y="2790825"/>
          <a:ext cx="1328208" cy="775758"/>
        </a:xfrm>
        <a:prstGeom prst="wedgeRectCallout">
          <a:avLst>
            <a:gd name="adj1" fmla="val -73870"/>
            <a:gd name="adj2" fmla="val -27333"/>
          </a:avLst>
        </a:prstGeom>
        <a:solidFill>
          <a:srgbClr val="FFFFFF"/>
        </a:solidFill>
        <a:ln w="9525">
          <a:solidFill>
            <a:srgbClr val="000000"/>
          </a:solidFill>
          <a:miter lim="800000"/>
          <a:headEnd/>
          <a:tailEnd/>
        </a:ln>
      </xdr:spPr>
      <xdr:txBody>
        <a:bodyPr vertOverflow="clip" wrap="square" lIns="36000" tIns="36000" rIns="36000" bIns="36000" anchor="t"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施設入所支援の時間帯をとおした体制を記載（延べ人数ではない）</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5</xdr:col>
      <xdr:colOff>457199</xdr:colOff>
      <xdr:row>14</xdr:row>
      <xdr:rowOff>152400</xdr:rowOff>
    </xdr:from>
    <xdr:to>
      <xdr:col>5</xdr:col>
      <xdr:colOff>600075</xdr:colOff>
      <xdr:row>15</xdr:row>
      <xdr:rowOff>171450</xdr:rowOff>
    </xdr:to>
    <xdr:sp macro="" textlink="">
      <xdr:nvSpPr>
        <xdr:cNvPr id="2" name="右中かっこ 1">
          <a:extLst>
            <a:ext uri="{FF2B5EF4-FFF2-40B4-BE49-F238E27FC236}">
              <a16:creationId xmlns:a16="http://schemas.microsoft.com/office/drawing/2014/main" id="{82E5B824-A560-4148-834D-F5CE2FF54F44}"/>
            </a:ext>
          </a:extLst>
        </xdr:cNvPr>
        <xdr:cNvSpPr>
          <a:spLocks/>
        </xdr:cNvSpPr>
      </xdr:nvSpPr>
      <xdr:spPr bwMode="auto">
        <a:xfrm>
          <a:off x="4975859" y="4937760"/>
          <a:ext cx="142876" cy="590550"/>
        </a:xfrm>
        <a:prstGeom prst="rightBrace">
          <a:avLst>
            <a:gd name="adj1" fmla="val 41154"/>
            <a:gd name="adj2" fmla="val 50000"/>
          </a:avLst>
        </a:prstGeom>
        <a:solidFill>
          <a:srgbClr xmlns:mc="http://schemas.openxmlformats.org/markup-compatibility/2006" xmlns:a14="http://schemas.microsoft.com/office/drawing/2010/main" val="FFFFFF" mc:Ignorable="a14" a14:legacySpreadsheetColorIndex="9"/>
        </a:solidFill>
        <a:ln w="9525" algn="ctr">
          <a:solidFill>
            <a:srgbClr xmlns:mc="http://schemas.openxmlformats.org/markup-compatibility/2006" xmlns:a14="http://schemas.microsoft.com/office/drawing/2010/main" val="000000" mc:Ignorable="a14" a14:legacySpreadsheetColorIndex="64"/>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552263</xdr:colOff>
      <xdr:row>14</xdr:row>
      <xdr:rowOff>306043</xdr:rowOff>
    </xdr:from>
    <xdr:to>
      <xdr:col>7</xdr:col>
      <xdr:colOff>108497</xdr:colOff>
      <xdr:row>15</xdr:row>
      <xdr:rowOff>1556</xdr:rowOff>
    </xdr:to>
    <xdr:sp macro="" textlink="">
      <xdr:nvSpPr>
        <xdr:cNvPr id="3" name="テキスト ボックス 2">
          <a:extLst>
            <a:ext uri="{FF2B5EF4-FFF2-40B4-BE49-F238E27FC236}">
              <a16:creationId xmlns:a16="http://schemas.microsoft.com/office/drawing/2014/main" id="{9C68FA2C-3A7F-4442-8F98-B93FCC8BD813}"/>
            </a:ext>
          </a:extLst>
        </xdr:cNvPr>
        <xdr:cNvSpPr txBox="1"/>
      </xdr:nvSpPr>
      <xdr:spPr>
        <a:xfrm>
          <a:off x="5070923" y="5091403"/>
          <a:ext cx="1095474" cy="26701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 合計</a:t>
          </a:r>
          <a:r>
            <a:rPr kumimoji="1" lang="en-US" altLang="ja-JP" sz="1000"/>
            <a:t>1</a:t>
          </a:r>
          <a:r>
            <a:rPr kumimoji="1" lang="ja-JP" altLang="en-US" sz="1000"/>
            <a:t>人以上</a:t>
          </a:r>
        </a:p>
      </xdr:txBody>
    </xdr:sp>
    <xdr:clientData/>
  </xdr:twoCellAnchor>
  <xdr:twoCellAnchor>
    <xdr:from>
      <xdr:col>3</xdr:col>
      <xdr:colOff>769620</xdr:colOff>
      <xdr:row>16</xdr:row>
      <xdr:rowOff>0</xdr:rowOff>
    </xdr:from>
    <xdr:to>
      <xdr:col>6</xdr:col>
      <xdr:colOff>7620</xdr:colOff>
      <xdr:row>17</xdr:row>
      <xdr:rowOff>487680</xdr:rowOff>
    </xdr:to>
    <xdr:sp macro="" textlink="">
      <xdr:nvSpPr>
        <xdr:cNvPr id="4" name="フリーフォーム 10">
          <a:extLst>
            <a:ext uri="{FF2B5EF4-FFF2-40B4-BE49-F238E27FC236}">
              <a16:creationId xmlns:a16="http://schemas.microsoft.com/office/drawing/2014/main" id="{54429F9D-319F-424D-8996-7FAD4239BE17}"/>
            </a:ext>
          </a:extLst>
        </xdr:cNvPr>
        <xdr:cNvSpPr>
          <a:spLocks/>
        </xdr:cNvSpPr>
      </xdr:nvSpPr>
      <xdr:spPr bwMode="auto">
        <a:xfrm>
          <a:off x="3749040" y="5928360"/>
          <a:ext cx="1546860" cy="754380"/>
        </a:xfrm>
        <a:custGeom>
          <a:avLst/>
          <a:gdLst>
            <a:gd name="T0" fmla="*/ 0 w 2152650"/>
            <a:gd name="T1" fmla="*/ 0 h 752475"/>
            <a:gd name="T2" fmla="*/ 0 w 2152650"/>
            <a:gd name="T3" fmla="*/ 143237 h 752475"/>
            <a:gd name="T4" fmla="*/ 107719 w 2152650"/>
            <a:gd name="T5" fmla="*/ 143237 h 752475"/>
            <a:gd name="T6" fmla="*/ 107719 w 2152650"/>
            <a:gd name="T7" fmla="*/ 754380 h 752475"/>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52650" h="752475">
              <a:moveTo>
                <a:pt x="0" y="0"/>
              </a:moveTo>
              <a:lnTo>
                <a:pt x="0" y="142875"/>
              </a:lnTo>
              <a:lnTo>
                <a:pt x="2152650" y="142875"/>
              </a:lnTo>
              <a:lnTo>
                <a:pt x="2152650" y="752475"/>
              </a:lnTo>
            </a:path>
          </a:pathLst>
        </a:custGeom>
        <a:no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arrow"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8.xml><?xml version="1.0" encoding="utf-8"?>
<xdr:wsDr xmlns:xdr="http://schemas.openxmlformats.org/drawingml/2006/spreadsheetDrawing" xmlns:a="http://schemas.openxmlformats.org/drawingml/2006/main">
  <xdr:twoCellAnchor>
    <xdr:from>
      <xdr:col>8</xdr:col>
      <xdr:colOff>95250</xdr:colOff>
      <xdr:row>0</xdr:row>
      <xdr:rowOff>9525</xdr:rowOff>
    </xdr:from>
    <xdr:to>
      <xdr:col>9</xdr:col>
      <xdr:colOff>209550</xdr:colOff>
      <xdr:row>1</xdr:row>
      <xdr:rowOff>28575</xdr:rowOff>
    </xdr:to>
    <xdr:sp macro="" textlink="">
      <xdr:nvSpPr>
        <xdr:cNvPr id="4" name="Rectangle 1">
          <a:extLst>
            <a:ext uri="{FF2B5EF4-FFF2-40B4-BE49-F238E27FC236}">
              <a16:creationId xmlns:a16="http://schemas.microsoft.com/office/drawing/2014/main" id="{00000000-0008-0000-1200-000004000000}"/>
            </a:ext>
          </a:extLst>
        </xdr:cNvPr>
        <xdr:cNvSpPr>
          <a:spLocks noChangeArrowheads="1"/>
        </xdr:cNvSpPr>
      </xdr:nvSpPr>
      <xdr:spPr bwMode="auto">
        <a:xfrm>
          <a:off x="6562725" y="9525"/>
          <a:ext cx="1076325" cy="381000"/>
        </a:xfrm>
        <a:prstGeom prst="rect">
          <a:avLst/>
        </a:prstGeom>
        <a:noFill/>
        <a:ln w="9525">
          <a:noFill/>
          <a:miter lim="800000"/>
          <a:headEnd/>
          <a:tailEnd/>
        </a:ln>
      </xdr:spPr>
      <xdr:txBody>
        <a:bodyPr vertOverflow="clip" wrap="square" lIns="45720" tIns="27432" rIns="0" bIns="0" anchor="t" upright="1"/>
        <a:lstStyle/>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rPr>
            <a:t>記載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7</xdr:col>
      <xdr:colOff>181535</xdr:colOff>
      <xdr:row>12</xdr:row>
      <xdr:rowOff>262776</xdr:rowOff>
    </xdr:from>
    <xdr:to>
      <xdr:col>8</xdr:col>
      <xdr:colOff>897590</xdr:colOff>
      <xdr:row>14</xdr:row>
      <xdr:rowOff>260535</xdr:rowOff>
    </xdr:to>
    <xdr:sp macro="" textlink="">
      <xdr:nvSpPr>
        <xdr:cNvPr id="2" name="正方形/長方形 1">
          <a:extLst>
            <a:ext uri="{FF2B5EF4-FFF2-40B4-BE49-F238E27FC236}">
              <a16:creationId xmlns:a16="http://schemas.microsoft.com/office/drawing/2014/main" id="{00000000-0008-0000-1300-000002000000}"/>
            </a:ext>
          </a:extLst>
        </xdr:cNvPr>
        <xdr:cNvSpPr/>
      </xdr:nvSpPr>
      <xdr:spPr>
        <a:xfrm>
          <a:off x="5686985" y="4368051"/>
          <a:ext cx="1678080" cy="759759"/>
        </a:xfrm>
        <a:prstGeom prst="rect">
          <a:avLst/>
        </a:prstGeom>
        <a:solidFill>
          <a:srgbClr val="CCFFFF"/>
        </a:solidFill>
        <a:ln w="22225">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nchorCtr="0"/>
        <a:lstStyle/>
        <a:p>
          <a:pPr>
            <a:lnSpc>
              <a:spcPts val="1200"/>
            </a:lnSpc>
          </a:pPr>
          <a:r>
            <a:rPr kumimoji="1" lang="ja-JP" altLang="en-US" sz="1000">
              <a:solidFill>
                <a:schemeClr val="tx1"/>
              </a:solidFill>
            </a:rPr>
            <a:t>各従事者がどういう勤務形態かではなく、事業所がどういう勤務形態かを記載。</a:t>
          </a:r>
        </a:p>
      </xdr:txBody>
    </xdr:sp>
    <xdr:clientData/>
  </xdr:twoCellAnchor>
  <xdr:twoCellAnchor>
    <xdr:from>
      <xdr:col>8</xdr:col>
      <xdr:colOff>105334</xdr:colOff>
      <xdr:row>11</xdr:row>
      <xdr:rowOff>112057</xdr:rowOff>
    </xdr:from>
    <xdr:to>
      <xdr:col>8</xdr:col>
      <xdr:colOff>935691</xdr:colOff>
      <xdr:row>11</xdr:row>
      <xdr:rowOff>549088</xdr:rowOff>
    </xdr:to>
    <xdr:sp macro="" textlink="">
      <xdr:nvSpPr>
        <xdr:cNvPr id="3" name="円/楕円 2">
          <a:extLst>
            <a:ext uri="{FF2B5EF4-FFF2-40B4-BE49-F238E27FC236}">
              <a16:creationId xmlns:a16="http://schemas.microsoft.com/office/drawing/2014/main" id="{00000000-0008-0000-1300-000003000000}"/>
            </a:ext>
          </a:extLst>
        </xdr:cNvPr>
        <xdr:cNvSpPr/>
      </xdr:nvSpPr>
      <xdr:spPr>
        <a:xfrm>
          <a:off x="6572809" y="3588682"/>
          <a:ext cx="830357" cy="437031"/>
        </a:xfrm>
        <a:prstGeom prst="ellipse">
          <a:avLst/>
        </a:prstGeom>
        <a:noFill/>
        <a:ln w="1905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8</xdr:col>
      <xdr:colOff>57710</xdr:colOff>
      <xdr:row>11</xdr:row>
      <xdr:rowOff>549088</xdr:rowOff>
    </xdr:from>
    <xdr:to>
      <xdr:col>8</xdr:col>
      <xdr:colOff>520513</xdr:colOff>
      <xdr:row>12</xdr:row>
      <xdr:rowOff>262776</xdr:rowOff>
    </xdr:to>
    <xdr:cxnSp macro="">
      <xdr:nvCxnSpPr>
        <xdr:cNvPr id="4" name="直線矢印コネクタ 3">
          <a:extLst>
            <a:ext uri="{FF2B5EF4-FFF2-40B4-BE49-F238E27FC236}">
              <a16:creationId xmlns:a16="http://schemas.microsoft.com/office/drawing/2014/main" id="{00000000-0008-0000-1300-000004000000}"/>
            </a:ext>
          </a:extLst>
        </xdr:cNvPr>
        <xdr:cNvCxnSpPr>
          <a:stCxn id="2" idx="0"/>
          <a:endCxn id="3" idx="4"/>
        </xdr:cNvCxnSpPr>
      </xdr:nvCxnSpPr>
      <xdr:spPr>
        <a:xfrm flipV="1">
          <a:off x="6525185" y="4025713"/>
          <a:ext cx="462803" cy="342338"/>
        </a:xfrm>
        <a:prstGeom prst="straightConnector1">
          <a:avLst/>
        </a:prstGeom>
        <a:ln w="15875">
          <a:solidFill>
            <a:srgbClr val="0000FF"/>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2560</xdr:colOff>
      <xdr:row>6</xdr:row>
      <xdr:rowOff>112059</xdr:rowOff>
    </xdr:from>
    <xdr:to>
      <xdr:col>7</xdr:col>
      <xdr:colOff>881904</xdr:colOff>
      <xdr:row>8</xdr:row>
      <xdr:rowOff>140634</xdr:rowOff>
    </xdr:to>
    <xdr:sp macro="" textlink="">
      <xdr:nvSpPr>
        <xdr:cNvPr id="5" name="正方形/長方形 4">
          <a:extLst>
            <a:ext uri="{FF2B5EF4-FFF2-40B4-BE49-F238E27FC236}">
              <a16:creationId xmlns:a16="http://schemas.microsoft.com/office/drawing/2014/main" id="{00000000-0008-0000-1300-000005000000}"/>
            </a:ext>
          </a:extLst>
        </xdr:cNvPr>
        <xdr:cNvSpPr/>
      </xdr:nvSpPr>
      <xdr:spPr>
        <a:xfrm>
          <a:off x="3883960" y="1683684"/>
          <a:ext cx="2503394" cy="790575"/>
        </a:xfrm>
        <a:prstGeom prst="rect">
          <a:avLst/>
        </a:prstGeom>
        <a:solidFill>
          <a:srgbClr val="FFFF00"/>
        </a:solidFill>
        <a:ln w="22225">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nchorCtr="0"/>
        <a:lstStyle/>
        <a:p>
          <a:pPr>
            <a:lnSpc>
              <a:spcPts val="1100"/>
            </a:lnSpc>
          </a:pPr>
          <a:r>
            <a:rPr kumimoji="1" lang="ja-JP" altLang="en-US" sz="1000">
              <a:solidFill>
                <a:schemeClr val="tx1"/>
              </a:solidFill>
              <a:effectLst/>
              <a:latin typeface="+mn-lt"/>
              <a:ea typeface="+mn-ea"/>
              <a:cs typeface="+mn-cs"/>
            </a:rPr>
            <a:t>特定の</a:t>
          </a:r>
          <a:r>
            <a:rPr kumimoji="1" lang="ja-JP" altLang="ja-JP" sz="1000">
              <a:solidFill>
                <a:schemeClr val="tx1"/>
              </a:solidFill>
              <a:effectLst/>
              <a:latin typeface="+mn-lt"/>
              <a:ea typeface="+mn-ea"/>
              <a:cs typeface="+mn-cs"/>
            </a:rPr>
            <a:t>個人</a:t>
          </a:r>
          <a:r>
            <a:rPr kumimoji="1" lang="ja-JP" altLang="en-US" sz="1000">
              <a:solidFill>
                <a:schemeClr val="tx1"/>
              </a:solidFill>
              <a:effectLst/>
              <a:latin typeface="+mn-lt"/>
              <a:ea typeface="+mn-ea"/>
              <a:cs typeface="+mn-cs"/>
            </a:rPr>
            <a:t>を指すのではなく、別々の日に異なる者が支援を行うといったように、従事者</a:t>
          </a:r>
          <a:r>
            <a:rPr kumimoji="1" lang="ja-JP" altLang="ja-JP" sz="1000">
              <a:solidFill>
                <a:schemeClr val="tx1"/>
              </a:solidFill>
              <a:effectLst/>
              <a:latin typeface="+mn-lt"/>
              <a:ea typeface="+mn-ea"/>
              <a:cs typeface="+mn-cs"/>
            </a:rPr>
            <a:t>①が複数</a:t>
          </a:r>
          <a:r>
            <a:rPr kumimoji="1" lang="ja-JP" altLang="en-US" sz="1000">
              <a:solidFill>
                <a:schemeClr val="tx1"/>
              </a:solidFill>
              <a:effectLst/>
              <a:latin typeface="+mn-lt"/>
              <a:ea typeface="+mn-ea"/>
              <a:cs typeface="+mn-cs"/>
            </a:rPr>
            <a:t>の個人である場合</a:t>
          </a:r>
          <a:r>
            <a:rPr kumimoji="1" lang="ja-JP" altLang="ja-JP" sz="1000">
              <a:solidFill>
                <a:schemeClr val="tx1"/>
              </a:solidFill>
              <a:effectLst/>
              <a:latin typeface="+mn-lt"/>
              <a:ea typeface="+mn-ea"/>
              <a:cs typeface="+mn-cs"/>
            </a:rPr>
            <a:t>も</a:t>
          </a:r>
          <a:r>
            <a:rPr kumimoji="1" lang="ja-JP" altLang="en-US" sz="1000">
              <a:solidFill>
                <a:schemeClr val="tx1"/>
              </a:solidFill>
              <a:effectLst/>
              <a:latin typeface="+mn-lt"/>
              <a:ea typeface="+mn-ea"/>
              <a:cs typeface="+mn-cs"/>
            </a:rPr>
            <a:t>ある</a:t>
          </a:r>
          <a:r>
            <a:rPr kumimoji="1" lang="ja-JP" altLang="ja-JP" sz="1000">
              <a:solidFill>
                <a:schemeClr val="tx1"/>
              </a:solidFill>
              <a:effectLst/>
              <a:latin typeface="+mn-lt"/>
              <a:ea typeface="+mn-ea"/>
              <a:cs typeface="+mn-cs"/>
            </a:rPr>
            <a:t>。</a:t>
          </a:r>
          <a:endParaRPr lang="ja-JP" altLang="ja-JP" sz="900">
            <a:solidFill>
              <a:schemeClr val="tx1"/>
            </a:solidFill>
            <a:effectLst/>
          </a:endParaRPr>
        </a:p>
      </xdr:txBody>
    </xdr:sp>
    <xdr:clientData/>
  </xdr:twoCellAnchor>
  <xdr:twoCellAnchor>
    <xdr:from>
      <xdr:col>4</xdr:col>
      <xdr:colOff>885265</xdr:colOff>
      <xdr:row>9</xdr:row>
      <xdr:rowOff>264461</xdr:rowOff>
    </xdr:from>
    <xdr:to>
      <xdr:col>8</xdr:col>
      <xdr:colOff>30816</xdr:colOff>
      <xdr:row>11</xdr:row>
      <xdr:rowOff>16809</xdr:rowOff>
    </xdr:to>
    <xdr:sp macro="" textlink="">
      <xdr:nvSpPr>
        <xdr:cNvPr id="6" name="円/楕円 5">
          <a:extLst>
            <a:ext uri="{FF2B5EF4-FFF2-40B4-BE49-F238E27FC236}">
              <a16:creationId xmlns:a16="http://schemas.microsoft.com/office/drawing/2014/main" id="{00000000-0008-0000-1300-000006000000}"/>
            </a:ext>
          </a:extLst>
        </xdr:cNvPr>
        <xdr:cNvSpPr/>
      </xdr:nvSpPr>
      <xdr:spPr>
        <a:xfrm>
          <a:off x="3504640" y="2979086"/>
          <a:ext cx="2993651" cy="514348"/>
        </a:xfrm>
        <a:prstGeom prst="ellipse">
          <a:avLst/>
        </a:prstGeom>
        <a:noFill/>
        <a:ln w="1905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6</xdr:col>
      <xdr:colOff>458041</xdr:colOff>
      <xdr:row>8</xdr:row>
      <xdr:rowOff>140634</xdr:rowOff>
    </xdr:from>
    <xdr:to>
      <xdr:col>6</xdr:col>
      <xdr:colOff>592232</xdr:colOff>
      <xdr:row>9</xdr:row>
      <xdr:rowOff>264461</xdr:rowOff>
    </xdr:to>
    <xdr:cxnSp macro="">
      <xdr:nvCxnSpPr>
        <xdr:cNvPr id="7" name="直線矢印コネクタ 6">
          <a:extLst>
            <a:ext uri="{FF2B5EF4-FFF2-40B4-BE49-F238E27FC236}">
              <a16:creationId xmlns:a16="http://schemas.microsoft.com/office/drawing/2014/main" id="{00000000-0008-0000-1300-000007000000}"/>
            </a:ext>
          </a:extLst>
        </xdr:cNvPr>
        <xdr:cNvCxnSpPr>
          <a:stCxn id="5" idx="2"/>
          <a:endCxn id="6" idx="0"/>
        </xdr:cNvCxnSpPr>
      </xdr:nvCxnSpPr>
      <xdr:spPr>
        <a:xfrm flipH="1">
          <a:off x="5001466" y="2474259"/>
          <a:ext cx="134191" cy="504827"/>
        </a:xfrm>
        <a:prstGeom prst="straightConnector1">
          <a:avLst/>
        </a:prstGeom>
        <a:ln w="15875">
          <a:solidFill>
            <a:srgbClr val="0000FF"/>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235323</xdr:colOff>
      <xdr:row>4</xdr:row>
      <xdr:rowOff>156882</xdr:rowOff>
    </xdr:from>
    <xdr:to>
      <xdr:col>4</xdr:col>
      <xdr:colOff>603437</xdr:colOff>
      <xdr:row>9</xdr:row>
      <xdr:rowOff>99734</xdr:rowOff>
    </xdr:to>
    <xdr:sp macro="" textlink="">
      <xdr:nvSpPr>
        <xdr:cNvPr id="8" name="正方形/長方形 7">
          <a:extLst>
            <a:ext uri="{FF2B5EF4-FFF2-40B4-BE49-F238E27FC236}">
              <a16:creationId xmlns:a16="http://schemas.microsoft.com/office/drawing/2014/main" id="{00000000-0008-0000-1300-000008000000}"/>
            </a:ext>
          </a:extLst>
        </xdr:cNvPr>
        <xdr:cNvSpPr/>
      </xdr:nvSpPr>
      <xdr:spPr>
        <a:xfrm>
          <a:off x="1425948" y="966507"/>
          <a:ext cx="1796864" cy="1847852"/>
        </a:xfrm>
        <a:prstGeom prst="rect">
          <a:avLst/>
        </a:prstGeom>
        <a:solidFill>
          <a:srgbClr val="FFFF00"/>
        </a:solidFill>
        <a:ln w="22225">
          <a:solidFill>
            <a:srgbClr val="0000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nchorCtr="0"/>
        <a:lstStyle/>
        <a:p>
          <a:pPr algn="l">
            <a:lnSpc>
              <a:spcPts val="1200"/>
            </a:lnSpc>
          </a:pPr>
          <a:r>
            <a:rPr kumimoji="1" lang="ja-JP" altLang="en-US" sz="1000">
              <a:solidFill>
                <a:schemeClr val="tx1"/>
              </a:solidFill>
            </a:rPr>
            <a:t>・「前年度の平均」を記載。</a:t>
          </a:r>
          <a:endParaRPr kumimoji="1" lang="en-US" altLang="ja-JP" sz="1000">
            <a:solidFill>
              <a:schemeClr val="tx1"/>
            </a:solidFill>
          </a:endParaRPr>
        </a:p>
        <a:p>
          <a:pPr algn="l">
            <a:lnSpc>
              <a:spcPts val="1200"/>
            </a:lnSpc>
          </a:pPr>
          <a:r>
            <a:rPr kumimoji="1" lang="ja-JP" altLang="en-US" sz="1000">
              <a:solidFill>
                <a:schemeClr val="tx1"/>
              </a:solidFill>
            </a:rPr>
            <a:t>・定員変更があれば「前年度の平均＋定員増減分の９０％」を記載。</a:t>
          </a:r>
          <a:endParaRPr kumimoji="1" lang="en-US" altLang="ja-JP" sz="1000">
            <a:solidFill>
              <a:schemeClr val="tx1"/>
            </a:solidFill>
          </a:endParaRPr>
        </a:p>
        <a:p>
          <a:pPr algn="l">
            <a:lnSpc>
              <a:spcPts val="1200"/>
            </a:lnSpc>
          </a:pPr>
          <a:r>
            <a:rPr kumimoji="1" lang="en-US" altLang="ja-JP" sz="900">
              <a:solidFill>
                <a:srgbClr val="FF0000"/>
              </a:solidFill>
            </a:rPr>
            <a:t>※</a:t>
          </a:r>
          <a:r>
            <a:rPr kumimoji="1" lang="ja-JP" altLang="en-US" sz="900">
              <a:solidFill>
                <a:srgbClr val="FF0000"/>
              </a:solidFill>
            </a:rPr>
            <a:t>この人数は、夜間支援対象利用者の人数ごとに設定されている</a:t>
          </a:r>
          <a:r>
            <a:rPr kumimoji="1" lang="ja-JP" altLang="en-US" sz="900" u="sng">
              <a:solidFill>
                <a:srgbClr val="FF0000"/>
              </a:solidFill>
            </a:rPr>
            <a:t>単位区分の選定</a:t>
          </a:r>
          <a:r>
            <a:rPr kumimoji="1" lang="ja-JP" altLang="en-US" sz="900" u="none">
              <a:solidFill>
                <a:srgbClr val="FF0000"/>
              </a:solidFill>
            </a:rPr>
            <a:t>に用いる</a:t>
          </a:r>
          <a:r>
            <a:rPr kumimoji="1" lang="ja-JP" altLang="en-US" sz="900">
              <a:solidFill>
                <a:srgbClr val="FF0000"/>
              </a:solidFill>
            </a:rPr>
            <a:t>ものであり、この人数に単位を乗じて加算額</a:t>
          </a:r>
          <a:r>
            <a:rPr kumimoji="1" lang="ja-JP" altLang="en-US" sz="900" u="none">
              <a:solidFill>
                <a:srgbClr val="FF0000"/>
              </a:solidFill>
            </a:rPr>
            <a:t>を算定するのではない</a:t>
          </a:r>
          <a:r>
            <a:rPr kumimoji="1" lang="ja-JP" altLang="en-US" sz="900">
              <a:solidFill>
                <a:srgbClr val="FF0000"/>
              </a:solidFill>
            </a:rPr>
            <a:t>。</a:t>
          </a:r>
          <a:endParaRPr kumimoji="1" lang="en-US" altLang="ja-JP" sz="900">
            <a:solidFill>
              <a:srgbClr val="FF0000"/>
            </a:solidFill>
          </a:endParaRPr>
        </a:p>
      </xdr:txBody>
    </xdr:sp>
    <xdr:clientData/>
  </xdr:twoCellAnchor>
  <xdr:twoCellAnchor>
    <xdr:from>
      <xdr:col>4</xdr:col>
      <xdr:colOff>136151</xdr:colOff>
      <xdr:row>11</xdr:row>
      <xdr:rowOff>70037</xdr:rowOff>
    </xdr:from>
    <xdr:to>
      <xdr:col>4</xdr:col>
      <xdr:colOff>873499</xdr:colOff>
      <xdr:row>11</xdr:row>
      <xdr:rowOff>571500</xdr:rowOff>
    </xdr:to>
    <xdr:sp macro="" textlink="">
      <xdr:nvSpPr>
        <xdr:cNvPr id="9" name="円/楕円 8">
          <a:extLst>
            <a:ext uri="{FF2B5EF4-FFF2-40B4-BE49-F238E27FC236}">
              <a16:creationId xmlns:a16="http://schemas.microsoft.com/office/drawing/2014/main" id="{00000000-0008-0000-1300-000009000000}"/>
            </a:ext>
          </a:extLst>
        </xdr:cNvPr>
        <xdr:cNvSpPr/>
      </xdr:nvSpPr>
      <xdr:spPr>
        <a:xfrm>
          <a:off x="2755526" y="3546662"/>
          <a:ext cx="737348" cy="501463"/>
        </a:xfrm>
        <a:prstGeom prst="ellipse">
          <a:avLst/>
        </a:prstGeom>
        <a:noFill/>
        <a:ln w="1905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3</xdr:col>
      <xdr:colOff>1136557</xdr:colOff>
      <xdr:row>9</xdr:row>
      <xdr:rowOff>99734</xdr:rowOff>
    </xdr:from>
    <xdr:to>
      <xdr:col>4</xdr:col>
      <xdr:colOff>504825</xdr:colOff>
      <xdr:row>11</xdr:row>
      <xdr:rowOff>70037</xdr:rowOff>
    </xdr:to>
    <xdr:cxnSp macro="">
      <xdr:nvCxnSpPr>
        <xdr:cNvPr id="10" name="直線矢印コネクタ 9">
          <a:extLst>
            <a:ext uri="{FF2B5EF4-FFF2-40B4-BE49-F238E27FC236}">
              <a16:creationId xmlns:a16="http://schemas.microsoft.com/office/drawing/2014/main" id="{00000000-0008-0000-1300-00000A000000}"/>
            </a:ext>
          </a:extLst>
        </xdr:cNvPr>
        <xdr:cNvCxnSpPr>
          <a:stCxn id="8" idx="2"/>
          <a:endCxn id="9" idx="0"/>
        </xdr:cNvCxnSpPr>
      </xdr:nvCxnSpPr>
      <xdr:spPr>
        <a:xfrm>
          <a:off x="2327182" y="2814359"/>
          <a:ext cx="797018" cy="732303"/>
        </a:xfrm>
        <a:prstGeom prst="straightConnector1">
          <a:avLst/>
        </a:prstGeom>
        <a:ln w="15875">
          <a:solidFill>
            <a:srgbClr val="0000FF"/>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323290</xdr:colOff>
      <xdr:row>11</xdr:row>
      <xdr:rowOff>89647</xdr:rowOff>
    </xdr:from>
    <xdr:to>
      <xdr:col>6</xdr:col>
      <xdr:colOff>781050</xdr:colOff>
      <xdr:row>11</xdr:row>
      <xdr:rowOff>537882</xdr:rowOff>
    </xdr:to>
    <xdr:sp macro="" textlink="">
      <xdr:nvSpPr>
        <xdr:cNvPr id="11" name="角丸四角形 10">
          <a:extLst>
            <a:ext uri="{FF2B5EF4-FFF2-40B4-BE49-F238E27FC236}">
              <a16:creationId xmlns:a16="http://schemas.microsoft.com/office/drawing/2014/main" id="{00000000-0008-0000-1300-00000B000000}"/>
            </a:ext>
          </a:extLst>
        </xdr:cNvPr>
        <xdr:cNvSpPr/>
      </xdr:nvSpPr>
      <xdr:spPr>
        <a:xfrm>
          <a:off x="2942665" y="3566272"/>
          <a:ext cx="2381810" cy="448235"/>
        </a:xfrm>
        <a:prstGeom prst="roundRect">
          <a:avLst/>
        </a:prstGeom>
        <a:solidFill>
          <a:srgbClr val="FFC000">
            <a:alpha val="28000"/>
          </a:srgbClr>
        </a:solidFill>
        <a:ln>
          <a:solidFill>
            <a:srgbClr val="F79646"/>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4</xdr:col>
      <xdr:colOff>246529</xdr:colOff>
      <xdr:row>12</xdr:row>
      <xdr:rowOff>144556</xdr:rowOff>
    </xdr:from>
    <xdr:to>
      <xdr:col>6</xdr:col>
      <xdr:colOff>825873</xdr:colOff>
      <xdr:row>15</xdr:row>
      <xdr:rowOff>277906</xdr:rowOff>
    </xdr:to>
    <xdr:sp macro="" textlink="">
      <xdr:nvSpPr>
        <xdr:cNvPr id="12" name="正方形/長方形 11">
          <a:extLst>
            <a:ext uri="{FF2B5EF4-FFF2-40B4-BE49-F238E27FC236}">
              <a16:creationId xmlns:a16="http://schemas.microsoft.com/office/drawing/2014/main" id="{00000000-0008-0000-1300-00000C000000}"/>
            </a:ext>
          </a:extLst>
        </xdr:cNvPr>
        <xdr:cNvSpPr/>
      </xdr:nvSpPr>
      <xdr:spPr>
        <a:xfrm>
          <a:off x="2865904" y="4249831"/>
          <a:ext cx="2503394" cy="1276350"/>
        </a:xfrm>
        <a:prstGeom prst="rect">
          <a:avLst/>
        </a:prstGeom>
        <a:solidFill>
          <a:srgbClr val="FFFF00"/>
        </a:solidFill>
        <a:ln w="28575">
          <a:solidFill>
            <a:srgbClr val="F79646"/>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36000" tIns="36000" rIns="36000" bIns="36000" rtlCol="0" anchor="ctr" anchorCtr="0"/>
        <a:lstStyle/>
        <a:p>
          <a:pPr marL="0" marR="0" indent="0" algn="l" defTabSz="914400" eaLnBrk="1" fontAlgn="auto" latinLnBrk="0" hangingPunct="1">
            <a:lnSpc>
              <a:spcPts val="1200"/>
            </a:lnSpc>
            <a:spcBef>
              <a:spcPts val="0"/>
            </a:spcBef>
            <a:spcAft>
              <a:spcPts val="0"/>
            </a:spcAft>
            <a:buClrTx/>
            <a:buSzTx/>
            <a:buFontTx/>
            <a:buNone/>
            <a:tabLst/>
            <a:defRPr/>
          </a:pPr>
          <a:r>
            <a:rPr kumimoji="1" lang="ja-JP" altLang="ja-JP" sz="1000">
              <a:solidFill>
                <a:sysClr val="windowText" lastClr="000000"/>
              </a:solidFill>
              <a:effectLst/>
              <a:latin typeface="+mn-lt"/>
              <a:ea typeface="+mn-ea"/>
              <a:cs typeface="+mn-cs"/>
            </a:rPr>
            <a:t>「１人の夜間支援従事者が支援を行う利用者の数（人）」</a:t>
          </a:r>
          <a:r>
            <a:rPr kumimoji="1" lang="ja-JP" altLang="en-US" sz="1000">
              <a:solidFill>
                <a:sysClr val="windowText" lastClr="000000"/>
              </a:solidFill>
              <a:effectLst/>
              <a:latin typeface="+mn-lt"/>
              <a:ea typeface="+mn-ea"/>
              <a:cs typeface="+mn-cs"/>
            </a:rPr>
            <a:t>は「夜間支援の対象者数（人）」を按分した人数である。</a:t>
          </a:r>
          <a:endParaRPr kumimoji="1" lang="en-US" altLang="ja-JP" sz="1000">
            <a:solidFill>
              <a:sysClr val="windowText" lastClr="000000"/>
            </a:solidFill>
          </a:endParaRPr>
        </a:p>
        <a:p>
          <a:pPr algn="l">
            <a:lnSpc>
              <a:spcPts val="1200"/>
            </a:lnSpc>
          </a:pPr>
          <a:r>
            <a:rPr kumimoji="1" lang="en-US" altLang="ja-JP" sz="900">
              <a:solidFill>
                <a:srgbClr val="FF0000"/>
              </a:solidFill>
            </a:rPr>
            <a:t>※</a:t>
          </a:r>
          <a:r>
            <a:rPr kumimoji="1" lang="ja-JP" altLang="en-US" sz="900">
              <a:solidFill>
                <a:srgbClr val="FF0000"/>
              </a:solidFill>
            </a:rPr>
            <a:t>　必ず「夜間支援の対象者数（人）」＝「１人の夜間支援従事者が支援を行う利用者の数（人）」となること。</a:t>
          </a:r>
        </a:p>
      </xdr:txBody>
    </xdr:sp>
    <xdr:clientData/>
  </xdr:twoCellAnchor>
  <xdr:twoCellAnchor>
    <xdr:from>
      <xdr:col>5</xdr:col>
      <xdr:colOff>536201</xdr:colOff>
      <xdr:row>11</xdr:row>
      <xdr:rowOff>537882</xdr:rowOff>
    </xdr:from>
    <xdr:to>
      <xdr:col>5</xdr:col>
      <xdr:colOff>552170</xdr:colOff>
      <xdr:row>12</xdr:row>
      <xdr:rowOff>144556</xdr:rowOff>
    </xdr:to>
    <xdr:cxnSp macro="">
      <xdr:nvCxnSpPr>
        <xdr:cNvPr id="13" name="直線矢印コネクタ 12">
          <a:extLst>
            <a:ext uri="{FF2B5EF4-FFF2-40B4-BE49-F238E27FC236}">
              <a16:creationId xmlns:a16="http://schemas.microsoft.com/office/drawing/2014/main" id="{00000000-0008-0000-1300-00000D000000}"/>
            </a:ext>
          </a:extLst>
        </xdr:cNvPr>
        <xdr:cNvCxnSpPr>
          <a:stCxn id="12" idx="0"/>
          <a:endCxn id="11" idx="2"/>
        </xdr:cNvCxnSpPr>
      </xdr:nvCxnSpPr>
      <xdr:spPr>
        <a:xfrm flipV="1">
          <a:off x="4117601" y="4014507"/>
          <a:ext cx="15969" cy="235324"/>
        </a:xfrm>
        <a:prstGeom prst="straightConnector1">
          <a:avLst/>
        </a:prstGeom>
        <a:ln w="15875">
          <a:solidFill>
            <a:srgbClr val="F79646"/>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95250</xdr:colOff>
      <xdr:row>0</xdr:row>
      <xdr:rowOff>9525</xdr:rowOff>
    </xdr:from>
    <xdr:to>
      <xdr:col>9</xdr:col>
      <xdr:colOff>209550</xdr:colOff>
      <xdr:row>1</xdr:row>
      <xdr:rowOff>28575</xdr:rowOff>
    </xdr:to>
    <xdr:sp macro="" textlink="">
      <xdr:nvSpPr>
        <xdr:cNvPr id="14" name="Rectangle 1">
          <a:extLst>
            <a:ext uri="{FF2B5EF4-FFF2-40B4-BE49-F238E27FC236}">
              <a16:creationId xmlns:a16="http://schemas.microsoft.com/office/drawing/2014/main" id="{00000000-0008-0000-1300-00000E000000}"/>
            </a:ext>
          </a:extLst>
        </xdr:cNvPr>
        <xdr:cNvSpPr>
          <a:spLocks noChangeArrowheads="1"/>
        </xdr:cNvSpPr>
      </xdr:nvSpPr>
      <xdr:spPr bwMode="auto">
        <a:xfrm>
          <a:off x="6562725" y="9525"/>
          <a:ext cx="971550" cy="381000"/>
        </a:xfrm>
        <a:prstGeom prst="rect">
          <a:avLst/>
        </a:prstGeom>
        <a:noFill/>
        <a:ln w="9525">
          <a:noFill/>
          <a:miter lim="800000"/>
          <a:headEnd/>
          <a:tailEnd/>
        </a:ln>
      </xdr:spPr>
      <xdr:txBody>
        <a:bodyPr vertOverflow="clip" wrap="square" lIns="45720" tIns="27432" rIns="0" bIns="0" anchor="t" upright="1"/>
        <a:lstStyle/>
        <a:p>
          <a:pPr marL="0" marR="0" lvl="0" indent="0" algn="l" defTabSz="914400" rtl="0" eaLnBrk="1" fontAlgn="auto" latinLnBrk="0" hangingPunct="1">
            <a:lnSpc>
              <a:spcPct val="100000"/>
            </a:lnSpc>
            <a:spcBef>
              <a:spcPts val="0"/>
            </a:spcBef>
            <a:spcAft>
              <a:spcPts val="0"/>
            </a:spcAft>
            <a:buClrTx/>
            <a:buSzTx/>
            <a:buFontTx/>
            <a:buNone/>
            <a:tabLst/>
            <a:defRPr sz="1000"/>
          </a:pPr>
          <a:r>
            <a:rPr kumimoji="0" lang="ja-JP" altLang="en-US" sz="2000" b="0" i="0" u="none" strike="noStrike" kern="0" cap="none" spc="0" normalizeH="0" baseline="0" noProof="0">
              <a:ln>
                <a:noFill/>
              </a:ln>
              <a:solidFill>
                <a:srgbClr val="000000"/>
              </a:solidFill>
              <a:effectLst/>
              <a:uLnTx/>
              <a:uFillTx/>
              <a:latin typeface="ＭＳ Ｐゴシック"/>
              <a:ea typeface="ＭＳ Ｐゴシック"/>
            </a:rPr>
            <a:t>記載例</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2.bin"/><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5.bin"/><Relationship Id="rId2" Type="http://schemas.openxmlformats.org/officeDocument/2006/relationships/printerSettings" Target="../printerSettings/printerSettings14.bin"/><Relationship Id="rId1" Type="http://schemas.openxmlformats.org/officeDocument/2006/relationships/printerSettings" Target="../printerSettings/printerSettings13.bin"/></Relationships>
</file>

<file path=xl/worksheets/_rels/sheet12.xml.rels><?xml version="1.0" encoding="UTF-8" standalone="yes"?>
<Relationships xmlns="http://schemas.openxmlformats.org/package/2006/relationships"><Relationship Id="rId3" Type="http://schemas.openxmlformats.org/officeDocument/2006/relationships/printerSettings" Target="../printerSettings/printerSettings18.bin"/><Relationship Id="rId2" Type="http://schemas.openxmlformats.org/officeDocument/2006/relationships/printerSettings" Target="../printerSettings/printerSettings17.bin"/><Relationship Id="rId1" Type="http://schemas.openxmlformats.org/officeDocument/2006/relationships/printerSettings" Target="../printerSettings/printerSettings16.bin"/><Relationship Id="rId4" Type="http://schemas.openxmlformats.org/officeDocument/2006/relationships/drawing" Target="../drawings/drawing5.xml"/></Relationships>
</file>

<file path=xl/worksheets/_rels/sheet13.xml.rels><?xml version="1.0" encoding="UTF-8" standalone="yes"?>
<Relationships xmlns="http://schemas.openxmlformats.org/package/2006/relationships"><Relationship Id="rId3" Type="http://schemas.openxmlformats.org/officeDocument/2006/relationships/printerSettings" Target="../printerSettings/printerSettings21.bin"/><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14.xml.rels><?xml version="1.0" encoding="UTF-8" standalone="yes"?>
<Relationships xmlns="http://schemas.openxmlformats.org/package/2006/relationships"><Relationship Id="rId3" Type="http://schemas.openxmlformats.org/officeDocument/2006/relationships/printerSettings" Target="../printerSettings/printerSettings24.bin"/><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 Id="rId4" Type="http://schemas.openxmlformats.org/officeDocument/2006/relationships/drawing" Target="../drawings/drawing6.xml"/></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5.bin"/></Relationships>
</file>

<file path=xl/worksheets/_rels/sheet16.xml.rels><?xml version="1.0" encoding="UTF-8" standalone="yes"?>
<Relationships xmlns="http://schemas.openxmlformats.org/package/2006/relationships"><Relationship Id="rId3" Type="http://schemas.openxmlformats.org/officeDocument/2006/relationships/printerSettings" Target="../printerSettings/printerSettings28.bin"/><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s>
</file>

<file path=xl/worksheets/_rels/sheet17.xml.rels><?xml version="1.0" encoding="UTF-8" standalone="yes"?>
<Relationships xmlns="http://schemas.openxmlformats.org/package/2006/relationships"><Relationship Id="rId3" Type="http://schemas.openxmlformats.org/officeDocument/2006/relationships/printerSettings" Target="../printerSettings/printerSettings31.bin"/><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s>
</file>

<file path=xl/worksheets/_rels/sheet18.xml.rels><?xml version="1.0" encoding="UTF-8" standalone="yes"?>
<Relationships xmlns="http://schemas.openxmlformats.org/package/2006/relationships"><Relationship Id="rId3" Type="http://schemas.openxmlformats.org/officeDocument/2006/relationships/printerSettings" Target="../printerSettings/printerSettings34.bin"/><Relationship Id="rId2" Type="http://schemas.openxmlformats.org/officeDocument/2006/relationships/printerSettings" Target="../printerSettings/printerSettings33.bin"/><Relationship Id="rId1" Type="http://schemas.openxmlformats.org/officeDocument/2006/relationships/printerSettings" Target="../printerSettings/printerSettings32.bin"/><Relationship Id="rId4" Type="http://schemas.openxmlformats.org/officeDocument/2006/relationships/drawing" Target="../drawings/drawing8.xml"/></Relationships>
</file>

<file path=xl/worksheets/_rels/sheet19.xml.rels><?xml version="1.0" encoding="UTF-8" standalone="yes"?>
<Relationships xmlns="http://schemas.openxmlformats.org/package/2006/relationships"><Relationship Id="rId3" Type="http://schemas.openxmlformats.org/officeDocument/2006/relationships/printerSettings" Target="../printerSettings/printerSettings37.bin"/><Relationship Id="rId2" Type="http://schemas.openxmlformats.org/officeDocument/2006/relationships/printerSettings" Target="../printerSettings/printerSettings36.bin"/><Relationship Id="rId1" Type="http://schemas.openxmlformats.org/officeDocument/2006/relationships/printerSettings" Target="../printerSettings/printerSettings35.bin"/><Relationship Id="rId4" Type="http://schemas.openxmlformats.org/officeDocument/2006/relationships/drawing" Target="../drawings/drawing9.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printerSettings" Target="../printerSettings/printerSettings40.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s>
</file>

<file path=xl/worksheets/_rels/sheet21.xml.rels><?xml version="1.0" encoding="UTF-8" standalone="yes"?>
<Relationships xmlns="http://schemas.openxmlformats.org/package/2006/relationships"><Relationship Id="rId3" Type="http://schemas.openxmlformats.org/officeDocument/2006/relationships/printerSettings" Target="../printerSettings/printerSettings43.bin"/><Relationship Id="rId2" Type="http://schemas.openxmlformats.org/officeDocument/2006/relationships/printerSettings" Target="../printerSettings/printerSettings42.bin"/><Relationship Id="rId1" Type="http://schemas.openxmlformats.org/officeDocument/2006/relationships/printerSettings" Target="../printerSettings/printerSettings41.bin"/><Relationship Id="rId4" Type="http://schemas.openxmlformats.org/officeDocument/2006/relationships/drawing" Target="../drawings/drawing10.xml"/></Relationships>
</file>

<file path=xl/worksheets/_rels/sheet22.xml.rels><?xml version="1.0" encoding="UTF-8" standalone="yes"?>
<Relationships xmlns="http://schemas.openxmlformats.org/package/2006/relationships"><Relationship Id="rId3" Type="http://schemas.openxmlformats.org/officeDocument/2006/relationships/printerSettings" Target="../printerSettings/printerSettings46.bin"/><Relationship Id="rId2" Type="http://schemas.openxmlformats.org/officeDocument/2006/relationships/printerSettings" Target="../printerSettings/printerSettings45.bin"/><Relationship Id="rId1" Type="http://schemas.openxmlformats.org/officeDocument/2006/relationships/printerSettings" Target="../printerSettings/printerSettings44.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47.bin"/></Relationships>
</file>

<file path=xl/worksheets/_rels/sheet24.xml.rels><?xml version="1.0" encoding="UTF-8" standalone="yes"?>
<Relationships xmlns="http://schemas.openxmlformats.org/package/2006/relationships"><Relationship Id="rId3" Type="http://schemas.openxmlformats.org/officeDocument/2006/relationships/printerSettings" Target="../printerSettings/printerSettings50.bin"/><Relationship Id="rId2" Type="http://schemas.openxmlformats.org/officeDocument/2006/relationships/printerSettings" Target="../printerSettings/printerSettings49.bin"/><Relationship Id="rId1" Type="http://schemas.openxmlformats.org/officeDocument/2006/relationships/printerSettings" Target="../printerSettings/printerSettings48.bin"/></Relationships>
</file>

<file path=xl/worksheets/_rels/sheet25.xml.rels><?xml version="1.0" encoding="UTF-8" standalone="yes"?>
<Relationships xmlns="http://schemas.openxmlformats.org/package/2006/relationships"><Relationship Id="rId3" Type="http://schemas.openxmlformats.org/officeDocument/2006/relationships/printerSettings" Target="../printerSettings/printerSettings53.bin"/><Relationship Id="rId2" Type="http://schemas.openxmlformats.org/officeDocument/2006/relationships/printerSettings" Target="../printerSettings/printerSettings52.bin"/><Relationship Id="rId1" Type="http://schemas.openxmlformats.org/officeDocument/2006/relationships/printerSettings" Target="../printerSettings/printerSettings51.bin"/><Relationship Id="rId4" Type="http://schemas.openxmlformats.org/officeDocument/2006/relationships/drawing" Target="../drawings/drawing12.xml"/></Relationships>
</file>

<file path=xl/worksheets/_rels/sheet26.xml.rels><?xml version="1.0" encoding="UTF-8" standalone="yes"?>
<Relationships xmlns="http://schemas.openxmlformats.org/package/2006/relationships"><Relationship Id="rId3" Type="http://schemas.openxmlformats.org/officeDocument/2006/relationships/printerSettings" Target="../printerSettings/printerSettings56.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s>
</file>

<file path=xl/worksheets/_rels/sheet27.xml.rels><?xml version="1.0" encoding="UTF-8" standalone="yes"?>
<Relationships xmlns="http://schemas.openxmlformats.org/package/2006/relationships"><Relationship Id="rId3" Type="http://schemas.openxmlformats.org/officeDocument/2006/relationships/printerSettings" Target="../printerSettings/printerSettings59.bin"/><Relationship Id="rId2" Type="http://schemas.openxmlformats.org/officeDocument/2006/relationships/printerSettings" Target="../printerSettings/printerSettings58.bin"/><Relationship Id="rId1" Type="http://schemas.openxmlformats.org/officeDocument/2006/relationships/printerSettings" Target="../printerSettings/printerSettings57.bin"/></Relationships>
</file>

<file path=xl/worksheets/_rels/sheet28.xml.rels><?xml version="1.0" encoding="UTF-8" standalone="yes"?>
<Relationships xmlns="http://schemas.openxmlformats.org/package/2006/relationships"><Relationship Id="rId3" Type="http://schemas.openxmlformats.org/officeDocument/2006/relationships/printerSettings" Target="../printerSettings/printerSettings62.bin"/><Relationship Id="rId2" Type="http://schemas.openxmlformats.org/officeDocument/2006/relationships/printerSettings" Target="../printerSettings/printerSettings61.bin"/><Relationship Id="rId1" Type="http://schemas.openxmlformats.org/officeDocument/2006/relationships/printerSettings" Target="../printerSettings/printerSettings60.bin"/><Relationship Id="rId4" Type="http://schemas.openxmlformats.org/officeDocument/2006/relationships/drawing" Target="../drawings/drawing13.xml"/></Relationships>
</file>

<file path=xl/worksheets/_rels/sheet29.xml.rels><?xml version="1.0" encoding="UTF-8" standalone="yes"?>
<Relationships xmlns="http://schemas.openxmlformats.org/package/2006/relationships"><Relationship Id="rId3" Type="http://schemas.openxmlformats.org/officeDocument/2006/relationships/printerSettings" Target="../printerSettings/printerSettings65.bin"/><Relationship Id="rId2" Type="http://schemas.openxmlformats.org/officeDocument/2006/relationships/printerSettings" Target="../printerSettings/printerSettings64.bin"/><Relationship Id="rId1" Type="http://schemas.openxmlformats.org/officeDocument/2006/relationships/printerSettings" Target="../printerSettings/printerSettings63.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3" Type="http://schemas.openxmlformats.org/officeDocument/2006/relationships/printerSettings" Target="../printerSettings/printerSettings68.bin"/><Relationship Id="rId2" Type="http://schemas.openxmlformats.org/officeDocument/2006/relationships/printerSettings" Target="../printerSettings/printerSettings67.bin"/><Relationship Id="rId1" Type="http://schemas.openxmlformats.org/officeDocument/2006/relationships/printerSettings" Target="../printerSettings/printerSettings66.bin"/><Relationship Id="rId4" Type="http://schemas.openxmlformats.org/officeDocument/2006/relationships/drawing" Target="../drawings/drawing14.xml"/></Relationships>
</file>

<file path=xl/worksheets/_rels/sheet31.xml.rels><?xml version="1.0" encoding="UTF-8" standalone="yes"?>
<Relationships xmlns="http://schemas.openxmlformats.org/package/2006/relationships"><Relationship Id="rId3" Type="http://schemas.openxmlformats.org/officeDocument/2006/relationships/printerSettings" Target="../printerSettings/printerSettings71.bin"/><Relationship Id="rId2" Type="http://schemas.openxmlformats.org/officeDocument/2006/relationships/printerSettings" Target="../printerSettings/printerSettings70.bin"/><Relationship Id="rId1" Type="http://schemas.openxmlformats.org/officeDocument/2006/relationships/printerSettings" Target="../printerSettings/printerSettings69.bin"/><Relationship Id="rId4" Type="http://schemas.openxmlformats.org/officeDocument/2006/relationships/drawing" Target="../drawings/drawing15.xml"/></Relationships>
</file>

<file path=xl/worksheets/_rels/sheet32.xml.rels><?xml version="1.0" encoding="UTF-8" standalone="yes"?>
<Relationships xmlns="http://schemas.openxmlformats.org/package/2006/relationships"><Relationship Id="rId3" Type="http://schemas.openxmlformats.org/officeDocument/2006/relationships/printerSettings" Target="../printerSettings/printerSettings74.bin"/><Relationship Id="rId2" Type="http://schemas.openxmlformats.org/officeDocument/2006/relationships/printerSettings" Target="../printerSettings/printerSettings73.bin"/><Relationship Id="rId1" Type="http://schemas.openxmlformats.org/officeDocument/2006/relationships/printerSettings" Target="../printerSettings/printerSettings72.bin"/><Relationship Id="rId4" Type="http://schemas.openxmlformats.org/officeDocument/2006/relationships/drawing" Target="../drawings/drawing16.xml"/></Relationships>
</file>

<file path=xl/worksheets/_rels/sheet33.xml.rels><?xml version="1.0" encoding="UTF-8" standalone="yes"?>
<Relationships xmlns="http://schemas.openxmlformats.org/package/2006/relationships"><Relationship Id="rId3" Type="http://schemas.openxmlformats.org/officeDocument/2006/relationships/printerSettings" Target="../printerSettings/printerSettings77.bin"/><Relationship Id="rId2" Type="http://schemas.openxmlformats.org/officeDocument/2006/relationships/printerSettings" Target="../printerSettings/printerSettings76.bin"/><Relationship Id="rId1" Type="http://schemas.openxmlformats.org/officeDocument/2006/relationships/printerSettings" Target="../printerSettings/printerSettings75.bin"/></Relationships>
</file>

<file path=xl/worksheets/_rels/sheet34.xml.rels><?xml version="1.0" encoding="UTF-8" standalone="yes"?>
<Relationships xmlns="http://schemas.openxmlformats.org/package/2006/relationships"><Relationship Id="rId3" Type="http://schemas.openxmlformats.org/officeDocument/2006/relationships/printerSettings" Target="../printerSettings/printerSettings80.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4" Type="http://schemas.openxmlformats.org/officeDocument/2006/relationships/drawing" Target="../drawings/drawing17.xml"/></Relationships>
</file>

<file path=xl/worksheets/_rels/sheet35.xml.rels><?xml version="1.0" encoding="UTF-8" standalone="yes"?>
<Relationships xmlns="http://schemas.openxmlformats.org/package/2006/relationships"><Relationship Id="rId3" Type="http://schemas.openxmlformats.org/officeDocument/2006/relationships/printerSettings" Target="../printerSettings/printerSettings83.bin"/><Relationship Id="rId2" Type="http://schemas.openxmlformats.org/officeDocument/2006/relationships/printerSettings" Target="../printerSettings/printerSettings82.bin"/><Relationship Id="rId1" Type="http://schemas.openxmlformats.org/officeDocument/2006/relationships/printerSettings" Target="../printerSettings/printerSettings81.bin"/></Relationships>
</file>

<file path=xl/worksheets/_rels/sheet36.xml.rels><?xml version="1.0" encoding="UTF-8" standalone="yes"?>
<Relationships xmlns="http://schemas.openxmlformats.org/package/2006/relationships"><Relationship Id="rId3" Type="http://schemas.openxmlformats.org/officeDocument/2006/relationships/printerSettings" Target="../printerSettings/printerSettings86.bin"/><Relationship Id="rId2" Type="http://schemas.openxmlformats.org/officeDocument/2006/relationships/printerSettings" Target="../printerSettings/printerSettings85.bin"/><Relationship Id="rId1" Type="http://schemas.openxmlformats.org/officeDocument/2006/relationships/printerSettings" Target="../printerSettings/printerSettings84.bin"/></Relationships>
</file>

<file path=xl/worksheets/_rels/sheet37.xml.rels><?xml version="1.0" encoding="UTF-8" standalone="yes"?>
<Relationships xmlns="http://schemas.openxmlformats.org/package/2006/relationships"><Relationship Id="rId3" Type="http://schemas.openxmlformats.org/officeDocument/2006/relationships/printerSettings" Target="../printerSettings/printerSettings89.bin"/><Relationship Id="rId2" Type="http://schemas.openxmlformats.org/officeDocument/2006/relationships/printerSettings" Target="../printerSettings/printerSettings88.bin"/><Relationship Id="rId1" Type="http://schemas.openxmlformats.org/officeDocument/2006/relationships/printerSettings" Target="../printerSettings/printerSettings87.bin"/></Relationships>
</file>

<file path=xl/worksheets/_rels/sheet38.xml.rels><?xml version="1.0" encoding="UTF-8" standalone="yes"?>
<Relationships xmlns="http://schemas.openxmlformats.org/package/2006/relationships"><Relationship Id="rId3" Type="http://schemas.openxmlformats.org/officeDocument/2006/relationships/printerSettings" Target="../printerSettings/printerSettings92.bin"/><Relationship Id="rId2" Type="http://schemas.openxmlformats.org/officeDocument/2006/relationships/printerSettings" Target="../printerSettings/printerSettings91.bin"/><Relationship Id="rId1" Type="http://schemas.openxmlformats.org/officeDocument/2006/relationships/printerSettings" Target="../printerSettings/printerSettings90.bin"/></Relationships>
</file>

<file path=xl/worksheets/_rels/sheet39.xml.rels><?xml version="1.0" encoding="UTF-8" standalone="yes"?>
<Relationships xmlns="http://schemas.openxmlformats.org/package/2006/relationships"><Relationship Id="rId3" Type="http://schemas.openxmlformats.org/officeDocument/2006/relationships/printerSettings" Target="../printerSettings/printerSettings95.bin"/><Relationship Id="rId2" Type="http://schemas.openxmlformats.org/officeDocument/2006/relationships/printerSettings" Target="../printerSettings/printerSettings94.bin"/><Relationship Id="rId1" Type="http://schemas.openxmlformats.org/officeDocument/2006/relationships/printerSettings" Target="../printerSettings/printerSettings93.bin"/><Relationship Id="rId4" Type="http://schemas.openxmlformats.org/officeDocument/2006/relationships/drawing" Target="../drawings/drawing18.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3" Type="http://schemas.openxmlformats.org/officeDocument/2006/relationships/printerSettings" Target="../printerSettings/printerSettings98.bin"/><Relationship Id="rId2" Type="http://schemas.openxmlformats.org/officeDocument/2006/relationships/printerSettings" Target="../printerSettings/printerSettings97.bin"/><Relationship Id="rId1" Type="http://schemas.openxmlformats.org/officeDocument/2006/relationships/printerSettings" Target="../printerSettings/printerSettings96.bin"/><Relationship Id="rId4" Type="http://schemas.openxmlformats.org/officeDocument/2006/relationships/drawing" Target="../drawings/drawing19.xml"/></Relationships>
</file>

<file path=xl/worksheets/_rels/sheet41.xml.rels><?xml version="1.0" encoding="UTF-8" standalone="yes"?>
<Relationships xmlns="http://schemas.openxmlformats.org/package/2006/relationships"><Relationship Id="rId3" Type="http://schemas.openxmlformats.org/officeDocument/2006/relationships/printerSettings" Target="../printerSettings/printerSettings101.bin"/><Relationship Id="rId2" Type="http://schemas.openxmlformats.org/officeDocument/2006/relationships/printerSettings" Target="../printerSettings/printerSettings100.bin"/><Relationship Id="rId1" Type="http://schemas.openxmlformats.org/officeDocument/2006/relationships/printerSettings" Target="../printerSettings/printerSettings99.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10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10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104.bin"/></Relationships>
</file>

<file path=xl/worksheets/_rels/sheet45.xml.rels><?xml version="1.0" encoding="UTF-8" standalone="yes"?>
<Relationships xmlns="http://schemas.openxmlformats.org/package/2006/relationships"><Relationship Id="rId3" Type="http://schemas.openxmlformats.org/officeDocument/2006/relationships/printerSettings" Target="../printerSettings/printerSettings107.bin"/><Relationship Id="rId2" Type="http://schemas.openxmlformats.org/officeDocument/2006/relationships/printerSettings" Target="../printerSettings/printerSettings106.bin"/><Relationship Id="rId1" Type="http://schemas.openxmlformats.org/officeDocument/2006/relationships/printerSettings" Target="../printerSettings/printerSettings105.bin"/></Relationships>
</file>

<file path=xl/worksheets/_rels/sheet46.xml.rels><?xml version="1.0" encoding="UTF-8" standalone="yes"?>
<Relationships xmlns="http://schemas.openxmlformats.org/package/2006/relationships"><Relationship Id="rId3" Type="http://schemas.openxmlformats.org/officeDocument/2006/relationships/printerSettings" Target="../printerSettings/printerSettings110.bin"/><Relationship Id="rId2" Type="http://schemas.openxmlformats.org/officeDocument/2006/relationships/printerSettings" Target="../printerSettings/printerSettings109.bin"/><Relationship Id="rId1" Type="http://schemas.openxmlformats.org/officeDocument/2006/relationships/printerSettings" Target="../printerSettings/printerSettings108.bin"/></Relationships>
</file>

<file path=xl/worksheets/_rels/sheet47.xml.rels><?xml version="1.0" encoding="UTF-8" standalone="yes"?>
<Relationships xmlns="http://schemas.openxmlformats.org/package/2006/relationships"><Relationship Id="rId3" Type="http://schemas.openxmlformats.org/officeDocument/2006/relationships/printerSettings" Target="../printerSettings/printerSettings113.bin"/><Relationship Id="rId2" Type="http://schemas.openxmlformats.org/officeDocument/2006/relationships/printerSettings" Target="../printerSettings/printerSettings112.bin"/><Relationship Id="rId1" Type="http://schemas.openxmlformats.org/officeDocument/2006/relationships/printerSettings" Target="../printerSettings/printerSettings111.bin"/></Relationships>
</file>

<file path=xl/worksheets/_rels/sheet48.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114.bin"/></Relationships>
</file>

<file path=xl/worksheets/_rels/sheet49.xml.rels><?xml version="1.0" encoding="UTF-8" standalone="yes"?>
<Relationships xmlns="http://schemas.openxmlformats.org/package/2006/relationships"><Relationship Id="rId3" Type="http://schemas.openxmlformats.org/officeDocument/2006/relationships/printerSettings" Target="../printerSettings/printerSettings117.bin"/><Relationship Id="rId2" Type="http://schemas.openxmlformats.org/officeDocument/2006/relationships/printerSettings" Target="../printerSettings/printerSettings116.bin"/><Relationship Id="rId1" Type="http://schemas.openxmlformats.org/officeDocument/2006/relationships/printerSettings" Target="../printerSettings/printerSettings115.bin"/><Relationship Id="rId4" Type="http://schemas.openxmlformats.org/officeDocument/2006/relationships/drawing" Target="../drawings/drawing21.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3" Type="http://schemas.openxmlformats.org/officeDocument/2006/relationships/printerSettings" Target="../printerSettings/printerSettings120.bin"/><Relationship Id="rId2" Type="http://schemas.openxmlformats.org/officeDocument/2006/relationships/printerSettings" Target="../printerSettings/printerSettings119.bin"/><Relationship Id="rId1" Type="http://schemas.openxmlformats.org/officeDocument/2006/relationships/printerSettings" Target="../printerSettings/printerSettings118.bin"/></Relationships>
</file>

<file path=xl/worksheets/_rels/sheet51.xml.rels><?xml version="1.0" encoding="UTF-8" standalone="yes"?>
<Relationships xmlns="http://schemas.openxmlformats.org/package/2006/relationships"><Relationship Id="rId3" Type="http://schemas.openxmlformats.org/officeDocument/2006/relationships/printerSettings" Target="../printerSettings/printerSettings123.bin"/><Relationship Id="rId2" Type="http://schemas.openxmlformats.org/officeDocument/2006/relationships/printerSettings" Target="../printerSettings/printerSettings122.bin"/><Relationship Id="rId1" Type="http://schemas.openxmlformats.org/officeDocument/2006/relationships/printerSettings" Target="../printerSettings/printerSettings121.bin"/></Relationships>
</file>

<file path=xl/worksheets/_rels/sheet52.xml.rels><?xml version="1.0" encoding="UTF-8" standalone="yes"?>
<Relationships xmlns="http://schemas.openxmlformats.org/package/2006/relationships"><Relationship Id="rId3" Type="http://schemas.openxmlformats.org/officeDocument/2006/relationships/printerSettings" Target="../printerSettings/printerSettings126.bin"/><Relationship Id="rId2" Type="http://schemas.openxmlformats.org/officeDocument/2006/relationships/printerSettings" Target="../printerSettings/printerSettings125.bin"/><Relationship Id="rId1" Type="http://schemas.openxmlformats.org/officeDocument/2006/relationships/printerSettings" Target="../printerSettings/printerSettings124.bin"/></Relationships>
</file>

<file path=xl/worksheets/_rels/sheet53.xml.rels><?xml version="1.0" encoding="UTF-8" standalone="yes"?>
<Relationships xmlns="http://schemas.openxmlformats.org/package/2006/relationships"><Relationship Id="rId3" Type="http://schemas.openxmlformats.org/officeDocument/2006/relationships/printerSettings" Target="../printerSettings/printerSettings129.bin"/><Relationship Id="rId2" Type="http://schemas.openxmlformats.org/officeDocument/2006/relationships/printerSettings" Target="../printerSettings/printerSettings128.bin"/><Relationship Id="rId1" Type="http://schemas.openxmlformats.org/officeDocument/2006/relationships/printerSettings" Target="../printerSettings/printerSettings127.bin"/></Relationships>
</file>

<file path=xl/worksheets/_rels/sheet54.xml.rels><?xml version="1.0" encoding="UTF-8" standalone="yes"?>
<Relationships xmlns="http://schemas.openxmlformats.org/package/2006/relationships"><Relationship Id="rId3" Type="http://schemas.openxmlformats.org/officeDocument/2006/relationships/printerSettings" Target="../printerSettings/printerSettings132.bin"/><Relationship Id="rId2" Type="http://schemas.openxmlformats.org/officeDocument/2006/relationships/printerSettings" Target="../printerSettings/printerSettings131.bin"/><Relationship Id="rId1" Type="http://schemas.openxmlformats.org/officeDocument/2006/relationships/printerSettings" Target="../printerSettings/printerSettings130.bin"/></Relationships>
</file>

<file path=xl/worksheets/_rels/sheet55.xml.rels><?xml version="1.0" encoding="UTF-8" standalone="yes"?>
<Relationships xmlns="http://schemas.openxmlformats.org/package/2006/relationships"><Relationship Id="rId3" Type="http://schemas.openxmlformats.org/officeDocument/2006/relationships/printerSettings" Target="../printerSettings/printerSettings135.bin"/><Relationship Id="rId2" Type="http://schemas.openxmlformats.org/officeDocument/2006/relationships/printerSettings" Target="../printerSettings/printerSettings134.bin"/><Relationship Id="rId1" Type="http://schemas.openxmlformats.org/officeDocument/2006/relationships/printerSettings" Target="../printerSettings/printerSettings133.bin"/></Relationships>
</file>

<file path=xl/worksheets/_rels/sheet56.xml.rels><?xml version="1.0" encoding="UTF-8" standalone="yes"?>
<Relationships xmlns="http://schemas.openxmlformats.org/package/2006/relationships"><Relationship Id="rId3" Type="http://schemas.openxmlformats.org/officeDocument/2006/relationships/printerSettings" Target="../printerSettings/printerSettings138.bin"/><Relationship Id="rId2" Type="http://schemas.openxmlformats.org/officeDocument/2006/relationships/printerSettings" Target="../printerSettings/printerSettings137.bin"/><Relationship Id="rId1" Type="http://schemas.openxmlformats.org/officeDocument/2006/relationships/printerSettings" Target="../printerSettings/printerSettings136.bin"/></Relationships>
</file>

<file path=xl/worksheets/_rels/sheet57.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139.bin"/></Relationships>
</file>

<file path=xl/worksheets/_rels/sheet58.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23.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40.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_rels/sheet59.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141.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142.bin"/></Relationships>
</file>

<file path=xl/worksheets/_rels/sheet61.xml.rels><?xml version="1.0" encoding="UTF-8" standalone="yes"?>
<Relationships xmlns="http://schemas.openxmlformats.org/package/2006/relationships"><Relationship Id="rId3" Type="http://schemas.openxmlformats.org/officeDocument/2006/relationships/printerSettings" Target="../printerSettings/printerSettings145.bin"/><Relationship Id="rId2" Type="http://schemas.openxmlformats.org/officeDocument/2006/relationships/printerSettings" Target="../printerSettings/printerSettings144.bin"/><Relationship Id="rId1" Type="http://schemas.openxmlformats.org/officeDocument/2006/relationships/printerSettings" Target="../printerSettings/printerSettings143.bin"/></Relationships>
</file>

<file path=xl/worksheets/_rels/sheet62.xml.rels><?xml version="1.0" encoding="UTF-8" standalone="yes"?>
<Relationships xmlns="http://schemas.openxmlformats.org/package/2006/relationships"><Relationship Id="rId3" Type="http://schemas.openxmlformats.org/officeDocument/2006/relationships/printerSettings" Target="../printerSettings/printerSettings148.bin"/><Relationship Id="rId2" Type="http://schemas.openxmlformats.org/officeDocument/2006/relationships/printerSettings" Target="../printerSettings/printerSettings147.bin"/><Relationship Id="rId1" Type="http://schemas.openxmlformats.org/officeDocument/2006/relationships/printerSettings" Target="../printerSettings/printerSettings146.bin"/></Relationships>
</file>

<file path=xl/worksheets/_rels/sheet63.xml.rels><?xml version="1.0" encoding="UTF-8" standalone="yes"?>
<Relationships xmlns="http://schemas.openxmlformats.org/package/2006/relationships"><Relationship Id="rId3" Type="http://schemas.openxmlformats.org/officeDocument/2006/relationships/printerSettings" Target="../printerSettings/printerSettings151.bin"/><Relationship Id="rId2" Type="http://schemas.openxmlformats.org/officeDocument/2006/relationships/printerSettings" Target="../printerSettings/printerSettings150.bin"/><Relationship Id="rId1" Type="http://schemas.openxmlformats.org/officeDocument/2006/relationships/printerSettings" Target="../printerSettings/printerSettings149.bin"/></Relationships>
</file>

<file path=xl/worksheets/_rels/sheet64.xml.rels><?xml version="1.0" encoding="UTF-8" standalone="yes"?>
<Relationships xmlns="http://schemas.openxmlformats.org/package/2006/relationships"><Relationship Id="rId3" Type="http://schemas.openxmlformats.org/officeDocument/2006/relationships/printerSettings" Target="../printerSettings/printerSettings154.bin"/><Relationship Id="rId2" Type="http://schemas.openxmlformats.org/officeDocument/2006/relationships/printerSettings" Target="../printerSettings/printerSettings153.bin"/><Relationship Id="rId1" Type="http://schemas.openxmlformats.org/officeDocument/2006/relationships/printerSettings" Target="../printerSettings/printerSettings152.bin"/></Relationships>
</file>

<file path=xl/worksheets/_rels/sheet65.xml.rels><?xml version="1.0" encoding="UTF-8" standalone="yes"?>
<Relationships xmlns="http://schemas.openxmlformats.org/package/2006/relationships"><Relationship Id="rId3" Type="http://schemas.openxmlformats.org/officeDocument/2006/relationships/printerSettings" Target="../printerSettings/printerSettings157.bin"/><Relationship Id="rId2" Type="http://schemas.openxmlformats.org/officeDocument/2006/relationships/printerSettings" Target="../printerSettings/printerSettings156.bin"/><Relationship Id="rId1" Type="http://schemas.openxmlformats.org/officeDocument/2006/relationships/printerSettings" Target="../printerSettings/printerSettings155.bin"/></Relationships>
</file>

<file path=xl/worksheets/_rels/sheet66.xml.rels><?xml version="1.0" encoding="UTF-8" standalone="yes"?>
<Relationships xmlns="http://schemas.openxmlformats.org/package/2006/relationships"><Relationship Id="rId3" Type="http://schemas.openxmlformats.org/officeDocument/2006/relationships/printerSettings" Target="../printerSettings/printerSettings160.bin"/><Relationship Id="rId2" Type="http://schemas.openxmlformats.org/officeDocument/2006/relationships/printerSettings" Target="../printerSettings/printerSettings159.bin"/><Relationship Id="rId1" Type="http://schemas.openxmlformats.org/officeDocument/2006/relationships/printerSettings" Target="../printerSettings/printerSettings158.bin"/></Relationships>
</file>

<file path=xl/worksheets/_rels/sheet67.xml.rels><?xml version="1.0" encoding="UTF-8" standalone="yes"?>
<Relationships xmlns="http://schemas.openxmlformats.org/package/2006/relationships"><Relationship Id="rId3" Type="http://schemas.openxmlformats.org/officeDocument/2006/relationships/printerSettings" Target="../printerSettings/printerSettings163.bin"/><Relationship Id="rId2" Type="http://schemas.openxmlformats.org/officeDocument/2006/relationships/printerSettings" Target="../printerSettings/printerSettings162.bin"/><Relationship Id="rId1" Type="http://schemas.openxmlformats.org/officeDocument/2006/relationships/printerSettings" Target="../printerSettings/printerSettings161.bin"/></Relationships>
</file>

<file path=xl/worksheets/_rels/sheet68.xml.rels><?xml version="1.0" encoding="UTF-8" standalone="yes"?>
<Relationships xmlns="http://schemas.openxmlformats.org/package/2006/relationships"><Relationship Id="rId3" Type="http://schemas.openxmlformats.org/officeDocument/2006/relationships/printerSettings" Target="../printerSettings/printerSettings166.bin"/><Relationship Id="rId2" Type="http://schemas.openxmlformats.org/officeDocument/2006/relationships/printerSettings" Target="../printerSettings/printerSettings165.bin"/><Relationship Id="rId1" Type="http://schemas.openxmlformats.org/officeDocument/2006/relationships/printerSettings" Target="../printerSettings/printerSettings164.bin"/></Relationships>
</file>

<file path=xl/worksheets/_rels/sheet69.xml.rels><?xml version="1.0" encoding="UTF-8" standalone="yes"?>
<Relationships xmlns="http://schemas.openxmlformats.org/package/2006/relationships"><Relationship Id="rId3" Type="http://schemas.openxmlformats.org/officeDocument/2006/relationships/printerSettings" Target="../printerSettings/printerSettings169.bin"/><Relationship Id="rId2" Type="http://schemas.openxmlformats.org/officeDocument/2006/relationships/printerSettings" Target="../printerSettings/printerSettings168.bin"/><Relationship Id="rId1" Type="http://schemas.openxmlformats.org/officeDocument/2006/relationships/printerSettings" Target="../printerSettings/printerSettings167.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3" Type="http://schemas.openxmlformats.org/officeDocument/2006/relationships/printerSettings" Target="../printerSettings/printerSettings172.bin"/><Relationship Id="rId2" Type="http://schemas.openxmlformats.org/officeDocument/2006/relationships/printerSettings" Target="../printerSettings/printerSettings171.bin"/><Relationship Id="rId1" Type="http://schemas.openxmlformats.org/officeDocument/2006/relationships/printerSettings" Target="../printerSettings/printerSettings170.bin"/><Relationship Id="rId4" Type="http://schemas.openxmlformats.org/officeDocument/2006/relationships/drawing" Target="../drawings/drawing26.xml"/></Relationships>
</file>

<file path=xl/worksheets/_rels/sheet71.xml.rels><?xml version="1.0" encoding="UTF-8" standalone="yes"?>
<Relationships xmlns="http://schemas.openxmlformats.org/package/2006/relationships"><Relationship Id="rId3" Type="http://schemas.openxmlformats.org/officeDocument/2006/relationships/printerSettings" Target="../printerSettings/printerSettings175.bin"/><Relationship Id="rId2" Type="http://schemas.openxmlformats.org/officeDocument/2006/relationships/printerSettings" Target="../printerSettings/printerSettings174.bin"/><Relationship Id="rId1" Type="http://schemas.openxmlformats.org/officeDocument/2006/relationships/printerSettings" Target="../printerSettings/printerSettings173.bin"/></Relationships>
</file>

<file path=xl/worksheets/_rels/sheet72.xml.rels><?xml version="1.0" encoding="UTF-8" standalone="yes"?>
<Relationships xmlns="http://schemas.openxmlformats.org/package/2006/relationships"><Relationship Id="rId3" Type="http://schemas.openxmlformats.org/officeDocument/2006/relationships/printerSettings" Target="../printerSettings/printerSettings178.bin"/><Relationship Id="rId2" Type="http://schemas.openxmlformats.org/officeDocument/2006/relationships/printerSettings" Target="../printerSettings/printerSettings177.bin"/><Relationship Id="rId1" Type="http://schemas.openxmlformats.org/officeDocument/2006/relationships/printerSettings" Target="../printerSettings/printerSettings176.bin"/><Relationship Id="rId4" Type="http://schemas.openxmlformats.org/officeDocument/2006/relationships/drawing" Target="../drawings/drawing27.xml"/></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179.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180.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181.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182.bin"/></Relationships>
</file>

<file path=xl/worksheets/_rels/sheet77.xml.rels><?xml version="1.0" encoding="UTF-8" standalone="yes"?>
<Relationships xmlns="http://schemas.openxmlformats.org/package/2006/relationships"><Relationship Id="rId3" Type="http://schemas.openxmlformats.org/officeDocument/2006/relationships/printerSettings" Target="../printerSettings/printerSettings185.bin"/><Relationship Id="rId2" Type="http://schemas.openxmlformats.org/officeDocument/2006/relationships/printerSettings" Target="../printerSettings/printerSettings184.bin"/><Relationship Id="rId1" Type="http://schemas.openxmlformats.org/officeDocument/2006/relationships/printerSettings" Target="../printerSettings/printerSettings183.bin"/></Relationships>
</file>

<file path=xl/worksheets/_rels/sheet78.xml.rels><?xml version="1.0" encoding="UTF-8" standalone="yes"?>
<Relationships xmlns="http://schemas.openxmlformats.org/package/2006/relationships"><Relationship Id="rId3" Type="http://schemas.openxmlformats.org/officeDocument/2006/relationships/printerSettings" Target="../printerSettings/printerSettings188.bin"/><Relationship Id="rId2" Type="http://schemas.openxmlformats.org/officeDocument/2006/relationships/printerSettings" Target="../printerSettings/printerSettings187.bin"/><Relationship Id="rId1" Type="http://schemas.openxmlformats.org/officeDocument/2006/relationships/printerSettings" Target="../printerSettings/printerSettings186.bin"/></Relationships>
</file>

<file path=xl/worksheets/_rels/sheet79.xml.rels><?xml version="1.0" encoding="UTF-8" standalone="yes"?>
<Relationships xmlns="http://schemas.openxmlformats.org/package/2006/relationships"><Relationship Id="rId3" Type="http://schemas.openxmlformats.org/officeDocument/2006/relationships/printerSettings" Target="../printerSettings/printerSettings191.bin"/><Relationship Id="rId2" Type="http://schemas.openxmlformats.org/officeDocument/2006/relationships/printerSettings" Target="../printerSettings/printerSettings190.bin"/><Relationship Id="rId1" Type="http://schemas.openxmlformats.org/officeDocument/2006/relationships/printerSettings" Target="../printerSettings/printerSettings189.bin"/><Relationship Id="rId4" Type="http://schemas.openxmlformats.org/officeDocument/2006/relationships/drawing" Target="../drawings/drawing28.xml"/></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192.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193.bin"/></Relationships>
</file>

<file path=xl/worksheets/_rels/sheet82.xml.rels><?xml version="1.0" encoding="UTF-8" standalone="yes"?>
<Relationships xmlns="http://schemas.openxmlformats.org/package/2006/relationships"><Relationship Id="rId1" Type="http://schemas.openxmlformats.org/officeDocument/2006/relationships/printerSettings" Target="../printerSettings/printerSettings194.bin"/></Relationships>
</file>

<file path=xl/worksheets/_rels/sheet83.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195.bin"/></Relationships>
</file>

<file path=xl/worksheets/_rels/sheet84.xml.rels><?xml version="1.0" encoding="UTF-8" standalone="yes"?>
<Relationships xmlns="http://schemas.openxmlformats.org/package/2006/relationships"><Relationship Id="rId1" Type="http://schemas.openxmlformats.org/officeDocument/2006/relationships/printerSettings" Target="../printerSettings/printerSettings196.bin"/></Relationships>
</file>

<file path=xl/worksheets/_rels/sheet85.xml.rels><?xml version="1.0" encoding="UTF-8" standalone="yes"?>
<Relationships xmlns="http://schemas.openxmlformats.org/package/2006/relationships"><Relationship Id="rId3" Type="http://schemas.openxmlformats.org/officeDocument/2006/relationships/printerSettings" Target="../printerSettings/printerSettings199.bin"/><Relationship Id="rId2" Type="http://schemas.openxmlformats.org/officeDocument/2006/relationships/printerSettings" Target="../printerSettings/printerSettings198.bin"/><Relationship Id="rId1" Type="http://schemas.openxmlformats.org/officeDocument/2006/relationships/printerSettings" Target="../printerSettings/printerSettings197.bin"/></Relationships>
</file>

<file path=xl/worksheets/_rels/sheet86.xml.rels><?xml version="1.0" encoding="UTF-8" standalone="yes"?>
<Relationships xmlns="http://schemas.openxmlformats.org/package/2006/relationships"><Relationship Id="rId2" Type="http://schemas.openxmlformats.org/officeDocument/2006/relationships/drawing" Target="../drawings/drawing30.xml"/><Relationship Id="rId1" Type="http://schemas.openxmlformats.org/officeDocument/2006/relationships/printerSettings" Target="../printerSettings/printerSettings200.bin"/></Relationships>
</file>

<file path=xl/worksheets/_rels/sheet87.xml.rels><?xml version="1.0" encoding="UTF-8" standalone="yes"?>
<Relationships xmlns="http://schemas.openxmlformats.org/package/2006/relationships"><Relationship Id="rId1" Type="http://schemas.openxmlformats.org/officeDocument/2006/relationships/printerSettings" Target="../printerSettings/printerSettings201.bin"/></Relationships>
</file>

<file path=xl/worksheets/_rels/sheet88.xml.rels><?xml version="1.0" encoding="UTF-8" standalone="yes"?>
<Relationships xmlns="http://schemas.openxmlformats.org/package/2006/relationships"><Relationship Id="rId1" Type="http://schemas.openxmlformats.org/officeDocument/2006/relationships/printerSettings" Target="../printerSettings/printerSettings202.bin"/></Relationships>
</file>

<file path=xl/worksheets/_rels/sheet89.xml.rels><?xml version="1.0" encoding="UTF-8" standalone="yes"?>
<Relationships xmlns="http://schemas.openxmlformats.org/package/2006/relationships"><Relationship Id="rId1" Type="http://schemas.openxmlformats.org/officeDocument/2006/relationships/printerSettings" Target="../printerSettings/printerSettings203.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90.xml.rels><?xml version="1.0" encoding="UTF-8" standalone="yes"?>
<Relationships xmlns="http://schemas.openxmlformats.org/package/2006/relationships"><Relationship Id="rId1" Type="http://schemas.openxmlformats.org/officeDocument/2006/relationships/printerSettings" Target="../printerSettings/printerSettings204.bin"/></Relationships>
</file>

<file path=xl/worksheets/_rels/sheet91.xml.rels><?xml version="1.0" encoding="UTF-8" standalone="yes"?>
<Relationships xmlns="http://schemas.openxmlformats.org/package/2006/relationships"><Relationship Id="rId1" Type="http://schemas.openxmlformats.org/officeDocument/2006/relationships/printerSettings" Target="../printerSettings/printerSettings205.bin"/></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206.bin"/></Relationships>
</file>

<file path=xl/worksheets/_rels/sheet93.xml.rels><?xml version="1.0" encoding="UTF-8" standalone="yes"?>
<Relationships xmlns="http://schemas.openxmlformats.org/package/2006/relationships"><Relationship Id="rId1" Type="http://schemas.openxmlformats.org/officeDocument/2006/relationships/printerSettings" Target="../printerSettings/printerSettings207.bin"/></Relationships>
</file>

<file path=xl/worksheets/_rels/sheet94.xml.rels><?xml version="1.0" encoding="UTF-8" standalone="yes"?>
<Relationships xmlns="http://schemas.openxmlformats.org/package/2006/relationships"><Relationship Id="rId1" Type="http://schemas.openxmlformats.org/officeDocument/2006/relationships/printerSettings" Target="../printerSettings/printerSettings208.bin"/></Relationships>
</file>

<file path=xl/worksheets/_rels/sheet95.xml.rels><?xml version="1.0" encoding="UTF-8" standalone="yes"?>
<Relationships xmlns="http://schemas.openxmlformats.org/package/2006/relationships"><Relationship Id="rId3" Type="http://schemas.openxmlformats.org/officeDocument/2006/relationships/printerSettings" Target="../printerSettings/printerSettings211.bin"/><Relationship Id="rId2" Type="http://schemas.openxmlformats.org/officeDocument/2006/relationships/printerSettings" Target="../printerSettings/printerSettings210.bin"/><Relationship Id="rId1" Type="http://schemas.openxmlformats.org/officeDocument/2006/relationships/printerSettings" Target="../printerSettings/printerSettings209.bin"/></Relationships>
</file>

<file path=xl/worksheets/_rels/sheet96.xml.rels><?xml version="1.0" encoding="UTF-8" standalone="yes"?>
<Relationships xmlns="http://schemas.openxmlformats.org/package/2006/relationships"><Relationship Id="rId3" Type="http://schemas.openxmlformats.org/officeDocument/2006/relationships/printerSettings" Target="../printerSettings/printerSettings214.bin"/><Relationship Id="rId2" Type="http://schemas.openxmlformats.org/officeDocument/2006/relationships/printerSettings" Target="../printerSettings/printerSettings213.bin"/><Relationship Id="rId1" Type="http://schemas.openxmlformats.org/officeDocument/2006/relationships/printerSettings" Target="../printerSettings/printerSettings212.bin"/></Relationships>
</file>

<file path=xl/worksheets/_rels/sheet97.xml.rels><?xml version="1.0" encoding="UTF-8" standalone="yes"?>
<Relationships xmlns="http://schemas.openxmlformats.org/package/2006/relationships"><Relationship Id="rId3" Type="http://schemas.openxmlformats.org/officeDocument/2006/relationships/printerSettings" Target="../printerSettings/printerSettings217.bin"/><Relationship Id="rId2" Type="http://schemas.openxmlformats.org/officeDocument/2006/relationships/printerSettings" Target="../printerSettings/printerSettings216.bin"/><Relationship Id="rId1" Type="http://schemas.openxmlformats.org/officeDocument/2006/relationships/printerSettings" Target="../printerSettings/printerSettings215.bin"/></Relationships>
</file>

<file path=xl/worksheets/_rels/sheet98.xml.rels><?xml version="1.0" encoding="UTF-8" standalone="yes"?>
<Relationships xmlns="http://schemas.openxmlformats.org/package/2006/relationships"><Relationship Id="rId3" Type="http://schemas.openxmlformats.org/officeDocument/2006/relationships/printerSettings" Target="../printerSettings/printerSettings220.bin"/><Relationship Id="rId2" Type="http://schemas.openxmlformats.org/officeDocument/2006/relationships/printerSettings" Target="../printerSettings/printerSettings219.bin"/><Relationship Id="rId1" Type="http://schemas.openxmlformats.org/officeDocument/2006/relationships/printerSettings" Target="../printerSettings/printerSettings218.bin"/><Relationship Id="rId4" Type="http://schemas.openxmlformats.org/officeDocument/2006/relationships/drawing" Target="../drawings/drawing3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156"/>
  <sheetViews>
    <sheetView tabSelected="1" view="pageBreakPreview" zoomScaleNormal="130" zoomScaleSheetLayoutView="100" workbookViewId="0"/>
  </sheetViews>
  <sheetFormatPr defaultColWidth="4.44140625" defaultRowHeight="13.2" x14ac:dyDescent="0.2"/>
  <cols>
    <col min="1" max="2" width="2.88671875" style="836" customWidth="1"/>
    <col min="3" max="3" width="11.77734375" style="836" customWidth="1"/>
    <col min="4" max="8" width="5.109375" style="836" customWidth="1"/>
    <col min="9" max="9" width="8.44140625" style="836" customWidth="1"/>
    <col min="10" max="18" width="5.109375" style="836" customWidth="1"/>
    <col min="19" max="20" width="8.44140625" style="836" customWidth="1"/>
    <col min="21" max="24" width="5.109375" style="836" customWidth="1"/>
    <col min="25" max="25" width="10.77734375" style="836" customWidth="1"/>
    <col min="26" max="26" width="2.88671875" style="836" customWidth="1"/>
    <col min="27" max="257" width="4.44140625" style="836"/>
    <col min="258" max="258" width="3.21875" style="836" customWidth="1"/>
    <col min="259" max="259" width="2.6640625" style="836" customWidth="1"/>
    <col min="260" max="260" width="10.21875" style="836" customWidth="1"/>
    <col min="261" max="265" width="4.44140625" style="836"/>
    <col min="266" max="266" width="8.21875" style="836" customWidth="1"/>
    <col min="267" max="268" width="4.44140625" style="836"/>
    <col min="269" max="274" width="5.6640625" style="836" customWidth="1"/>
    <col min="275" max="275" width="4.44140625" style="836"/>
    <col min="276" max="277" width="7.44140625" style="836" customWidth="1"/>
    <col min="278" max="280" width="4.44140625" style="836"/>
    <col min="281" max="281" width="2.6640625" style="836" customWidth="1"/>
    <col min="282" max="282" width="3.77734375" style="836" customWidth="1"/>
    <col min="283" max="513" width="4.44140625" style="836"/>
    <col min="514" max="514" width="3.21875" style="836" customWidth="1"/>
    <col min="515" max="515" width="2.6640625" style="836" customWidth="1"/>
    <col min="516" max="516" width="10.21875" style="836" customWidth="1"/>
    <col min="517" max="521" width="4.44140625" style="836"/>
    <col min="522" max="522" width="8.21875" style="836" customWidth="1"/>
    <col min="523" max="524" width="4.44140625" style="836"/>
    <col min="525" max="530" width="5.6640625" style="836" customWidth="1"/>
    <col min="531" max="531" width="4.44140625" style="836"/>
    <col min="532" max="533" width="7.44140625" style="836" customWidth="1"/>
    <col min="534" max="536" width="4.44140625" style="836"/>
    <col min="537" max="537" width="2.6640625" style="836" customWidth="1"/>
    <col min="538" max="538" width="3.77734375" style="836" customWidth="1"/>
    <col min="539" max="769" width="4.44140625" style="836"/>
    <col min="770" max="770" width="3.21875" style="836" customWidth="1"/>
    <col min="771" max="771" width="2.6640625" style="836" customWidth="1"/>
    <col min="772" max="772" width="10.21875" style="836" customWidth="1"/>
    <col min="773" max="777" width="4.44140625" style="836"/>
    <col min="778" max="778" width="8.21875" style="836" customWidth="1"/>
    <col min="779" max="780" width="4.44140625" style="836"/>
    <col min="781" max="786" width="5.6640625" style="836" customWidth="1"/>
    <col min="787" max="787" width="4.44140625" style="836"/>
    <col min="788" max="789" width="7.44140625" style="836" customWidth="1"/>
    <col min="790" max="792" width="4.44140625" style="836"/>
    <col min="793" max="793" width="2.6640625" style="836" customWidth="1"/>
    <col min="794" max="794" width="3.77734375" style="836" customWidth="1"/>
    <col min="795" max="1025" width="4.44140625" style="836"/>
    <col min="1026" max="1026" width="3.21875" style="836" customWidth="1"/>
    <col min="1027" max="1027" width="2.6640625" style="836" customWidth="1"/>
    <col min="1028" max="1028" width="10.21875" style="836" customWidth="1"/>
    <col min="1029" max="1033" width="4.44140625" style="836"/>
    <col min="1034" max="1034" width="8.21875" style="836" customWidth="1"/>
    <col min="1035" max="1036" width="4.44140625" style="836"/>
    <col min="1037" max="1042" width="5.6640625" style="836" customWidth="1"/>
    <col min="1043" max="1043" width="4.44140625" style="836"/>
    <col min="1044" max="1045" width="7.44140625" style="836" customWidth="1"/>
    <col min="1046" max="1048" width="4.44140625" style="836"/>
    <col min="1049" max="1049" width="2.6640625" style="836" customWidth="1"/>
    <col min="1050" max="1050" width="3.77734375" style="836" customWidth="1"/>
    <col min="1051" max="1281" width="4.44140625" style="836"/>
    <col min="1282" max="1282" width="3.21875" style="836" customWidth="1"/>
    <col min="1283" max="1283" width="2.6640625" style="836" customWidth="1"/>
    <col min="1284" max="1284" width="10.21875" style="836" customWidth="1"/>
    <col min="1285" max="1289" width="4.44140625" style="836"/>
    <col min="1290" max="1290" width="8.21875" style="836" customWidth="1"/>
    <col min="1291" max="1292" width="4.44140625" style="836"/>
    <col min="1293" max="1298" width="5.6640625" style="836" customWidth="1"/>
    <col min="1299" max="1299" width="4.44140625" style="836"/>
    <col min="1300" max="1301" width="7.44140625" style="836" customWidth="1"/>
    <col min="1302" max="1304" width="4.44140625" style="836"/>
    <col min="1305" max="1305" width="2.6640625" style="836" customWidth="1"/>
    <col min="1306" max="1306" width="3.77734375" style="836" customWidth="1"/>
    <col min="1307" max="1537" width="4.44140625" style="836"/>
    <col min="1538" max="1538" width="3.21875" style="836" customWidth="1"/>
    <col min="1539" max="1539" width="2.6640625" style="836" customWidth="1"/>
    <col min="1540" max="1540" width="10.21875" style="836" customWidth="1"/>
    <col min="1541" max="1545" width="4.44140625" style="836"/>
    <col min="1546" max="1546" width="8.21875" style="836" customWidth="1"/>
    <col min="1547" max="1548" width="4.44140625" style="836"/>
    <col min="1549" max="1554" width="5.6640625" style="836" customWidth="1"/>
    <col min="1555" max="1555" width="4.44140625" style="836"/>
    <col min="1556" max="1557" width="7.44140625" style="836" customWidth="1"/>
    <col min="1558" max="1560" width="4.44140625" style="836"/>
    <col min="1561" max="1561" width="2.6640625" style="836" customWidth="1"/>
    <col min="1562" max="1562" width="3.77734375" style="836" customWidth="1"/>
    <col min="1563" max="1793" width="4.44140625" style="836"/>
    <col min="1794" max="1794" width="3.21875" style="836" customWidth="1"/>
    <col min="1795" max="1795" width="2.6640625" style="836" customWidth="1"/>
    <col min="1796" max="1796" width="10.21875" style="836" customWidth="1"/>
    <col min="1797" max="1801" width="4.44140625" style="836"/>
    <col min="1802" max="1802" width="8.21875" style="836" customWidth="1"/>
    <col min="1803" max="1804" width="4.44140625" style="836"/>
    <col min="1805" max="1810" width="5.6640625" style="836" customWidth="1"/>
    <col min="1811" max="1811" width="4.44140625" style="836"/>
    <col min="1812" max="1813" width="7.44140625" style="836" customWidth="1"/>
    <col min="1814" max="1816" width="4.44140625" style="836"/>
    <col min="1817" max="1817" width="2.6640625" style="836" customWidth="1"/>
    <col min="1818" max="1818" width="3.77734375" style="836" customWidth="1"/>
    <col min="1819" max="2049" width="4.44140625" style="836"/>
    <col min="2050" max="2050" width="3.21875" style="836" customWidth="1"/>
    <col min="2051" max="2051" width="2.6640625" style="836" customWidth="1"/>
    <col min="2052" max="2052" width="10.21875" style="836" customWidth="1"/>
    <col min="2053" max="2057" width="4.44140625" style="836"/>
    <col min="2058" max="2058" width="8.21875" style="836" customWidth="1"/>
    <col min="2059" max="2060" width="4.44140625" style="836"/>
    <col min="2061" max="2066" width="5.6640625" style="836" customWidth="1"/>
    <col min="2067" max="2067" width="4.44140625" style="836"/>
    <col min="2068" max="2069" width="7.44140625" style="836" customWidth="1"/>
    <col min="2070" max="2072" width="4.44140625" style="836"/>
    <col min="2073" max="2073" width="2.6640625" style="836" customWidth="1"/>
    <col min="2074" max="2074" width="3.77734375" style="836" customWidth="1"/>
    <col min="2075" max="2305" width="4.44140625" style="836"/>
    <col min="2306" max="2306" width="3.21875" style="836" customWidth="1"/>
    <col min="2307" max="2307" width="2.6640625" style="836" customWidth="1"/>
    <col min="2308" max="2308" width="10.21875" style="836" customWidth="1"/>
    <col min="2309" max="2313" width="4.44140625" style="836"/>
    <col min="2314" max="2314" width="8.21875" style="836" customWidth="1"/>
    <col min="2315" max="2316" width="4.44140625" style="836"/>
    <col min="2317" max="2322" width="5.6640625" style="836" customWidth="1"/>
    <col min="2323" max="2323" width="4.44140625" style="836"/>
    <col min="2324" max="2325" width="7.44140625" style="836" customWidth="1"/>
    <col min="2326" max="2328" width="4.44140625" style="836"/>
    <col min="2329" max="2329" width="2.6640625" style="836" customWidth="1"/>
    <col min="2330" max="2330" width="3.77734375" style="836" customWidth="1"/>
    <col min="2331" max="2561" width="4.44140625" style="836"/>
    <col min="2562" max="2562" width="3.21875" style="836" customWidth="1"/>
    <col min="2563" max="2563" width="2.6640625" style="836" customWidth="1"/>
    <col min="2564" max="2564" width="10.21875" style="836" customWidth="1"/>
    <col min="2565" max="2569" width="4.44140625" style="836"/>
    <col min="2570" max="2570" width="8.21875" style="836" customWidth="1"/>
    <col min="2571" max="2572" width="4.44140625" style="836"/>
    <col min="2573" max="2578" width="5.6640625" style="836" customWidth="1"/>
    <col min="2579" max="2579" width="4.44140625" style="836"/>
    <col min="2580" max="2581" width="7.44140625" style="836" customWidth="1"/>
    <col min="2582" max="2584" width="4.44140625" style="836"/>
    <col min="2585" max="2585" width="2.6640625" style="836" customWidth="1"/>
    <col min="2586" max="2586" width="3.77734375" style="836" customWidth="1"/>
    <col min="2587" max="2817" width="4.44140625" style="836"/>
    <col min="2818" max="2818" width="3.21875" style="836" customWidth="1"/>
    <col min="2819" max="2819" width="2.6640625" style="836" customWidth="1"/>
    <col min="2820" max="2820" width="10.21875" style="836" customWidth="1"/>
    <col min="2821" max="2825" width="4.44140625" style="836"/>
    <col min="2826" max="2826" width="8.21875" style="836" customWidth="1"/>
    <col min="2827" max="2828" width="4.44140625" style="836"/>
    <col min="2829" max="2834" width="5.6640625" style="836" customWidth="1"/>
    <col min="2835" max="2835" width="4.44140625" style="836"/>
    <col min="2836" max="2837" width="7.44140625" style="836" customWidth="1"/>
    <col min="2838" max="2840" width="4.44140625" style="836"/>
    <col min="2841" max="2841" width="2.6640625" style="836" customWidth="1"/>
    <col min="2842" max="2842" width="3.77734375" style="836" customWidth="1"/>
    <col min="2843" max="3073" width="4.44140625" style="836"/>
    <col min="3074" max="3074" width="3.21875" style="836" customWidth="1"/>
    <col min="3075" max="3075" width="2.6640625" style="836" customWidth="1"/>
    <col min="3076" max="3076" width="10.21875" style="836" customWidth="1"/>
    <col min="3077" max="3081" width="4.44140625" style="836"/>
    <col min="3082" max="3082" width="8.21875" style="836" customWidth="1"/>
    <col min="3083" max="3084" width="4.44140625" style="836"/>
    <col min="3085" max="3090" width="5.6640625" style="836" customWidth="1"/>
    <col min="3091" max="3091" width="4.44140625" style="836"/>
    <col min="3092" max="3093" width="7.44140625" style="836" customWidth="1"/>
    <col min="3094" max="3096" width="4.44140625" style="836"/>
    <col min="3097" max="3097" width="2.6640625" style="836" customWidth="1"/>
    <col min="3098" max="3098" width="3.77734375" style="836" customWidth="1"/>
    <col min="3099" max="3329" width="4.44140625" style="836"/>
    <col min="3330" max="3330" width="3.21875" style="836" customWidth="1"/>
    <col min="3331" max="3331" width="2.6640625" style="836" customWidth="1"/>
    <col min="3332" max="3332" width="10.21875" style="836" customWidth="1"/>
    <col min="3333" max="3337" width="4.44140625" style="836"/>
    <col min="3338" max="3338" width="8.21875" style="836" customWidth="1"/>
    <col min="3339" max="3340" width="4.44140625" style="836"/>
    <col min="3341" max="3346" width="5.6640625" style="836" customWidth="1"/>
    <col min="3347" max="3347" width="4.44140625" style="836"/>
    <col min="3348" max="3349" width="7.44140625" style="836" customWidth="1"/>
    <col min="3350" max="3352" width="4.44140625" style="836"/>
    <col min="3353" max="3353" width="2.6640625" style="836" customWidth="1"/>
    <col min="3354" max="3354" width="3.77734375" style="836" customWidth="1"/>
    <col min="3355" max="3585" width="4.44140625" style="836"/>
    <col min="3586" max="3586" width="3.21875" style="836" customWidth="1"/>
    <col min="3587" max="3587" width="2.6640625" style="836" customWidth="1"/>
    <col min="3588" max="3588" width="10.21875" style="836" customWidth="1"/>
    <col min="3589" max="3593" width="4.44140625" style="836"/>
    <col min="3594" max="3594" width="8.21875" style="836" customWidth="1"/>
    <col min="3595" max="3596" width="4.44140625" style="836"/>
    <col min="3597" max="3602" width="5.6640625" style="836" customWidth="1"/>
    <col min="3603" max="3603" width="4.44140625" style="836"/>
    <col min="3604" max="3605" width="7.44140625" style="836" customWidth="1"/>
    <col min="3606" max="3608" width="4.44140625" style="836"/>
    <col min="3609" max="3609" width="2.6640625" style="836" customWidth="1"/>
    <col min="3610" max="3610" width="3.77734375" style="836" customWidth="1"/>
    <col min="3611" max="3841" width="4.44140625" style="836"/>
    <col min="3842" max="3842" width="3.21875" style="836" customWidth="1"/>
    <col min="3843" max="3843" width="2.6640625" style="836" customWidth="1"/>
    <col min="3844" max="3844" width="10.21875" style="836" customWidth="1"/>
    <col min="3845" max="3849" width="4.44140625" style="836"/>
    <col min="3850" max="3850" width="8.21875" style="836" customWidth="1"/>
    <col min="3851" max="3852" width="4.44140625" style="836"/>
    <col min="3853" max="3858" width="5.6640625" style="836" customWidth="1"/>
    <col min="3859" max="3859" width="4.44140625" style="836"/>
    <col min="3860" max="3861" width="7.44140625" style="836" customWidth="1"/>
    <col min="3862" max="3864" width="4.44140625" style="836"/>
    <col min="3865" max="3865" width="2.6640625" style="836" customWidth="1"/>
    <col min="3866" max="3866" width="3.77734375" style="836" customWidth="1"/>
    <col min="3867" max="4097" width="4.44140625" style="836"/>
    <col min="4098" max="4098" width="3.21875" style="836" customWidth="1"/>
    <col min="4099" max="4099" width="2.6640625" style="836" customWidth="1"/>
    <col min="4100" max="4100" width="10.21875" style="836" customWidth="1"/>
    <col min="4101" max="4105" width="4.44140625" style="836"/>
    <col min="4106" max="4106" width="8.21875" style="836" customWidth="1"/>
    <col min="4107" max="4108" width="4.44140625" style="836"/>
    <col min="4109" max="4114" width="5.6640625" style="836" customWidth="1"/>
    <col min="4115" max="4115" width="4.44140625" style="836"/>
    <col min="4116" max="4117" width="7.44140625" style="836" customWidth="1"/>
    <col min="4118" max="4120" width="4.44140625" style="836"/>
    <col min="4121" max="4121" width="2.6640625" style="836" customWidth="1"/>
    <col min="4122" max="4122" width="3.77734375" style="836" customWidth="1"/>
    <col min="4123" max="4353" width="4.44140625" style="836"/>
    <col min="4354" max="4354" width="3.21875" style="836" customWidth="1"/>
    <col min="4355" max="4355" width="2.6640625" style="836" customWidth="1"/>
    <col min="4356" max="4356" width="10.21875" style="836" customWidth="1"/>
    <col min="4357" max="4361" width="4.44140625" style="836"/>
    <col min="4362" max="4362" width="8.21875" style="836" customWidth="1"/>
    <col min="4363" max="4364" width="4.44140625" style="836"/>
    <col min="4365" max="4370" width="5.6640625" style="836" customWidth="1"/>
    <col min="4371" max="4371" width="4.44140625" style="836"/>
    <col min="4372" max="4373" width="7.44140625" style="836" customWidth="1"/>
    <col min="4374" max="4376" width="4.44140625" style="836"/>
    <col min="4377" max="4377" width="2.6640625" style="836" customWidth="1"/>
    <col min="4378" max="4378" width="3.77734375" style="836" customWidth="1"/>
    <col min="4379" max="4609" width="4.44140625" style="836"/>
    <col min="4610" max="4610" width="3.21875" style="836" customWidth="1"/>
    <col min="4611" max="4611" width="2.6640625" style="836" customWidth="1"/>
    <col min="4612" max="4612" width="10.21875" style="836" customWidth="1"/>
    <col min="4613" max="4617" width="4.44140625" style="836"/>
    <col min="4618" max="4618" width="8.21875" style="836" customWidth="1"/>
    <col min="4619" max="4620" width="4.44140625" style="836"/>
    <col min="4621" max="4626" width="5.6640625" style="836" customWidth="1"/>
    <col min="4627" max="4627" width="4.44140625" style="836"/>
    <col min="4628" max="4629" width="7.44140625" style="836" customWidth="1"/>
    <col min="4630" max="4632" width="4.44140625" style="836"/>
    <col min="4633" max="4633" width="2.6640625" style="836" customWidth="1"/>
    <col min="4634" max="4634" width="3.77734375" style="836" customWidth="1"/>
    <col min="4635" max="4865" width="4.44140625" style="836"/>
    <col min="4866" max="4866" width="3.21875" style="836" customWidth="1"/>
    <col min="4867" max="4867" width="2.6640625" style="836" customWidth="1"/>
    <col min="4868" max="4868" width="10.21875" style="836" customWidth="1"/>
    <col min="4869" max="4873" width="4.44140625" style="836"/>
    <col min="4874" max="4874" width="8.21875" style="836" customWidth="1"/>
    <col min="4875" max="4876" width="4.44140625" style="836"/>
    <col min="4877" max="4882" width="5.6640625" style="836" customWidth="1"/>
    <col min="4883" max="4883" width="4.44140625" style="836"/>
    <col min="4884" max="4885" width="7.44140625" style="836" customWidth="1"/>
    <col min="4886" max="4888" width="4.44140625" style="836"/>
    <col min="4889" max="4889" width="2.6640625" style="836" customWidth="1"/>
    <col min="4890" max="4890" width="3.77734375" style="836" customWidth="1"/>
    <col min="4891" max="5121" width="4.44140625" style="836"/>
    <col min="5122" max="5122" width="3.21875" style="836" customWidth="1"/>
    <col min="5123" max="5123" width="2.6640625" style="836" customWidth="1"/>
    <col min="5124" max="5124" width="10.21875" style="836" customWidth="1"/>
    <col min="5125" max="5129" width="4.44140625" style="836"/>
    <col min="5130" max="5130" width="8.21875" style="836" customWidth="1"/>
    <col min="5131" max="5132" width="4.44140625" style="836"/>
    <col min="5133" max="5138" width="5.6640625" style="836" customWidth="1"/>
    <col min="5139" max="5139" width="4.44140625" style="836"/>
    <col min="5140" max="5141" width="7.44140625" style="836" customWidth="1"/>
    <col min="5142" max="5144" width="4.44140625" style="836"/>
    <col min="5145" max="5145" width="2.6640625" style="836" customWidth="1"/>
    <col min="5146" max="5146" width="3.77734375" style="836" customWidth="1"/>
    <col min="5147" max="5377" width="4.44140625" style="836"/>
    <col min="5378" max="5378" width="3.21875" style="836" customWidth="1"/>
    <col min="5379" max="5379" width="2.6640625" style="836" customWidth="1"/>
    <col min="5380" max="5380" width="10.21875" style="836" customWidth="1"/>
    <col min="5381" max="5385" width="4.44140625" style="836"/>
    <col min="5386" max="5386" width="8.21875" style="836" customWidth="1"/>
    <col min="5387" max="5388" width="4.44140625" style="836"/>
    <col min="5389" max="5394" width="5.6640625" style="836" customWidth="1"/>
    <col min="5395" max="5395" width="4.44140625" style="836"/>
    <col min="5396" max="5397" width="7.44140625" style="836" customWidth="1"/>
    <col min="5398" max="5400" width="4.44140625" style="836"/>
    <col min="5401" max="5401" width="2.6640625" style="836" customWidth="1"/>
    <col min="5402" max="5402" width="3.77734375" style="836" customWidth="1"/>
    <col min="5403" max="5633" width="4.44140625" style="836"/>
    <col min="5634" max="5634" width="3.21875" style="836" customWidth="1"/>
    <col min="5635" max="5635" width="2.6640625" style="836" customWidth="1"/>
    <col min="5636" max="5636" width="10.21875" style="836" customWidth="1"/>
    <col min="5637" max="5641" width="4.44140625" style="836"/>
    <col min="5642" max="5642" width="8.21875" style="836" customWidth="1"/>
    <col min="5643" max="5644" width="4.44140625" style="836"/>
    <col min="5645" max="5650" width="5.6640625" style="836" customWidth="1"/>
    <col min="5651" max="5651" width="4.44140625" style="836"/>
    <col min="5652" max="5653" width="7.44140625" style="836" customWidth="1"/>
    <col min="5654" max="5656" width="4.44140625" style="836"/>
    <col min="5657" max="5657" width="2.6640625" style="836" customWidth="1"/>
    <col min="5658" max="5658" width="3.77734375" style="836" customWidth="1"/>
    <col min="5659" max="5889" width="4.44140625" style="836"/>
    <col min="5890" max="5890" width="3.21875" style="836" customWidth="1"/>
    <col min="5891" max="5891" width="2.6640625" style="836" customWidth="1"/>
    <col min="5892" max="5892" width="10.21875" style="836" customWidth="1"/>
    <col min="5893" max="5897" width="4.44140625" style="836"/>
    <col min="5898" max="5898" width="8.21875" style="836" customWidth="1"/>
    <col min="5899" max="5900" width="4.44140625" style="836"/>
    <col min="5901" max="5906" width="5.6640625" style="836" customWidth="1"/>
    <col min="5907" max="5907" width="4.44140625" style="836"/>
    <col min="5908" max="5909" width="7.44140625" style="836" customWidth="1"/>
    <col min="5910" max="5912" width="4.44140625" style="836"/>
    <col min="5913" max="5913" width="2.6640625" style="836" customWidth="1"/>
    <col min="5914" max="5914" width="3.77734375" style="836" customWidth="1"/>
    <col min="5915" max="6145" width="4.44140625" style="836"/>
    <col min="6146" max="6146" width="3.21875" style="836" customWidth="1"/>
    <col min="6147" max="6147" width="2.6640625" style="836" customWidth="1"/>
    <col min="6148" max="6148" width="10.21875" style="836" customWidth="1"/>
    <col min="6149" max="6153" width="4.44140625" style="836"/>
    <col min="6154" max="6154" width="8.21875" style="836" customWidth="1"/>
    <col min="6155" max="6156" width="4.44140625" style="836"/>
    <col min="6157" max="6162" width="5.6640625" style="836" customWidth="1"/>
    <col min="6163" max="6163" width="4.44140625" style="836"/>
    <col min="6164" max="6165" width="7.44140625" style="836" customWidth="1"/>
    <col min="6166" max="6168" width="4.44140625" style="836"/>
    <col min="6169" max="6169" width="2.6640625" style="836" customWidth="1"/>
    <col min="6170" max="6170" width="3.77734375" style="836" customWidth="1"/>
    <col min="6171" max="6401" width="4.44140625" style="836"/>
    <col min="6402" max="6402" width="3.21875" style="836" customWidth="1"/>
    <col min="6403" max="6403" width="2.6640625" style="836" customWidth="1"/>
    <col min="6404" max="6404" width="10.21875" style="836" customWidth="1"/>
    <col min="6405" max="6409" width="4.44140625" style="836"/>
    <col min="6410" max="6410" width="8.21875" style="836" customWidth="1"/>
    <col min="6411" max="6412" width="4.44140625" style="836"/>
    <col min="6413" max="6418" width="5.6640625" style="836" customWidth="1"/>
    <col min="6419" max="6419" width="4.44140625" style="836"/>
    <col min="6420" max="6421" width="7.44140625" style="836" customWidth="1"/>
    <col min="6422" max="6424" width="4.44140625" style="836"/>
    <col min="6425" max="6425" width="2.6640625" style="836" customWidth="1"/>
    <col min="6426" max="6426" width="3.77734375" style="836" customWidth="1"/>
    <col min="6427" max="6657" width="4.44140625" style="836"/>
    <col min="6658" max="6658" width="3.21875" style="836" customWidth="1"/>
    <col min="6659" max="6659" width="2.6640625" style="836" customWidth="1"/>
    <col min="6660" max="6660" width="10.21875" style="836" customWidth="1"/>
    <col min="6661" max="6665" width="4.44140625" style="836"/>
    <col min="6666" max="6666" width="8.21875" style="836" customWidth="1"/>
    <col min="6667" max="6668" width="4.44140625" style="836"/>
    <col min="6669" max="6674" width="5.6640625" style="836" customWidth="1"/>
    <col min="6675" max="6675" width="4.44140625" style="836"/>
    <col min="6676" max="6677" width="7.44140625" style="836" customWidth="1"/>
    <col min="6678" max="6680" width="4.44140625" style="836"/>
    <col min="6681" max="6681" width="2.6640625" style="836" customWidth="1"/>
    <col min="6682" max="6682" width="3.77734375" style="836" customWidth="1"/>
    <col min="6683" max="6913" width="4.44140625" style="836"/>
    <col min="6914" max="6914" width="3.21875" style="836" customWidth="1"/>
    <col min="6915" max="6915" width="2.6640625" style="836" customWidth="1"/>
    <col min="6916" max="6916" width="10.21875" style="836" customWidth="1"/>
    <col min="6917" max="6921" width="4.44140625" style="836"/>
    <col min="6922" max="6922" width="8.21875" style="836" customWidth="1"/>
    <col min="6923" max="6924" width="4.44140625" style="836"/>
    <col min="6925" max="6930" width="5.6640625" style="836" customWidth="1"/>
    <col min="6931" max="6931" width="4.44140625" style="836"/>
    <col min="6932" max="6933" width="7.44140625" style="836" customWidth="1"/>
    <col min="6934" max="6936" width="4.44140625" style="836"/>
    <col min="6937" max="6937" width="2.6640625" style="836" customWidth="1"/>
    <col min="6938" max="6938" width="3.77734375" style="836" customWidth="1"/>
    <col min="6939" max="7169" width="4.44140625" style="836"/>
    <col min="7170" max="7170" width="3.21875" style="836" customWidth="1"/>
    <col min="7171" max="7171" width="2.6640625" style="836" customWidth="1"/>
    <col min="7172" max="7172" width="10.21875" style="836" customWidth="1"/>
    <col min="7173" max="7177" width="4.44140625" style="836"/>
    <col min="7178" max="7178" width="8.21875" style="836" customWidth="1"/>
    <col min="7179" max="7180" width="4.44140625" style="836"/>
    <col min="7181" max="7186" width="5.6640625" style="836" customWidth="1"/>
    <col min="7187" max="7187" width="4.44140625" style="836"/>
    <col min="7188" max="7189" width="7.44140625" style="836" customWidth="1"/>
    <col min="7190" max="7192" width="4.44140625" style="836"/>
    <col min="7193" max="7193" width="2.6640625" style="836" customWidth="1"/>
    <col min="7194" max="7194" width="3.77734375" style="836" customWidth="1"/>
    <col min="7195" max="7425" width="4.44140625" style="836"/>
    <col min="7426" max="7426" width="3.21875" style="836" customWidth="1"/>
    <col min="7427" max="7427" width="2.6640625" style="836" customWidth="1"/>
    <col min="7428" max="7428" width="10.21875" style="836" customWidth="1"/>
    <col min="7429" max="7433" width="4.44140625" style="836"/>
    <col min="7434" max="7434" width="8.21875" style="836" customWidth="1"/>
    <col min="7435" max="7436" width="4.44140625" style="836"/>
    <col min="7437" max="7442" width="5.6640625" style="836" customWidth="1"/>
    <col min="7443" max="7443" width="4.44140625" style="836"/>
    <col min="7444" max="7445" width="7.44140625" style="836" customWidth="1"/>
    <col min="7446" max="7448" width="4.44140625" style="836"/>
    <col min="7449" max="7449" width="2.6640625" style="836" customWidth="1"/>
    <col min="7450" max="7450" width="3.77734375" style="836" customWidth="1"/>
    <col min="7451" max="7681" width="4.44140625" style="836"/>
    <col min="7682" max="7682" width="3.21875" style="836" customWidth="1"/>
    <col min="7683" max="7683" width="2.6640625" style="836" customWidth="1"/>
    <col min="7684" max="7684" width="10.21875" style="836" customWidth="1"/>
    <col min="7685" max="7689" width="4.44140625" style="836"/>
    <col min="7690" max="7690" width="8.21875" style="836" customWidth="1"/>
    <col min="7691" max="7692" width="4.44140625" style="836"/>
    <col min="7693" max="7698" width="5.6640625" style="836" customWidth="1"/>
    <col min="7699" max="7699" width="4.44140625" style="836"/>
    <col min="7700" max="7701" width="7.44140625" style="836" customWidth="1"/>
    <col min="7702" max="7704" width="4.44140625" style="836"/>
    <col min="7705" max="7705" width="2.6640625" style="836" customWidth="1"/>
    <col min="7706" max="7706" width="3.77734375" style="836" customWidth="1"/>
    <col min="7707" max="7937" width="4.44140625" style="836"/>
    <col min="7938" max="7938" width="3.21875" style="836" customWidth="1"/>
    <col min="7939" max="7939" width="2.6640625" style="836" customWidth="1"/>
    <col min="7940" max="7940" width="10.21875" style="836" customWidth="1"/>
    <col min="7941" max="7945" width="4.44140625" style="836"/>
    <col min="7946" max="7946" width="8.21875" style="836" customWidth="1"/>
    <col min="7947" max="7948" width="4.44140625" style="836"/>
    <col min="7949" max="7954" width="5.6640625" style="836" customWidth="1"/>
    <col min="7955" max="7955" width="4.44140625" style="836"/>
    <col min="7956" max="7957" width="7.44140625" style="836" customWidth="1"/>
    <col min="7958" max="7960" width="4.44140625" style="836"/>
    <col min="7961" max="7961" width="2.6640625" style="836" customWidth="1"/>
    <col min="7962" max="7962" width="3.77734375" style="836" customWidth="1"/>
    <col min="7963" max="8193" width="4.44140625" style="836"/>
    <col min="8194" max="8194" width="3.21875" style="836" customWidth="1"/>
    <col min="8195" max="8195" width="2.6640625" style="836" customWidth="1"/>
    <col min="8196" max="8196" width="10.21875" style="836" customWidth="1"/>
    <col min="8197" max="8201" width="4.44140625" style="836"/>
    <col min="8202" max="8202" width="8.21875" style="836" customWidth="1"/>
    <col min="8203" max="8204" width="4.44140625" style="836"/>
    <col min="8205" max="8210" width="5.6640625" style="836" customWidth="1"/>
    <col min="8211" max="8211" width="4.44140625" style="836"/>
    <col min="8212" max="8213" width="7.44140625" style="836" customWidth="1"/>
    <col min="8214" max="8216" width="4.44140625" style="836"/>
    <col min="8217" max="8217" width="2.6640625" style="836" customWidth="1"/>
    <col min="8218" max="8218" width="3.77734375" style="836" customWidth="1"/>
    <col min="8219" max="8449" width="4.44140625" style="836"/>
    <col min="8450" max="8450" width="3.21875" style="836" customWidth="1"/>
    <col min="8451" max="8451" width="2.6640625" style="836" customWidth="1"/>
    <col min="8452" max="8452" width="10.21875" style="836" customWidth="1"/>
    <col min="8453" max="8457" width="4.44140625" style="836"/>
    <col min="8458" max="8458" width="8.21875" style="836" customWidth="1"/>
    <col min="8459" max="8460" width="4.44140625" style="836"/>
    <col min="8461" max="8466" width="5.6640625" style="836" customWidth="1"/>
    <col min="8467" max="8467" width="4.44140625" style="836"/>
    <col min="8468" max="8469" width="7.44140625" style="836" customWidth="1"/>
    <col min="8470" max="8472" width="4.44140625" style="836"/>
    <col min="8473" max="8473" width="2.6640625" style="836" customWidth="1"/>
    <col min="8474" max="8474" width="3.77734375" style="836" customWidth="1"/>
    <col min="8475" max="8705" width="4.44140625" style="836"/>
    <col min="8706" max="8706" width="3.21875" style="836" customWidth="1"/>
    <col min="8707" max="8707" width="2.6640625" style="836" customWidth="1"/>
    <col min="8708" max="8708" width="10.21875" style="836" customWidth="1"/>
    <col min="8709" max="8713" width="4.44140625" style="836"/>
    <col min="8714" max="8714" width="8.21875" style="836" customWidth="1"/>
    <col min="8715" max="8716" width="4.44140625" style="836"/>
    <col min="8717" max="8722" width="5.6640625" style="836" customWidth="1"/>
    <col min="8723" max="8723" width="4.44140625" style="836"/>
    <col min="8724" max="8725" width="7.44140625" style="836" customWidth="1"/>
    <col min="8726" max="8728" width="4.44140625" style="836"/>
    <col min="8729" max="8729" width="2.6640625" style="836" customWidth="1"/>
    <col min="8730" max="8730" width="3.77734375" style="836" customWidth="1"/>
    <col min="8731" max="8961" width="4.44140625" style="836"/>
    <col min="8962" max="8962" width="3.21875" style="836" customWidth="1"/>
    <col min="8963" max="8963" width="2.6640625" style="836" customWidth="1"/>
    <col min="8964" max="8964" width="10.21875" style="836" customWidth="1"/>
    <col min="8965" max="8969" width="4.44140625" style="836"/>
    <col min="8970" max="8970" width="8.21875" style="836" customWidth="1"/>
    <col min="8971" max="8972" width="4.44140625" style="836"/>
    <col min="8973" max="8978" width="5.6640625" style="836" customWidth="1"/>
    <col min="8979" max="8979" width="4.44140625" style="836"/>
    <col min="8980" max="8981" width="7.44140625" style="836" customWidth="1"/>
    <col min="8982" max="8984" width="4.44140625" style="836"/>
    <col min="8985" max="8985" width="2.6640625" style="836" customWidth="1"/>
    <col min="8986" max="8986" width="3.77734375" style="836" customWidth="1"/>
    <col min="8987" max="9217" width="4.44140625" style="836"/>
    <col min="9218" max="9218" width="3.21875" style="836" customWidth="1"/>
    <col min="9219" max="9219" width="2.6640625" style="836" customWidth="1"/>
    <col min="9220" max="9220" width="10.21875" style="836" customWidth="1"/>
    <col min="9221" max="9225" width="4.44140625" style="836"/>
    <col min="9226" max="9226" width="8.21875" style="836" customWidth="1"/>
    <col min="9227" max="9228" width="4.44140625" style="836"/>
    <col min="9229" max="9234" width="5.6640625" style="836" customWidth="1"/>
    <col min="9235" max="9235" width="4.44140625" style="836"/>
    <col min="9236" max="9237" width="7.44140625" style="836" customWidth="1"/>
    <col min="9238" max="9240" width="4.44140625" style="836"/>
    <col min="9241" max="9241" width="2.6640625" style="836" customWidth="1"/>
    <col min="9242" max="9242" width="3.77734375" style="836" customWidth="1"/>
    <col min="9243" max="9473" width="4.44140625" style="836"/>
    <col min="9474" max="9474" width="3.21875" style="836" customWidth="1"/>
    <col min="9475" max="9475" width="2.6640625" style="836" customWidth="1"/>
    <col min="9476" max="9476" width="10.21875" style="836" customWidth="1"/>
    <col min="9477" max="9481" width="4.44140625" style="836"/>
    <col min="9482" max="9482" width="8.21875" style="836" customWidth="1"/>
    <col min="9483" max="9484" width="4.44140625" style="836"/>
    <col min="9485" max="9490" width="5.6640625" style="836" customWidth="1"/>
    <col min="9491" max="9491" width="4.44140625" style="836"/>
    <col min="9492" max="9493" width="7.44140625" style="836" customWidth="1"/>
    <col min="9494" max="9496" width="4.44140625" style="836"/>
    <col min="9497" max="9497" width="2.6640625" style="836" customWidth="1"/>
    <col min="9498" max="9498" width="3.77734375" style="836" customWidth="1"/>
    <col min="9499" max="9729" width="4.44140625" style="836"/>
    <col min="9730" max="9730" width="3.21875" style="836" customWidth="1"/>
    <col min="9731" max="9731" width="2.6640625" style="836" customWidth="1"/>
    <col min="9732" max="9732" width="10.21875" style="836" customWidth="1"/>
    <col min="9733" max="9737" width="4.44140625" style="836"/>
    <col min="9738" max="9738" width="8.21875" style="836" customWidth="1"/>
    <col min="9739" max="9740" width="4.44140625" style="836"/>
    <col min="9741" max="9746" width="5.6640625" style="836" customWidth="1"/>
    <col min="9747" max="9747" width="4.44140625" style="836"/>
    <col min="9748" max="9749" width="7.44140625" style="836" customWidth="1"/>
    <col min="9750" max="9752" width="4.44140625" style="836"/>
    <col min="9753" max="9753" width="2.6640625" style="836" customWidth="1"/>
    <col min="9754" max="9754" width="3.77734375" style="836" customWidth="1"/>
    <col min="9755" max="9985" width="4.44140625" style="836"/>
    <col min="9986" max="9986" width="3.21875" style="836" customWidth="1"/>
    <col min="9987" max="9987" width="2.6640625" style="836" customWidth="1"/>
    <col min="9988" max="9988" width="10.21875" style="836" customWidth="1"/>
    <col min="9989" max="9993" width="4.44140625" style="836"/>
    <col min="9994" max="9994" width="8.21875" style="836" customWidth="1"/>
    <col min="9995" max="9996" width="4.44140625" style="836"/>
    <col min="9997" max="10002" width="5.6640625" style="836" customWidth="1"/>
    <col min="10003" max="10003" width="4.44140625" style="836"/>
    <col min="10004" max="10005" width="7.44140625" style="836" customWidth="1"/>
    <col min="10006" max="10008" width="4.44140625" style="836"/>
    <col min="10009" max="10009" width="2.6640625" style="836" customWidth="1"/>
    <col min="10010" max="10010" width="3.77734375" style="836" customWidth="1"/>
    <col min="10011" max="10241" width="4.44140625" style="836"/>
    <col min="10242" max="10242" width="3.21875" style="836" customWidth="1"/>
    <col min="10243" max="10243" width="2.6640625" style="836" customWidth="1"/>
    <col min="10244" max="10244" width="10.21875" style="836" customWidth="1"/>
    <col min="10245" max="10249" width="4.44140625" style="836"/>
    <col min="10250" max="10250" width="8.21875" style="836" customWidth="1"/>
    <col min="10251" max="10252" width="4.44140625" style="836"/>
    <col min="10253" max="10258" width="5.6640625" style="836" customWidth="1"/>
    <col min="10259" max="10259" width="4.44140625" style="836"/>
    <col min="10260" max="10261" width="7.44140625" style="836" customWidth="1"/>
    <col min="10262" max="10264" width="4.44140625" style="836"/>
    <col min="10265" max="10265" width="2.6640625" style="836" customWidth="1"/>
    <col min="10266" max="10266" width="3.77734375" style="836" customWidth="1"/>
    <col min="10267" max="10497" width="4.44140625" style="836"/>
    <col min="10498" max="10498" width="3.21875" style="836" customWidth="1"/>
    <col min="10499" max="10499" width="2.6640625" style="836" customWidth="1"/>
    <col min="10500" max="10500" width="10.21875" style="836" customWidth="1"/>
    <col min="10501" max="10505" width="4.44140625" style="836"/>
    <col min="10506" max="10506" width="8.21875" style="836" customWidth="1"/>
    <col min="10507" max="10508" width="4.44140625" style="836"/>
    <col min="10509" max="10514" width="5.6640625" style="836" customWidth="1"/>
    <col min="10515" max="10515" width="4.44140625" style="836"/>
    <col min="10516" max="10517" width="7.44140625" style="836" customWidth="1"/>
    <col min="10518" max="10520" width="4.44140625" style="836"/>
    <col min="10521" max="10521" width="2.6640625" style="836" customWidth="1"/>
    <col min="10522" max="10522" width="3.77734375" style="836" customWidth="1"/>
    <col min="10523" max="10753" width="4.44140625" style="836"/>
    <col min="10754" max="10754" width="3.21875" style="836" customWidth="1"/>
    <col min="10755" max="10755" width="2.6640625" style="836" customWidth="1"/>
    <col min="10756" max="10756" width="10.21875" style="836" customWidth="1"/>
    <col min="10757" max="10761" width="4.44140625" style="836"/>
    <col min="10762" max="10762" width="8.21875" style="836" customWidth="1"/>
    <col min="10763" max="10764" width="4.44140625" style="836"/>
    <col min="10765" max="10770" width="5.6640625" style="836" customWidth="1"/>
    <col min="10771" max="10771" width="4.44140625" style="836"/>
    <col min="10772" max="10773" width="7.44140625" style="836" customWidth="1"/>
    <col min="10774" max="10776" width="4.44140625" style="836"/>
    <col min="10777" max="10777" width="2.6640625" style="836" customWidth="1"/>
    <col min="10778" max="10778" width="3.77734375" style="836" customWidth="1"/>
    <col min="10779" max="11009" width="4.44140625" style="836"/>
    <col min="11010" max="11010" width="3.21875" style="836" customWidth="1"/>
    <col min="11011" max="11011" width="2.6640625" style="836" customWidth="1"/>
    <col min="11012" max="11012" width="10.21875" style="836" customWidth="1"/>
    <col min="11013" max="11017" width="4.44140625" style="836"/>
    <col min="11018" max="11018" width="8.21875" style="836" customWidth="1"/>
    <col min="11019" max="11020" width="4.44140625" style="836"/>
    <col min="11021" max="11026" width="5.6640625" style="836" customWidth="1"/>
    <col min="11027" max="11027" width="4.44140625" style="836"/>
    <col min="11028" max="11029" width="7.44140625" style="836" customWidth="1"/>
    <col min="11030" max="11032" width="4.44140625" style="836"/>
    <col min="11033" max="11033" width="2.6640625" style="836" customWidth="1"/>
    <col min="11034" max="11034" width="3.77734375" style="836" customWidth="1"/>
    <col min="11035" max="11265" width="4.44140625" style="836"/>
    <col min="11266" max="11266" width="3.21875" style="836" customWidth="1"/>
    <col min="11267" max="11267" width="2.6640625" style="836" customWidth="1"/>
    <col min="11268" max="11268" width="10.21875" style="836" customWidth="1"/>
    <col min="11269" max="11273" width="4.44140625" style="836"/>
    <col min="11274" max="11274" width="8.21875" style="836" customWidth="1"/>
    <col min="11275" max="11276" width="4.44140625" style="836"/>
    <col min="11277" max="11282" width="5.6640625" style="836" customWidth="1"/>
    <col min="11283" max="11283" width="4.44140625" style="836"/>
    <col min="11284" max="11285" width="7.44140625" style="836" customWidth="1"/>
    <col min="11286" max="11288" width="4.44140625" style="836"/>
    <col min="11289" max="11289" width="2.6640625" style="836" customWidth="1"/>
    <col min="11290" max="11290" width="3.77734375" style="836" customWidth="1"/>
    <col min="11291" max="11521" width="4.44140625" style="836"/>
    <col min="11522" max="11522" width="3.21875" style="836" customWidth="1"/>
    <col min="11523" max="11523" width="2.6640625" style="836" customWidth="1"/>
    <col min="11524" max="11524" width="10.21875" style="836" customWidth="1"/>
    <col min="11525" max="11529" width="4.44140625" style="836"/>
    <col min="11530" max="11530" width="8.21875" style="836" customWidth="1"/>
    <col min="11531" max="11532" width="4.44140625" style="836"/>
    <col min="11533" max="11538" width="5.6640625" style="836" customWidth="1"/>
    <col min="11539" max="11539" width="4.44140625" style="836"/>
    <col min="11540" max="11541" width="7.44140625" style="836" customWidth="1"/>
    <col min="11542" max="11544" width="4.44140625" style="836"/>
    <col min="11545" max="11545" width="2.6640625" style="836" customWidth="1"/>
    <col min="11546" max="11546" width="3.77734375" style="836" customWidth="1"/>
    <col min="11547" max="11777" width="4.44140625" style="836"/>
    <col min="11778" max="11778" width="3.21875" style="836" customWidth="1"/>
    <col min="11779" max="11779" width="2.6640625" style="836" customWidth="1"/>
    <col min="11780" max="11780" width="10.21875" style="836" customWidth="1"/>
    <col min="11781" max="11785" width="4.44140625" style="836"/>
    <col min="11786" max="11786" width="8.21875" style="836" customWidth="1"/>
    <col min="11787" max="11788" width="4.44140625" style="836"/>
    <col min="11789" max="11794" width="5.6640625" style="836" customWidth="1"/>
    <col min="11795" max="11795" width="4.44140625" style="836"/>
    <col min="11796" max="11797" width="7.44140625" style="836" customWidth="1"/>
    <col min="11798" max="11800" width="4.44140625" style="836"/>
    <col min="11801" max="11801" width="2.6640625" style="836" customWidth="1"/>
    <col min="11802" max="11802" width="3.77734375" style="836" customWidth="1"/>
    <col min="11803" max="12033" width="4.44140625" style="836"/>
    <col min="12034" max="12034" width="3.21875" style="836" customWidth="1"/>
    <col min="12035" max="12035" width="2.6640625" style="836" customWidth="1"/>
    <col min="12036" max="12036" width="10.21875" style="836" customWidth="1"/>
    <col min="12037" max="12041" width="4.44140625" style="836"/>
    <col min="12042" max="12042" width="8.21875" style="836" customWidth="1"/>
    <col min="12043" max="12044" width="4.44140625" style="836"/>
    <col min="12045" max="12050" width="5.6640625" style="836" customWidth="1"/>
    <col min="12051" max="12051" width="4.44140625" style="836"/>
    <col min="12052" max="12053" width="7.44140625" style="836" customWidth="1"/>
    <col min="12054" max="12056" width="4.44140625" style="836"/>
    <col min="12057" max="12057" width="2.6640625" style="836" customWidth="1"/>
    <col min="12058" max="12058" width="3.77734375" style="836" customWidth="1"/>
    <col min="12059" max="12289" width="4.44140625" style="836"/>
    <col min="12290" max="12290" width="3.21875" style="836" customWidth="1"/>
    <col min="12291" max="12291" width="2.6640625" style="836" customWidth="1"/>
    <col min="12292" max="12292" width="10.21875" style="836" customWidth="1"/>
    <col min="12293" max="12297" width="4.44140625" style="836"/>
    <col min="12298" max="12298" width="8.21875" style="836" customWidth="1"/>
    <col min="12299" max="12300" width="4.44140625" style="836"/>
    <col min="12301" max="12306" width="5.6640625" style="836" customWidth="1"/>
    <col min="12307" max="12307" width="4.44140625" style="836"/>
    <col min="12308" max="12309" width="7.44140625" style="836" customWidth="1"/>
    <col min="12310" max="12312" width="4.44140625" style="836"/>
    <col min="12313" max="12313" width="2.6640625" style="836" customWidth="1"/>
    <col min="12314" max="12314" width="3.77734375" style="836" customWidth="1"/>
    <col min="12315" max="12545" width="4.44140625" style="836"/>
    <col min="12546" max="12546" width="3.21875" style="836" customWidth="1"/>
    <col min="12547" max="12547" width="2.6640625" style="836" customWidth="1"/>
    <col min="12548" max="12548" width="10.21875" style="836" customWidth="1"/>
    <col min="12549" max="12553" width="4.44140625" style="836"/>
    <col min="12554" max="12554" width="8.21875" style="836" customWidth="1"/>
    <col min="12555" max="12556" width="4.44140625" style="836"/>
    <col min="12557" max="12562" width="5.6640625" style="836" customWidth="1"/>
    <col min="12563" max="12563" width="4.44140625" style="836"/>
    <col min="12564" max="12565" width="7.44140625" style="836" customWidth="1"/>
    <col min="12566" max="12568" width="4.44140625" style="836"/>
    <col min="12569" max="12569" width="2.6640625" style="836" customWidth="1"/>
    <col min="12570" max="12570" width="3.77734375" style="836" customWidth="1"/>
    <col min="12571" max="12801" width="4.44140625" style="836"/>
    <col min="12802" max="12802" width="3.21875" style="836" customWidth="1"/>
    <col min="12803" max="12803" width="2.6640625" style="836" customWidth="1"/>
    <col min="12804" max="12804" width="10.21875" style="836" customWidth="1"/>
    <col min="12805" max="12809" width="4.44140625" style="836"/>
    <col min="12810" max="12810" width="8.21875" style="836" customWidth="1"/>
    <col min="12811" max="12812" width="4.44140625" style="836"/>
    <col min="12813" max="12818" width="5.6640625" style="836" customWidth="1"/>
    <col min="12819" max="12819" width="4.44140625" style="836"/>
    <col min="12820" max="12821" width="7.44140625" style="836" customWidth="1"/>
    <col min="12822" max="12824" width="4.44140625" style="836"/>
    <col min="12825" max="12825" width="2.6640625" style="836" customWidth="1"/>
    <col min="12826" max="12826" width="3.77734375" style="836" customWidth="1"/>
    <col min="12827" max="13057" width="4.44140625" style="836"/>
    <col min="13058" max="13058" width="3.21875" style="836" customWidth="1"/>
    <col min="13059" max="13059" width="2.6640625" style="836" customWidth="1"/>
    <col min="13060" max="13060" width="10.21875" style="836" customWidth="1"/>
    <col min="13061" max="13065" width="4.44140625" style="836"/>
    <col min="13066" max="13066" width="8.21875" style="836" customWidth="1"/>
    <col min="13067" max="13068" width="4.44140625" style="836"/>
    <col min="13069" max="13074" width="5.6640625" style="836" customWidth="1"/>
    <col min="13075" max="13075" width="4.44140625" style="836"/>
    <col min="13076" max="13077" width="7.44140625" style="836" customWidth="1"/>
    <col min="13078" max="13080" width="4.44140625" style="836"/>
    <col min="13081" max="13081" width="2.6640625" style="836" customWidth="1"/>
    <col min="13082" max="13082" width="3.77734375" style="836" customWidth="1"/>
    <col min="13083" max="13313" width="4.44140625" style="836"/>
    <col min="13314" max="13314" width="3.21875" style="836" customWidth="1"/>
    <col min="13315" max="13315" width="2.6640625" style="836" customWidth="1"/>
    <col min="13316" max="13316" width="10.21875" style="836" customWidth="1"/>
    <col min="13317" max="13321" width="4.44140625" style="836"/>
    <col min="13322" max="13322" width="8.21875" style="836" customWidth="1"/>
    <col min="13323" max="13324" width="4.44140625" style="836"/>
    <col min="13325" max="13330" width="5.6640625" style="836" customWidth="1"/>
    <col min="13331" max="13331" width="4.44140625" style="836"/>
    <col min="13332" max="13333" width="7.44140625" style="836" customWidth="1"/>
    <col min="13334" max="13336" width="4.44140625" style="836"/>
    <col min="13337" max="13337" width="2.6640625" style="836" customWidth="1"/>
    <col min="13338" max="13338" width="3.77734375" style="836" customWidth="1"/>
    <col min="13339" max="13569" width="4.44140625" style="836"/>
    <col min="13570" max="13570" width="3.21875" style="836" customWidth="1"/>
    <col min="13571" max="13571" width="2.6640625" style="836" customWidth="1"/>
    <col min="13572" max="13572" width="10.21875" style="836" customWidth="1"/>
    <col min="13573" max="13577" width="4.44140625" style="836"/>
    <col min="13578" max="13578" width="8.21875" style="836" customWidth="1"/>
    <col min="13579" max="13580" width="4.44140625" style="836"/>
    <col min="13581" max="13586" width="5.6640625" style="836" customWidth="1"/>
    <col min="13587" max="13587" width="4.44140625" style="836"/>
    <col min="13588" max="13589" width="7.44140625" style="836" customWidth="1"/>
    <col min="13590" max="13592" width="4.44140625" style="836"/>
    <col min="13593" max="13593" width="2.6640625" style="836" customWidth="1"/>
    <col min="13594" max="13594" width="3.77734375" style="836" customWidth="1"/>
    <col min="13595" max="13825" width="4.44140625" style="836"/>
    <col min="13826" max="13826" width="3.21875" style="836" customWidth="1"/>
    <col min="13827" max="13827" width="2.6640625" style="836" customWidth="1"/>
    <col min="13828" max="13828" width="10.21875" style="836" customWidth="1"/>
    <col min="13829" max="13833" width="4.44140625" style="836"/>
    <col min="13834" max="13834" width="8.21875" style="836" customWidth="1"/>
    <col min="13835" max="13836" width="4.44140625" style="836"/>
    <col min="13837" max="13842" width="5.6640625" style="836" customWidth="1"/>
    <col min="13843" max="13843" width="4.44140625" style="836"/>
    <col min="13844" max="13845" width="7.44140625" style="836" customWidth="1"/>
    <col min="13846" max="13848" width="4.44140625" style="836"/>
    <col min="13849" max="13849" width="2.6640625" style="836" customWidth="1"/>
    <col min="13850" max="13850" width="3.77734375" style="836" customWidth="1"/>
    <col min="13851" max="14081" width="4.44140625" style="836"/>
    <col min="14082" max="14082" width="3.21875" style="836" customWidth="1"/>
    <col min="14083" max="14083" width="2.6640625" style="836" customWidth="1"/>
    <col min="14084" max="14084" width="10.21875" style="836" customWidth="1"/>
    <col min="14085" max="14089" width="4.44140625" style="836"/>
    <col min="14090" max="14090" width="8.21875" style="836" customWidth="1"/>
    <col min="14091" max="14092" width="4.44140625" style="836"/>
    <col min="14093" max="14098" width="5.6640625" style="836" customWidth="1"/>
    <col min="14099" max="14099" width="4.44140625" style="836"/>
    <col min="14100" max="14101" width="7.44140625" style="836" customWidth="1"/>
    <col min="14102" max="14104" width="4.44140625" style="836"/>
    <col min="14105" max="14105" width="2.6640625" style="836" customWidth="1"/>
    <col min="14106" max="14106" width="3.77734375" style="836" customWidth="1"/>
    <col min="14107" max="14337" width="4.44140625" style="836"/>
    <col min="14338" max="14338" width="3.21875" style="836" customWidth="1"/>
    <col min="14339" max="14339" width="2.6640625" style="836" customWidth="1"/>
    <col min="14340" max="14340" width="10.21875" style="836" customWidth="1"/>
    <col min="14341" max="14345" width="4.44140625" style="836"/>
    <col min="14346" max="14346" width="8.21875" style="836" customWidth="1"/>
    <col min="14347" max="14348" width="4.44140625" style="836"/>
    <col min="14349" max="14354" width="5.6640625" style="836" customWidth="1"/>
    <col min="14355" max="14355" width="4.44140625" style="836"/>
    <col min="14356" max="14357" width="7.44140625" style="836" customWidth="1"/>
    <col min="14358" max="14360" width="4.44140625" style="836"/>
    <col min="14361" max="14361" width="2.6640625" style="836" customWidth="1"/>
    <col min="14362" max="14362" width="3.77734375" style="836" customWidth="1"/>
    <col min="14363" max="14593" width="4.44140625" style="836"/>
    <col min="14594" max="14594" width="3.21875" style="836" customWidth="1"/>
    <col min="14595" max="14595" width="2.6640625" style="836" customWidth="1"/>
    <col min="14596" max="14596" width="10.21875" style="836" customWidth="1"/>
    <col min="14597" max="14601" width="4.44140625" style="836"/>
    <col min="14602" max="14602" width="8.21875" style="836" customWidth="1"/>
    <col min="14603" max="14604" width="4.44140625" style="836"/>
    <col min="14605" max="14610" width="5.6640625" style="836" customWidth="1"/>
    <col min="14611" max="14611" width="4.44140625" style="836"/>
    <col min="14612" max="14613" width="7.44140625" style="836" customWidth="1"/>
    <col min="14614" max="14616" width="4.44140625" style="836"/>
    <col min="14617" max="14617" width="2.6640625" style="836" customWidth="1"/>
    <col min="14618" max="14618" width="3.77734375" style="836" customWidth="1"/>
    <col min="14619" max="14849" width="4.44140625" style="836"/>
    <col min="14850" max="14850" width="3.21875" style="836" customWidth="1"/>
    <col min="14851" max="14851" width="2.6640625" style="836" customWidth="1"/>
    <col min="14852" max="14852" width="10.21875" style="836" customWidth="1"/>
    <col min="14853" max="14857" width="4.44140625" style="836"/>
    <col min="14858" max="14858" width="8.21875" style="836" customWidth="1"/>
    <col min="14859" max="14860" width="4.44140625" style="836"/>
    <col min="14861" max="14866" width="5.6640625" style="836" customWidth="1"/>
    <col min="14867" max="14867" width="4.44140625" style="836"/>
    <col min="14868" max="14869" width="7.44140625" style="836" customWidth="1"/>
    <col min="14870" max="14872" width="4.44140625" style="836"/>
    <col min="14873" max="14873" width="2.6640625" style="836" customWidth="1"/>
    <col min="14874" max="14874" width="3.77734375" style="836" customWidth="1"/>
    <col min="14875" max="15105" width="4.44140625" style="836"/>
    <col min="15106" max="15106" width="3.21875" style="836" customWidth="1"/>
    <col min="15107" max="15107" width="2.6640625" style="836" customWidth="1"/>
    <col min="15108" max="15108" width="10.21875" style="836" customWidth="1"/>
    <col min="15109" max="15113" width="4.44140625" style="836"/>
    <col min="15114" max="15114" width="8.21875" style="836" customWidth="1"/>
    <col min="15115" max="15116" width="4.44140625" style="836"/>
    <col min="15117" max="15122" width="5.6640625" style="836" customWidth="1"/>
    <col min="15123" max="15123" width="4.44140625" style="836"/>
    <col min="15124" max="15125" width="7.44140625" style="836" customWidth="1"/>
    <col min="15126" max="15128" width="4.44140625" style="836"/>
    <col min="15129" max="15129" width="2.6640625" style="836" customWidth="1"/>
    <col min="15130" max="15130" width="3.77734375" style="836" customWidth="1"/>
    <col min="15131" max="15361" width="4.44140625" style="836"/>
    <col min="15362" max="15362" width="3.21875" style="836" customWidth="1"/>
    <col min="15363" max="15363" width="2.6640625" style="836" customWidth="1"/>
    <col min="15364" max="15364" width="10.21875" style="836" customWidth="1"/>
    <col min="15365" max="15369" width="4.44140625" style="836"/>
    <col min="15370" max="15370" width="8.21875" style="836" customWidth="1"/>
    <col min="15371" max="15372" width="4.44140625" style="836"/>
    <col min="15373" max="15378" width="5.6640625" style="836" customWidth="1"/>
    <col min="15379" max="15379" width="4.44140625" style="836"/>
    <col min="15380" max="15381" width="7.44140625" style="836" customWidth="1"/>
    <col min="15382" max="15384" width="4.44140625" style="836"/>
    <col min="15385" max="15385" width="2.6640625" style="836" customWidth="1"/>
    <col min="15386" max="15386" width="3.77734375" style="836" customWidth="1"/>
    <col min="15387" max="15617" width="4.44140625" style="836"/>
    <col min="15618" max="15618" width="3.21875" style="836" customWidth="1"/>
    <col min="15619" max="15619" width="2.6640625" style="836" customWidth="1"/>
    <col min="15620" max="15620" width="10.21875" style="836" customWidth="1"/>
    <col min="15621" max="15625" width="4.44140625" style="836"/>
    <col min="15626" max="15626" width="8.21875" style="836" customWidth="1"/>
    <col min="15627" max="15628" width="4.44140625" style="836"/>
    <col min="15629" max="15634" width="5.6640625" style="836" customWidth="1"/>
    <col min="15635" max="15635" width="4.44140625" style="836"/>
    <col min="15636" max="15637" width="7.44140625" style="836" customWidth="1"/>
    <col min="15638" max="15640" width="4.44140625" style="836"/>
    <col min="15641" max="15641" width="2.6640625" style="836" customWidth="1"/>
    <col min="15642" max="15642" width="3.77734375" style="836" customWidth="1"/>
    <col min="15643" max="15873" width="4.44140625" style="836"/>
    <col min="15874" max="15874" width="3.21875" style="836" customWidth="1"/>
    <col min="15875" max="15875" width="2.6640625" style="836" customWidth="1"/>
    <col min="15876" max="15876" width="10.21875" style="836" customWidth="1"/>
    <col min="15877" max="15881" width="4.44140625" style="836"/>
    <col min="15882" max="15882" width="8.21875" style="836" customWidth="1"/>
    <col min="15883" max="15884" width="4.44140625" style="836"/>
    <col min="15885" max="15890" width="5.6640625" style="836" customWidth="1"/>
    <col min="15891" max="15891" width="4.44140625" style="836"/>
    <col min="15892" max="15893" width="7.44140625" style="836" customWidth="1"/>
    <col min="15894" max="15896" width="4.44140625" style="836"/>
    <col min="15897" max="15897" width="2.6640625" style="836" customWidth="1"/>
    <col min="15898" max="15898" width="3.77734375" style="836" customWidth="1"/>
    <col min="15899" max="16129" width="4.44140625" style="836"/>
    <col min="16130" max="16130" width="3.21875" style="836" customWidth="1"/>
    <col min="16131" max="16131" width="2.6640625" style="836" customWidth="1"/>
    <col min="16132" max="16132" width="10.21875" style="836" customWidth="1"/>
    <col min="16133" max="16137" width="4.44140625" style="836"/>
    <col min="16138" max="16138" width="8.21875" style="836" customWidth="1"/>
    <col min="16139" max="16140" width="4.44140625" style="836"/>
    <col min="16141" max="16146" width="5.6640625" style="836" customWidth="1"/>
    <col min="16147" max="16147" width="4.44140625" style="836"/>
    <col min="16148" max="16149" width="7.44140625" style="836" customWidth="1"/>
    <col min="16150" max="16152" width="4.44140625" style="836"/>
    <col min="16153" max="16153" width="2.6640625" style="836" customWidth="1"/>
    <col min="16154" max="16154" width="3.77734375" style="836" customWidth="1"/>
    <col min="16155" max="16384" width="4.44140625" style="836"/>
  </cols>
  <sheetData>
    <row r="1" spans="1:25" ht="15" customHeight="1" x14ac:dyDescent="0.2">
      <c r="A1" s="625"/>
      <c r="B1" s="627"/>
      <c r="C1" s="627"/>
      <c r="D1" s="627"/>
      <c r="E1" s="627"/>
      <c r="F1" s="627"/>
      <c r="G1" s="627"/>
      <c r="H1" s="627"/>
      <c r="I1" s="627"/>
      <c r="J1" s="627"/>
      <c r="K1" s="627"/>
      <c r="L1" s="627"/>
      <c r="M1" s="627"/>
      <c r="N1" s="627"/>
      <c r="O1" s="627"/>
      <c r="P1" s="627"/>
      <c r="Q1" s="627"/>
      <c r="R1" s="627"/>
      <c r="S1" s="627"/>
      <c r="T1" s="627"/>
      <c r="U1" s="627"/>
      <c r="V1" s="627"/>
      <c r="W1" s="627"/>
      <c r="X1" s="627"/>
      <c r="Y1" s="627"/>
    </row>
    <row r="2" spans="1:25" ht="15" customHeight="1" x14ac:dyDescent="0.2">
      <c r="A2" s="625"/>
      <c r="B2" s="627"/>
      <c r="C2" s="559" t="s">
        <v>268</v>
      </c>
      <c r="D2" s="627"/>
      <c r="E2" s="627"/>
      <c r="F2" s="627"/>
      <c r="G2" s="627"/>
      <c r="H2" s="627"/>
      <c r="I2" s="627"/>
      <c r="J2" s="627"/>
      <c r="K2" s="627"/>
      <c r="L2" s="627"/>
      <c r="M2" s="627"/>
      <c r="N2" s="627"/>
      <c r="O2" s="627"/>
      <c r="P2" s="627"/>
      <c r="Q2" s="1191" t="s">
        <v>1393</v>
      </c>
      <c r="R2" s="1191"/>
      <c r="S2" s="1191"/>
      <c r="T2" s="1191"/>
      <c r="U2" s="1191"/>
      <c r="V2" s="1191"/>
      <c r="W2" s="1191"/>
      <c r="X2" s="1191"/>
      <c r="Y2" s="1191"/>
    </row>
    <row r="3" spans="1:25" ht="15" customHeight="1" x14ac:dyDescent="0.2">
      <c r="A3" s="625"/>
      <c r="B3" s="627"/>
      <c r="C3" s="627"/>
      <c r="D3" s="627"/>
      <c r="E3" s="627"/>
      <c r="F3" s="627"/>
      <c r="G3" s="627"/>
      <c r="H3" s="627"/>
      <c r="I3" s="627"/>
      <c r="J3" s="627"/>
      <c r="K3" s="627"/>
      <c r="L3" s="627"/>
      <c r="M3" s="627"/>
      <c r="N3" s="627"/>
      <c r="O3" s="627"/>
      <c r="P3" s="627"/>
      <c r="Q3" s="627"/>
      <c r="R3" s="627"/>
      <c r="S3" s="711"/>
      <c r="T3" s="627"/>
      <c r="U3" s="627"/>
      <c r="V3" s="627"/>
      <c r="W3" s="627"/>
      <c r="X3" s="627"/>
      <c r="Y3" s="627"/>
    </row>
    <row r="4" spans="1:25" ht="15" customHeight="1" x14ac:dyDescent="0.2">
      <c r="A4" s="625"/>
      <c r="B4" s="1192" t="s">
        <v>100</v>
      </c>
      <c r="C4" s="1192"/>
      <c r="D4" s="1192"/>
      <c r="E4" s="1192"/>
      <c r="F4" s="1192"/>
      <c r="G4" s="1192"/>
      <c r="H4" s="1192"/>
      <c r="I4" s="1192"/>
      <c r="J4" s="1192"/>
      <c r="K4" s="1192"/>
      <c r="L4" s="1192"/>
      <c r="M4" s="1192"/>
      <c r="N4" s="1192"/>
      <c r="O4" s="1192"/>
      <c r="P4" s="1192"/>
      <c r="Q4" s="1192"/>
      <c r="R4" s="1192"/>
      <c r="S4" s="1192"/>
      <c r="T4" s="1192"/>
      <c r="U4" s="1192"/>
      <c r="V4" s="1192"/>
      <c r="W4" s="1192"/>
      <c r="X4" s="1192"/>
      <c r="Y4" s="1192"/>
    </row>
    <row r="5" spans="1:25" ht="15" customHeight="1" x14ac:dyDescent="0.2">
      <c r="A5" s="625"/>
      <c r="B5" s="627"/>
      <c r="C5" s="627"/>
      <c r="D5" s="627"/>
      <c r="E5" s="627"/>
      <c r="F5" s="627"/>
      <c r="G5" s="627"/>
      <c r="H5" s="627"/>
      <c r="I5" s="627"/>
      <c r="J5" s="627"/>
      <c r="K5" s="627"/>
      <c r="L5" s="627"/>
      <c r="M5" s="627"/>
      <c r="N5" s="627"/>
      <c r="O5" s="627"/>
      <c r="P5" s="627"/>
      <c r="Q5" s="627"/>
      <c r="R5" s="627"/>
      <c r="S5" s="627"/>
      <c r="T5" s="627"/>
      <c r="U5" s="627"/>
      <c r="V5" s="627"/>
      <c r="W5" s="627"/>
      <c r="X5" s="627"/>
      <c r="Y5" s="627"/>
    </row>
    <row r="6" spans="1:25" ht="22.5" customHeight="1" x14ac:dyDescent="0.2">
      <c r="A6" s="625"/>
      <c r="B6" s="1193" t="s">
        <v>101</v>
      </c>
      <c r="C6" s="1194"/>
      <c r="D6" s="1194"/>
      <c r="E6" s="1194"/>
      <c r="F6" s="1195"/>
      <c r="G6" s="1193"/>
      <c r="H6" s="1194"/>
      <c r="I6" s="1194"/>
      <c r="J6" s="1194"/>
      <c r="K6" s="1194"/>
      <c r="L6" s="1194"/>
      <c r="M6" s="1194"/>
      <c r="N6" s="1194"/>
      <c r="O6" s="1194"/>
      <c r="P6" s="1194"/>
      <c r="Q6" s="1194"/>
      <c r="R6" s="1194"/>
      <c r="S6" s="1194"/>
      <c r="T6" s="1194"/>
      <c r="U6" s="1194"/>
      <c r="V6" s="1194"/>
      <c r="W6" s="1194"/>
      <c r="X6" s="1194"/>
      <c r="Y6" s="1195"/>
    </row>
    <row r="7" spans="1:25" ht="22.5" customHeight="1" x14ac:dyDescent="0.2">
      <c r="A7" s="625"/>
      <c r="B7" s="1193" t="s">
        <v>1394</v>
      </c>
      <c r="C7" s="1194"/>
      <c r="D7" s="1194"/>
      <c r="E7" s="1194"/>
      <c r="F7" s="1195"/>
      <c r="G7" s="1193" t="s">
        <v>1395</v>
      </c>
      <c r="H7" s="1194"/>
      <c r="I7" s="1194"/>
      <c r="J7" s="1194"/>
      <c r="K7" s="1194"/>
      <c r="L7" s="1194"/>
      <c r="M7" s="1194"/>
      <c r="N7" s="1194"/>
      <c r="O7" s="1194"/>
      <c r="P7" s="1194"/>
      <c r="Q7" s="1194"/>
      <c r="R7" s="1194"/>
      <c r="S7" s="1194"/>
      <c r="T7" s="1194"/>
      <c r="U7" s="1194"/>
      <c r="V7" s="1194"/>
      <c r="W7" s="1194"/>
      <c r="X7" s="1194"/>
      <c r="Y7" s="1195"/>
    </row>
    <row r="8" spans="1:25" ht="22.5" customHeight="1" x14ac:dyDescent="0.2">
      <c r="A8" s="625"/>
      <c r="B8" s="1196" t="s">
        <v>1396</v>
      </c>
      <c r="C8" s="1196"/>
      <c r="D8" s="1196"/>
      <c r="E8" s="1196"/>
      <c r="F8" s="1196"/>
      <c r="G8" s="1197" t="s">
        <v>1397</v>
      </c>
      <c r="H8" s="1198"/>
      <c r="I8" s="1198"/>
      <c r="J8" s="1198"/>
      <c r="K8" s="1198"/>
      <c r="L8" s="1198"/>
      <c r="M8" s="1198"/>
      <c r="N8" s="1198"/>
      <c r="O8" s="1198"/>
      <c r="P8" s="1198"/>
      <c r="Q8" s="1198"/>
      <c r="R8" s="1198"/>
      <c r="S8" s="1198"/>
      <c r="T8" s="1198"/>
      <c r="U8" s="1198"/>
      <c r="V8" s="1198"/>
      <c r="W8" s="1198"/>
      <c r="X8" s="1198"/>
      <c r="Y8" s="1199"/>
    </row>
    <row r="9" spans="1:25" ht="15" customHeight="1" x14ac:dyDescent="0.2">
      <c r="A9" s="625"/>
      <c r="B9" s="627"/>
      <c r="C9" s="627"/>
      <c r="D9" s="627"/>
      <c r="E9" s="627"/>
      <c r="F9" s="627"/>
      <c r="G9" s="627"/>
      <c r="H9" s="627"/>
      <c r="I9" s="627"/>
      <c r="J9" s="627"/>
      <c r="K9" s="627"/>
      <c r="L9" s="627"/>
      <c r="M9" s="627"/>
      <c r="N9" s="627"/>
      <c r="O9" s="627"/>
      <c r="P9" s="627"/>
      <c r="Q9" s="627"/>
      <c r="R9" s="627"/>
      <c r="S9" s="627"/>
      <c r="T9" s="627"/>
      <c r="U9" s="627"/>
      <c r="V9" s="627"/>
      <c r="W9" s="627"/>
      <c r="X9" s="627"/>
      <c r="Y9" s="627"/>
    </row>
    <row r="10" spans="1:25" ht="15" customHeight="1" x14ac:dyDescent="0.2">
      <c r="A10" s="625"/>
      <c r="B10" s="714"/>
      <c r="C10" s="715"/>
      <c r="D10" s="715"/>
      <c r="E10" s="715"/>
      <c r="F10" s="715"/>
      <c r="G10" s="715"/>
      <c r="H10" s="715"/>
      <c r="I10" s="715"/>
      <c r="J10" s="715"/>
      <c r="K10" s="715"/>
      <c r="L10" s="715"/>
      <c r="M10" s="715"/>
      <c r="N10" s="715"/>
      <c r="O10" s="715"/>
      <c r="P10" s="715"/>
      <c r="Q10" s="715"/>
      <c r="R10" s="715"/>
      <c r="S10" s="715"/>
      <c r="T10" s="715"/>
      <c r="U10" s="714"/>
      <c r="V10" s="715"/>
      <c r="W10" s="715"/>
      <c r="X10" s="715"/>
      <c r="Y10" s="716"/>
    </row>
    <row r="11" spans="1:25" ht="16.2" x14ac:dyDescent="0.2">
      <c r="A11" s="625"/>
      <c r="B11" s="717" t="s">
        <v>102</v>
      </c>
      <c r="C11" s="627"/>
      <c r="D11" s="627"/>
      <c r="E11" s="627"/>
      <c r="F11" s="627"/>
      <c r="G11" s="627"/>
      <c r="H11" s="627"/>
      <c r="I11" s="627"/>
      <c r="J11" s="627"/>
      <c r="K11" s="627"/>
      <c r="L11" s="627"/>
      <c r="M11" s="627"/>
      <c r="N11" s="627"/>
      <c r="O11" s="627"/>
      <c r="P11" s="627"/>
      <c r="Q11" s="627"/>
      <c r="R11" s="627"/>
      <c r="S11" s="627"/>
      <c r="T11" s="627"/>
      <c r="U11" s="837"/>
      <c r="V11" s="1200" t="s">
        <v>1398</v>
      </c>
      <c r="W11" s="1200"/>
      <c r="X11" s="1200"/>
      <c r="Y11" s="838"/>
    </row>
    <row r="12" spans="1:25" ht="15" customHeight="1" x14ac:dyDescent="0.2">
      <c r="A12" s="625"/>
      <c r="B12" s="717"/>
      <c r="C12" s="627"/>
      <c r="D12" s="627"/>
      <c r="E12" s="627"/>
      <c r="F12" s="627"/>
      <c r="G12" s="627"/>
      <c r="H12" s="627"/>
      <c r="I12" s="627"/>
      <c r="J12" s="627"/>
      <c r="K12" s="627"/>
      <c r="L12" s="627"/>
      <c r="M12" s="627"/>
      <c r="N12" s="627"/>
      <c r="O12" s="627"/>
      <c r="P12" s="627"/>
      <c r="Q12" s="627"/>
      <c r="R12" s="627"/>
      <c r="S12" s="627"/>
      <c r="T12" s="627"/>
      <c r="U12" s="717"/>
      <c r="V12" s="627"/>
      <c r="W12" s="627"/>
      <c r="X12" s="628"/>
      <c r="Y12" s="710"/>
    </row>
    <row r="13" spans="1:25" ht="15" customHeight="1" x14ac:dyDescent="0.2">
      <c r="A13" s="625"/>
      <c r="B13" s="717"/>
      <c r="C13" s="839" t="s">
        <v>390</v>
      </c>
      <c r="D13" s="1201" t="s">
        <v>1399</v>
      </c>
      <c r="E13" s="1201"/>
      <c r="F13" s="1201"/>
      <c r="G13" s="1201"/>
      <c r="H13" s="1201"/>
      <c r="I13" s="1201"/>
      <c r="J13" s="1201"/>
      <c r="K13" s="1201"/>
      <c r="L13" s="1201"/>
      <c r="M13" s="1201"/>
      <c r="N13" s="1201"/>
      <c r="O13" s="1201"/>
      <c r="P13" s="1201"/>
      <c r="Q13" s="1201"/>
      <c r="R13" s="1201"/>
      <c r="S13" s="1201"/>
      <c r="T13" s="1202"/>
      <c r="U13" s="840"/>
      <c r="V13" s="841" t="s">
        <v>1400</v>
      </c>
      <c r="W13" s="841" t="s">
        <v>1401</v>
      </c>
      <c r="X13" s="842" t="s">
        <v>1400</v>
      </c>
      <c r="Y13" s="843"/>
    </row>
    <row r="14" spans="1:25" ht="15" customHeight="1" x14ac:dyDescent="0.2">
      <c r="A14" s="625"/>
      <c r="B14" s="717"/>
      <c r="C14" s="627"/>
      <c r="D14" s="1201"/>
      <c r="E14" s="1201"/>
      <c r="F14" s="1201"/>
      <c r="G14" s="1201"/>
      <c r="H14" s="1201"/>
      <c r="I14" s="1201"/>
      <c r="J14" s="1201"/>
      <c r="K14" s="1201"/>
      <c r="L14" s="1201"/>
      <c r="M14" s="1201"/>
      <c r="N14" s="1201"/>
      <c r="O14" s="1201"/>
      <c r="P14" s="1201"/>
      <c r="Q14" s="1201"/>
      <c r="R14" s="1201"/>
      <c r="S14" s="1201"/>
      <c r="T14" s="1202"/>
      <c r="U14" s="844"/>
      <c r="V14" s="721"/>
      <c r="W14" s="721"/>
      <c r="X14" s="642"/>
      <c r="Y14" s="845"/>
    </row>
    <row r="15" spans="1:25" ht="7.5" customHeight="1" x14ac:dyDescent="0.2">
      <c r="A15" s="625"/>
      <c r="B15" s="717"/>
      <c r="C15" s="627"/>
      <c r="D15" s="627"/>
      <c r="E15" s="627"/>
      <c r="F15" s="627"/>
      <c r="G15" s="627"/>
      <c r="H15" s="627"/>
      <c r="I15" s="627"/>
      <c r="J15" s="627"/>
      <c r="K15" s="627"/>
      <c r="L15" s="627"/>
      <c r="M15" s="627"/>
      <c r="N15" s="627"/>
      <c r="O15" s="627"/>
      <c r="P15" s="627"/>
      <c r="Q15" s="627"/>
      <c r="R15" s="627"/>
      <c r="S15" s="627"/>
      <c r="T15" s="627"/>
      <c r="U15" s="840"/>
      <c r="V15" s="841"/>
      <c r="W15" s="841"/>
      <c r="X15" s="842"/>
      <c r="Y15" s="843"/>
    </row>
    <row r="16" spans="1:25" ht="15" customHeight="1" x14ac:dyDescent="0.2">
      <c r="A16" s="625"/>
      <c r="B16" s="717"/>
      <c r="C16" s="839" t="s">
        <v>1402</v>
      </c>
      <c r="D16" s="1201" t="s">
        <v>1403</v>
      </c>
      <c r="E16" s="1201"/>
      <c r="F16" s="1201"/>
      <c r="G16" s="1201"/>
      <c r="H16" s="1201"/>
      <c r="I16" s="1201"/>
      <c r="J16" s="1201"/>
      <c r="K16" s="1201"/>
      <c r="L16" s="1201"/>
      <c r="M16" s="1201"/>
      <c r="N16" s="1201"/>
      <c r="O16" s="1201"/>
      <c r="P16" s="1201"/>
      <c r="Q16" s="1201"/>
      <c r="R16" s="1201"/>
      <c r="S16" s="1201"/>
      <c r="T16" s="1202"/>
      <c r="U16" s="840"/>
      <c r="V16" s="841" t="s">
        <v>1400</v>
      </c>
      <c r="W16" s="841" t="s">
        <v>1401</v>
      </c>
      <c r="X16" s="842" t="s">
        <v>1400</v>
      </c>
      <c r="Y16" s="843"/>
    </row>
    <row r="17" spans="1:25" ht="15" customHeight="1" x14ac:dyDescent="0.2">
      <c r="A17" s="625"/>
      <c r="B17" s="717"/>
      <c r="C17" s="627"/>
      <c r="D17" s="1201"/>
      <c r="E17" s="1201"/>
      <c r="F17" s="1201"/>
      <c r="G17" s="1201"/>
      <c r="H17" s="1201"/>
      <c r="I17" s="1201"/>
      <c r="J17" s="1201"/>
      <c r="K17" s="1201"/>
      <c r="L17" s="1201"/>
      <c r="M17" s="1201"/>
      <c r="N17" s="1201"/>
      <c r="O17" s="1201"/>
      <c r="P17" s="1201"/>
      <c r="Q17" s="1201"/>
      <c r="R17" s="1201"/>
      <c r="S17" s="1201"/>
      <c r="T17" s="1202"/>
      <c r="U17" s="840"/>
      <c r="V17" s="841"/>
      <c r="W17" s="841"/>
      <c r="X17" s="842"/>
      <c r="Y17" s="843"/>
    </row>
    <row r="18" spans="1:25" ht="7.5" customHeight="1" x14ac:dyDescent="0.2">
      <c r="A18" s="625"/>
      <c r="B18" s="717"/>
      <c r="C18" s="627"/>
      <c r="D18" s="627"/>
      <c r="E18" s="627"/>
      <c r="F18" s="627"/>
      <c r="G18" s="627"/>
      <c r="H18" s="627"/>
      <c r="I18" s="627"/>
      <c r="J18" s="627"/>
      <c r="K18" s="627"/>
      <c r="L18" s="627"/>
      <c r="M18" s="627"/>
      <c r="N18" s="627"/>
      <c r="O18" s="627"/>
      <c r="P18" s="627"/>
      <c r="Q18" s="627"/>
      <c r="R18" s="627"/>
      <c r="S18" s="627"/>
      <c r="T18" s="627"/>
      <c r="U18" s="840"/>
      <c r="V18" s="841"/>
      <c r="W18" s="841"/>
      <c r="X18" s="842"/>
      <c r="Y18" s="843"/>
    </row>
    <row r="19" spans="1:25" x14ac:dyDescent="0.2">
      <c r="A19" s="625"/>
      <c r="B19" s="717"/>
      <c r="C19" s="839" t="s">
        <v>391</v>
      </c>
      <c r="D19" s="1189" t="s">
        <v>1404</v>
      </c>
      <c r="E19" s="1189"/>
      <c r="F19" s="1189"/>
      <c r="G19" s="1189"/>
      <c r="H19" s="1189"/>
      <c r="I19" s="1189"/>
      <c r="J19" s="1189"/>
      <c r="K19" s="1189"/>
      <c r="L19" s="1189"/>
      <c r="M19" s="1189"/>
      <c r="N19" s="1189"/>
      <c r="O19" s="1189"/>
      <c r="P19" s="1189"/>
      <c r="Q19" s="1189"/>
      <c r="R19" s="1189"/>
      <c r="S19" s="1189"/>
      <c r="T19" s="1190"/>
      <c r="U19" s="840"/>
      <c r="V19" s="841" t="s">
        <v>1400</v>
      </c>
      <c r="W19" s="841" t="s">
        <v>1401</v>
      </c>
      <c r="X19" s="842" t="s">
        <v>1400</v>
      </c>
      <c r="Y19" s="843"/>
    </row>
    <row r="20" spans="1:25" ht="7.5" customHeight="1" x14ac:dyDescent="0.2">
      <c r="A20" s="625"/>
      <c r="B20" s="717"/>
      <c r="C20" s="627"/>
      <c r="D20" s="627"/>
      <c r="E20" s="627"/>
      <c r="F20" s="627"/>
      <c r="G20" s="627"/>
      <c r="H20" s="627"/>
      <c r="I20" s="627"/>
      <c r="J20" s="627"/>
      <c r="K20" s="627"/>
      <c r="L20" s="627"/>
      <c r="M20" s="627"/>
      <c r="N20" s="627"/>
      <c r="O20" s="627"/>
      <c r="P20" s="627"/>
      <c r="Q20" s="627"/>
      <c r="R20" s="627"/>
      <c r="S20" s="627"/>
      <c r="T20" s="627"/>
      <c r="U20" s="840"/>
      <c r="V20" s="841"/>
      <c r="W20" s="841"/>
      <c r="X20" s="842"/>
      <c r="Y20" s="843"/>
    </row>
    <row r="21" spans="1:25" ht="15" customHeight="1" x14ac:dyDescent="0.2">
      <c r="A21" s="625"/>
      <c r="B21" s="717"/>
      <c r="C21" s="629" t="s">
        <v>1405</v>
      </c>
      <c r="D21" s="629" t="s">
        <v>1406</v>
      </c>
      <c r="E21" s="846"/>
      <c r="F21" s="846"/>
      <c r="G21" s="846"/>
      <c r="H21" s="846"/>
      <c r="I21" s="846"/>
      <c r="J21" s="846"/>
      <c r="K21" s="846"/>
      <c r="L21" s="846"/>
      <c r="M21" s="846"/>
      <c r="N21" s="846"/>
      <c r="O21" s="846"/>
      <c r="P21" s="846"/>
      <c r="Q21" s="846"/>
      <c r="R21" s="846"/>
      <c r="S21" s="846"/>
      <c r="T21" s="847"/>
      <c r="U21" s="840"/>
      <c r="V21" s="841" t="s">
        <v>1400</v>
      </c>
      <c r="W21" s="841" t="s">
        <v>1407</v>
      </c>
      <c r="X21" s="842" t="s">
        <v>1400</v>
      </c>
      <c r="Y21" s="843"/>
    </row>
    <row r="22" spans="1:25" ht="7.5" customHeight="1" x14ac:dyDescent="0.2">
      <c r="A22" s="625"/>
      <c r="B22" s="717"/>
      <c r="C22" s="627"/>
      <c r="D22" s="627"/>
      <c r="E22" s="627"/>
      <c r="F22" s="627"/>
      <c r="G22" s="627"/>
      <c r="H22" s="627"/>
      <c r="I22" s="627"/>
      <c r="J22" s="627"/>
      <c r="K22" s="627"/>
      <c r="L22" s="627"/>
      <c r="M22" s="627"/>
      <c r="N22" s="627"/>
      <c r="O22" s="627"/>
      <c r="P22" s="627"/>
      <c r="Q22" s="627"/>
      <c r="R22" s="627"/>
      <c r="S22" s="627"/>
      <c r="T22" s="627"/>
      <c r="U22" s="840"/>
      <c r="V22" s="841"/>
      <c r="W22" s="841"/>
      <c r="X22" s="842"/>
      <c r="Y22" s="843"/>
    </row>
    <row r="23" spans="1:25" ht="15" customHeight="1" x14ac:dyDescent="0.2">
      <c r="A23" s="625"/>
      <c r="B23" s="717"/>
      <c r="C23" s="627" t="s">
        <v>1408</v>
      </c>
      <c r="D23" s="1189" t="s">
        <v>1409</v>
      </c>
      <c r="E23" s="1189"/>
      <c r="F23" s="1189"/>
      <c r="G23" s="1189"/>
      <c r="H23" s="1189"/>
      <c r="I23" s="1189"/>
      <c r="J23" s="1189"/>
      <c r="K23" s="1189"/>
      <c r="L23" s="1189"/>
      <c r="M23" s="1189"/>
      <c r="N23" s="1189"/>
      <c r="O23" s="1189"/>
      <c r="P23" s="1189"/>
      <c r="Q23" s="1189"/>
      <c r="R23" s="1189"/>
      <c r="S23" s="1189"/>
      <c r="T23" s="1190"/>
      <c r="U23" s="840"/>
      <c r="V23" s="841" t="s">
        <v>1400</v>
      </c>
      <c r="W23" s="841" t="s">
        <v>1401</v>
      </c>
      <c r="X23" s="842" t="s">
        <v>1400</v>
      </c>
      <c r="Y23" s="843"/>
    </row>
    <row r="24" spans="1:25" ht="7.5" customHeight="1" x14ac:dyDescent="0.2">
      <c r="A24" s="625"/>
      <c r="B24" s="717"/>
      <c r="C24" s="627"/>
      <c r="D24" s="627"/>
      <c r="E24" s="627"/>
      <c r="F24" s="627"/>
      <c r="G24" s="627"/>
      <c r="H24" s="627"/>
      <c r="I24" s="627"/>
      <c r="J24" s="627"/>
      <c r="K24" s="627"/>
      <c r="L24" s="627"/>
      <c r="M24" s="627"/>
      <c r="N24" s="627"/>
      <c r="O24" s="627"/>
      <c r="P24" s="627"/>
      <c r="Q24" s="627"/>
      <c r="R24" s="627"/>
      <c r="S24" s="627"/>
      <c r="T24" s="627"/>
      <c r="U24" s="840"/>
      <c r="V24" s="841"/>
      <c r="W24" s="841"/>
      <c r="X24" s="842"/>
      <c r="Y24" s="843"/>
    </row>
    <row r="25" spans="1:25" ht="15" customHeight="1" x14ac:dyDescent="0.2">
      <c r="A25" s="625"/>
      <c r="B25" s="717"/>
      <c r="C25" s="627" t="s">
        <v>1410</v>
      </c>
      <c r="D25" s="1189" t="s">
        <v>1411</v>
      </c>
      <c r="E25" s="1189"/>
      <c r="F25" s="1189"/>
      <c r="G25" s="1189"/>
      <c r="H25" s="1189"/>
      <c r="I25" s="1189"/>
      <c r="J25" s="1189"/>
      <c r="K25" s="1189"/>
      <c r="L25" s="1189"/>
      <c r="M25" s="1189"/>
      <c r="N25" s="1189"/>
      <c r="O25" s="1189"/>
      <c r="P25" s="1189"/>
      <c r="Q25" s="1189"/>
      <c r="R25" s="1189"/>
      <c r="S25" s="1189"/>
      <c r="T25" s="1190"/>
      <c r="U25" s="840"/>
      <c r="V25" s="841" t="s">
        <v>1400</v>
      </c>
      <c r="W25" s="841" t="s">
        <v>1401</v>
      </c>
      <c r="X25" s="842" t="s">
        <v>1400</v>
      </c>
      <c r="Y25" s="843"/>
    </row>
    <row r="26" spans="1:25" ht="7.5" customHeight="1" x14ac:dyDescent="0.2">
      <c r="A26" s="625"/>
      <c r="B26" s="717"/>
      <c r="C26" s="627"/>
      <c r="D26" s="627"/>
      <c r="E26" s="627"/>
      <c r="F26" s="627"/>
      <c r="G26" s="627"/>
      <c r="H26" s="627"/>
      <c r="I26" s="627"/>
      <c r="J26" s="627"/>
      <c r="K26" s="627"/>
      <c r="L26" s="627"/>
      <c r="M26" s="627"/>
      <c r="N26" s="627"/>
      <c r="O26" s="627"/>
      <c r="P26" s="627"/>
      <c r="Q26" s="627"/>
      <c r="R26" s="627"/>
      <c r="S26" s="627"/>
      <c r="T26" s="627"/>
      <c r="U26" s="840"/>
      <c r="V26" s="841"/>
      <c r="W26" s="841"/>
      <c r="X26" s="842"/>
      <c r="Y26" s="843"/>
    </row>
    <row r="27" spans="1:25" ht="15" customHeight="1" x14ac:dyDescent="0.2">
      <c r="A27" s="625"/>
      <c r="B27" s="717"/>
      <c r="C27" s="627" t="s">
        <v>1412</v>
      </c>
      <c r="D27" s="1203" t="s">
        <v>1413</v>
      </c>
      <c r="E27" s="1203"/>
      <c r="F27" s="1203"/>
      <c r="G27" s="1203"/>
      <c r="H27" s="1203"/>
      <c r="I27" s="1203"/>
      <c r="J27" s="1203"/>
      <c r="K27" s="1203"/>
      <c r="L27" s="1203"/>
      <c r="M27" s="1203"/>
      <c r="N27" s="1203"/>
      <c r="O27" s="1203"/>
      <c r="P27" s="1203"/>
      <c r="Q27" s="1203"/>
      <c r="R27" s="1203"/>
      <c r="S27" s="1203"/>
      <c r="T27" s="1204"/>
      <c r="U27" s="840"/>
      <c r="V27" s="841" t="s">
        <v>1400</v>
      </c>
      <c r="W27" s="841" t="s">
        <v>1401</v>
      </c>
      <c r="X27" s="842" t="s">
        <v>1400</v>
      </c>
      <c r="Y27" s="843"/>
    </row>
    <row r="28" spans="1:25" ht="15" customHeight="1" x14ac:dyDescent="0.2">
      <c r="A28" s="625"/>
      <c r="B28" s="717"/>
      <c r="C28" s="627" t="s">
        <v>1414</v>
      </c>
      <c r="D28" s="1203"/>
      <c r="E28" s="1203"/>
      <c r="F28" s="1203"/>
      <c r="G28" s="1203"/>
      <c r="H28" s="1203"/>
      <c r="I28" s="1203"/>
      <c r="J28" s="1203"/>
      <c r="K28" s="1203"/>
      <c r="L28" s="1203"/>
      <c r="M28" s="1203"/>
      <c r="N28" s="1203"/>
      <c r="O28" s="1203"/>
      <c r="P28" s="1203"/>
      <c r="Q28" s="1203"/>
      <c r="R28" s="1203"/>
      <c r="S28" s="1203"/>
      <c r="T28" s="1204"/>
      <c r="U28" s="840"/>
      <c r="V28" s="841"/>
      <c r="W28" s="841"/>
      <c r="X28" s="842"/>
      <c r="Y28" s="843"/>
    </row>
    <row r="29" spans="1:25" ht="15" customHeight="1" x14ac:dyDescent="0.2">
      <c r="A29" s="625"/>
      <c r="B29" s="717"/>
      <c r="C29" s="627"/>
      <c r="D29" s="627"/>
      <c r="E29" s="627"/>
      <c r="F29" s="627"/>
      <c r="G29" s="627"/>
      <c r="H29" s="627"/>
      <c r="I29" s="627"/>
      <c r="J29" s="627"/>
      <c r="K29" s="627"/>
      <c r="L29" s="627"/>
      <c r="M29" s="627"/>
      <c r="N29" s="627"/>
      <c r="O29" s="627"/>
      <c r="P29" s="627"/>
      <c r="Q29" s="627"/>
      <c r="R29" s="627"/>
      <c r="S29" s="627"/>
      <c r="T29" s="627"/>
      <c r="U29" s="840"/>
      <c r="V29" s="841"/>
      <c r="W29" s="841"/>
      <c r="X29" s="842"/>
      <c r="Y29" s="843"/>
    </row>
    <row r="30" spans="1:25" ht="15" customHeight="1" x14ac:dyDescent="0.2">
      <c r="A30" s="625"/>
      <c r="B30" s="717" t="s">
        <v>103</v>
      </c>
      <c r="C30" s="627"/>
      <c r="D30" s="627"/>
      <c r="E30" s="627"/>
      <c r="F30" s="627"/>
      <c r="G30" s="627"/>
      <c r="H30" s="627"/>
      <c r="I30" s="627"/>
      <c r="J30" s="627"/>
      <c r="K30" s="627"/>
      <c r="L30" s="627"/>
      <c r="M30" s="627"/>
      <c r="N30" s="627"/>
      <c r="O30" s="627"/>
      <c r="P30" s="627"/>
      <c r="Q30" s="627"/>
      <c r="R30" s="627"/>
      <c r="S30" s="627"/>
      <c r="T30" s="627"/>
      <c r="U30" s="1205"/>
      <c r="V30" s="1206"/>
      <c r="W30" s="1206"/>
      <c r="X30" s="1206"/>
      <c r="Y30" s="1207"/>
    </row>
    <row r="31" spans="1:25" ht="15" customHeight="1" x14ac:dyDescent="0.2">
      <c r="A31" s="625"/>
      <c r="B31" s="717"/>
      <c r="C31" s="627"/>
      <c r="D31" s="627"/>
      <c r="E31" s="627"/>
      <c r="F31" s="627"/>
      <c r="G31" s="627"/>
      <c r="H31" s="627"/>
      <c r="I31" s="627"/>
      <c r="J31" s="627"/>
      <c r="K31" s="627"/>
      <c r="L31" s="627"/>
      <c r="M31" s="627"/>
      <c r="N31" s="627"/>
      <c r="O31" s="627"/>
      <c r="P31" s="627"/>
      <c r="Q31" s="627"/>
      <c r="R31" s="627"/>
      <c r="S31" s="627"/>
      <c r="T31" s="627"/>
      <c r="U31" s="717"/>
      <c r="V31" s="627"/>
      <c r="W31" s="627"/>
      <c r="X31" s="628"/>
      <c r="Y31" s="710"/>
    </row>
    <row r="32" spans="1:25" ht="15" customHeight="1" x14ac:dyDescent="0.2">
      <c r="A32" s="625"/>
      <c r="B32" s="717"/>
      <c r="C32" s="627" t="s">
        <v>1415</v>
      </c>
      <c r="D32" s="627"/>
      <c r="E32" s="627"/>
      <c r="F32" s="627"/>
      <c r="G32" s="627"/>
      <c r="H32" s="627"/>
      <c r="I32" s="627"/>
      <c r="J32" s="627"/>
      <c r="K32" s="627"/>
      <c r="L32" s="627"/>
      <c r="M32" s="627"/>
      <c r="N32" s="627"/>
      <c r="O32" s="627"/>
      <c r="P32" s="627"/>
      <c r="Q32" s="627"/>
      <c r="R32" s="627"/>
      <c r="S32" s="627"/>
      <c r="T32" s="627"/>
      <c r="U32" s="840"/>
      <c r="V32" s="841"/>
      <c r="W32" s="841"/>
      <c r="X32" s="842"/>
      <c r="Y32" s="843"/>
    </row>
    <row r="33" spans="1:25" ht="15" customHeight="1" x14ac:dyDescent="0.2">
      <c r="A33" s="625"/>
      <c r="B33" s="717"/>
      <c r="C33" s="629" t="s">
        <v>1416</v>
      </c>
      <c r="D33" s="846"/>
      <c r="E33" s="846"/>
      <c r="F33" s="846"/>
      <c r="G33" s="846"/>
      <c r="H33" s="846"/>
      <c r="I33" s="846"/>
      <c r="J33" s="846"/>
      <c r="K33" s="846"/>
      <c r="L33" s="846"/>
      <c r="M33" s="846"/>
      <c r="N33" s="846"/>
      <c r="O33" s="846"/>
      <c r="P33" s="846"/>
      <c r="Q33" s="846"/>
      <c r="R33" s="846"/>
      <c r="S33" s="846"/>
      <c r="T33" s="847"/>
      <c r="U33" s="840"/>
      <c r="V33" s="841"/>
      <c r="W33" s="841"/>
      <c r="X33" s="842"/>
      <c r="Y33" s="843"/>
    </row>
    <row r="34" spans="1:25" ht="7.5" customHeight="1" x14ac:dyDescent="0.2">
      <c r="A34" s="625"/>
      <c r="B34" s="717"/>
      <c r="C34" s="627"/>
      <c r="D34" s="848"/>
      <c r="E34" s="848"/>
      <c r="F34" s="848"/>
      <c r="G34" s="848"/>
      <c r="H34" s="848"/>
      <c r="I34" s="848"/>
      <c r="J34" s="848"/>
      <c r="K34" s="848"/>
      <c r="L34" s="848"/>
      <c r="M34" s="848"/>
      <c r="N34" s="848"/>
      <c r="O34" s="848"/>
      <c r="P34" s="848"/>
      <c r="Q34" s="848"/>
      <c r="R34" s="848"/>
      <c r="S34" s="848"/>
      <c r="T34" s="848"/>
      <c r="U34" s="840"/>
      <c r="V34" s="841"/>
      <c r="W34" s="841"/>
      <c r="X34" s="842"/>
      <c r="Y34" s="843"/>
    </row>
    <row r="35" spans="1:25" ht="30" customHeight="1" x14ac:dyDescent="0.2">
      <c r="A35" s="625"/>
      <c r="B35" s="717"/>
      <c r="C35" s="849"/>
      <c r="D35" s="1208"/>
      <c r="E35" s="1209"/>
      <c r="F35" s="1209"/>
      <c r="G35" s="1209"/>
      <c r="H35" s="1209"/>
      <c r="I35" s="1209"/>
      <c r="J35" s="1209"/>
      <c r="K35" s="1210"/>
      <c r="L35" s="1211" t="s">
        <v>104</v>
      </c>
      <c r="M35" s="1194"/>
      <c r="N35" s="1195"/>
      <c r="O35" s="1211" t="s">
        <v>105</v>
      </c>
      <c r="P35" s="1212"/>
      <c r="Q35" s="1213"/>
      <c r="R35" s="850"/>
      <c r="S35" s="850"/>
      <c r="T35" s="850"/>
      <c r="U35" s="840"/>
      <c r="V35" s="841"/>
      <c r="W35" s="841"/>
      <c r="X35" s="842"/>
      <c r="Y35" s="843"/>
    </row>
    <row r="36" spans="1:25" ht="54" customHeight="1" x14ac:dyDescent="0.2">
      <c r="A36" s="625"/>
      <c r="B36" s="717"/>
      <c r="C36" s="851" t="s">
        <v>1417</v>
      </c>
      <c r="D36" s="1214" t="s">
        <v>106</v>
      </c>
      <c r="E36" s="1214"/>
      <c r="F36" s="1214"/>
      <c r="G36" s="1214"/>
      <c r="H36" s="1214"/>
      <c r="I36" s="1214"/>
      <c r="J36" s="1214"/>
      <c r="K36" s="1214"/>
      <c r="L36" s="1215" t="s">
        <v>69</v>
      </c>
      <c r="M36" s="1216"/>
      <c r="N36" s="1217"/>
      <c r="O36" s="1218" t="s">
        <v>107</v>
      </c>
      <c r="P36" s="1218"/>
      <c r="Q36" s="1218"/>
      <c r="R36" s="852"/>
      <c r="S36" s="852"/>
      <c r="T36" s="852"/>
      <c r="U36" s="837"/>
      <c r="V36" s="1200" t="s">
        <v>1398</v>
      </c>
      <c r="W36" s="1200"/>
      <c r="X36" s="1200"/>
      <c r="Y36" s="838"/>
    </row>
    <row r="37" spans="1:25" ht="54" customHeight="1" x14ac:dyDescent="0.2">
      <c r="A37" s="625"/>
      <c r="B37" s="717"/>
      <c r="C37" s="851" t="s">
        <v>1418</v>
      </c>
      <c r="D37" s="1214" t="s">
        <v>1419</v>
      </c>
      <c r="E37" s="1214"/>
      <c r="F37" s="1214"/>
      <c r="G37" s="1214"/>
      <c r="H37" s="1214"/>
      <c r="I37" s="1214"/>
      <c r="J37" s="1214"/>
      <c r="K37" s="1214"/>
      <c r="L37" s="1215" t="s">
        <v>69</v>
      </c>
      <c r="M37" s="1216"/>
      <c r="N37" s="1217"/>
      <c r="O37" s="1219"/>
      <c r="P37" s="1219"/>
      <c r="Q37" s="1219"/>
      <c r="R37" s="853"/>
      <c r="S37" s="1220" t="s">
        <v>1420</v>
      </c>
      <c r="T37" s="1221"/>
      <c r="U37" s="840"/>
      <c r="V37" s="841" t="s">
        <v>1400</v>
      </c>
      <c r="W37" s="841" t="s">
        <v>1421</v>
      </c>
      <c r="X37" s="842" t="s">
        <v>1400</v>
      </c>
      <c r="Y37" s="843"/>
    </row>
    <row r="38" spans="1:25" ht="54" customHeight="1" x14ac:dyDescent="0.2">
      <c r="A38" s="625"/>
      <c r="B38" s="717"/>
      <c r="C38" s="851" t="s">
        <v>1422</v>
      </c>
      <c r="D38" s="1214" t="s">
        <v>1423</v>
      </c>
      <c r="E38" s="1214"/>
      <c r="F38" s="1214"/>
      <c r="G38" s="1214"/>
      <c r="H38" s="1214"/>
      <c r="I38" s="1214"/>
      <c r="J38" s="1214"/>
      <c r="K38" s="1214"/>
      <c r="L38" s="1218" t="s">
        <v>69</v>
      </c>
      <c r="M38" s="1218"/>
      <c r="N38" s="1218"/>
      <c r="O38" s="1219"/>
      <c r="P38" s="1219"/>
      <c r="Q38" s="1219"/>
      <c r="R38" s="853"/>
      <c r="S38" s="1220" t="s">
        <v>1424</v>
      </c>
      <c r="T38" s="1221"/>
      <c r="U38" s="840"/>
      <c r="V38" s="841" t="s">
        <v>1400</v>
      </c>
      <c r="W38" s="841" t="s">
        <v>1425</v>
      </c>
      <c r="X38" s="842" t="s">
        <v>1400</v>
      </c>
      <c r="Y38" s="843"/>
    </row>
    <row r="39" spans="1:25" ht="54" customHeight="1" x14ac:dyDescent="0.2">
      <c r="A39" s="625"/>
      <c r="B39" s="717"/>
      <c r="C39" s="851" t="s">
        <v>1426</v>
      </c>
      <c r="D39" s="1214" t="s">
        <v>388</v>
      </c>
      <c r="E39" s="1214"/>
      <c r="F39" s="1214"/>
      <c r="G39" s="1214"/>
      <c r="H39" s="1214"/>
      <c r="I39" s="1214"/>
      <c r="J39" s="1214"/>
      <c r="K39" s="1214"/>
      <c r="L39" s="1222"/>
      <c r="M39" s="1222"/>
      <c r="N39" s="1222"/>
      <c r="O39" s="1218" t="s">
        <v>107</v>
      </c>
      <c r="P39" s="1218"/>
      <c r="Q39" s="1218"/>
      <c r="R39" s="854"/>
      <c r="S39" s="1220" t="s">
        <v>1427</v>
      </c>
      <c r="T39" s="1221"/>
      <c r="U39" s="840"/>
      <c r="V39" s="841" t="s">
        <v>1400</v>
      </c>
      <c r="W39" s="841" t="s">
        <v>1428</v>
      </c>
      <c r="X39" s="842" t="s">
        <v>1400</v>
      </c>
      <c r="Y39" s="843"/>
    </row>
    <row r="40" spans="1:25" ht="15" customHeight="1" x14ac:dyDescent="0.2">
      <c r="A40" s="625"/>
      <c r="B40" s="717"/>
      <c r="C40" s="627"/>
      <c r="D40" s="627"/>
      <c r="E40" s="627"/>
      <c r="F40" s="627"/>
      <c r="G40" s="627"/>
      <c r="H40" s="627"/>
      <c r="I40" s="627"/>
      <c r="J40" s="627"/>
      <c r="K40" s="627"/>
      <c r="L40" s="627"/>
      <c r="M40" s="627"/>
      <c r="N40" s="627"/>
      <c r="O40" s="627"/>
      <c r="P40" s="627"/>
      <c r="Q40" s="627"/>
      <c r="R40" s="627"/>
      <c r="S40" s="627"/>
      <c r="T40" s="627"/>
      <c r="U40" s="840"/>
      <c r="V40" s="841"/>
      <c r="W40" s="841"/>
      <c r="X40" s="842"/>
      <c r="Y40" s="843"/>
    </row>
    <row r="41" spans="1:25" ht="16.2" x14ac:dyDescent="0.2">
      <c r="A41" s="625"/>
      <c r="B41" s="717"/>
      <c r="C41" s="627" t="s">
        <v>1429</v>
      </c>
      <c r="D41" s="627"/>
      <c r="E41" s="627"/>
      <c r="F41" s="627"/>
      <c r="G41" s="627"/>
      <c r="H41" s="627"/>
      <c r="I41" s="627"/>
      <c r="J41" s="627"/>
      <c r="K41" s="627"/>
      <c r="L41" s="627"/>
      <c r="M41" s="627"/>
      <c r="N41" s="627"/>
      <c r="O41" s="627"/>
      <c r="P41" s="627"/>
      <c r="Q41" s="627"/>
      <c r="R41" s="627"/>
      <c r="S41" s="627"/>
      <c r="T41" s="627"/>
      <c r="U41" s="837"/>
      <c r="V41" s="1200" t="s">
        <v>1398</v>
      </c>
      <c r="W41" s="1200"/>
      <c r="X41" s="1200"/>
      <c r="Y41" s="838"/>
    </row>
    <row r="42" spans="1:25" ht="15" customHeight="1" x14ac:dyDescent="0.2">
      <c r="A42" s="625"/>
      <c r="B42" s="717"/>
      <c r="C42" s="627"/>
      <c r="D42" s="627"/>
      <c r="E42" s="627"/>
      <c r="F42" s="627"/>
      <c r="G42" s="627"/>
      <c r="H42" s="627"/>
      <c r="I42" s="627"/>
      <c r="J42" s="627"/>
      <c r="K42" s="627"/>
      <c r="L42" s="627"/>
      <c r="M42" s="627"/>
      <c r="N42" s="627"/>
      <c r="O42" s="627"/>
      <c r="P42" s="627"/>
      <c r="Q42" s="627"/>
      <c r="R42" s="627"/>
      <c r="S42" s="627"/>
      <c r="T42" s="627"/>
      <c r="U42" s="717"/>
      <c r="V42" s="627"/>
      <c r="W42" s="627"/>
      <c r="X42" s="628"/>
      <c r="Y42" s="710"/>
    </row>
    <row r="43" spans="1:25" ht="45" customHeight="1" x14ac:dyDescent="0.2">
      <c r="A43" s="625"/>
      <c r="B43" s="717"/>
      <c r="C43" s="855" t="s">
        <v>1430</v>
      </c>
      <c r="D43" s="1201" t="s">
        <v>1431</v>
      </c>
      <c r="E43" s="1201"/>
      <c r="F43" s="1201"/>
      <c r="G43" s="1201"/>
      <c r="H43" s="1201"/>
      <c r="I43" s="1201"/>
      <c r="J43" s="1201"/>
      <c r="K43" s="1201"/>
      <c r="L43" s="1201"/>
      <c r="M43" s="1201"/>
      <c r="N43" s="1201"/>
      <c r="O43" s="1201"/>
      <c r="P43" s="1201"/>
      <c r="Q43" s="1201"/>
      <c r="R43" s="1201"/>
      <c r="S43" s="1201"/>
      <c r="T43" s="1202"/>
      <c r="U43" s="840"/>
      <c r="V43" s="841" t="s">
        <v>1400</v>
      </c>
      <c r="W43" s="841" t="s">
        <v>1425</v>
      </c>
      <c r="X43" s="842" t="s">
        <v>1400</v>
      </c>
      <c r="Y43" s="843"/>
    </row>
    <row r="44" spans="1:25" ht="30" customHeight="1" x14ac:dyDescent="0.2">
      <c r="A44" s="625"/>
      <c r="B44" s="717"/>
      <c r="C44" s="855" t="s">
        <v>1432</v>
      </c>
      <c r="D44" s="1201" t="s">
        <v>1433</v>
      </c>
      <c r="E44" s="1201"/>
      <c r="F44" s="1201"/>
      <c r="G44" s="1201"/>
      <c r="H44" s="1201"/>
      <c r="I44" s="1201"/>
      <c r="J44" s="1201"/>
      <c r="K44" s="1201"/>
      <c r="L44" s="1201"/>
      <c r="M44" s="1201"/>
      <c r="N44" s="1201"/>
      <c r="O44" s="1201"/>
      <c r="P44" s="1201"/>
      <c r="Q44" s="1201"/>
      <c r="R44" s="1201"/>
      <c r="S44" s="1201"/>
      <c r="T44" s="1202"/>
      <c r="U44" s="840"/>
      <c r="V44" s="841" t="s">
        <v>1400</v>
      </c>
      <c r="W44" s="841" t="s">
        <v>1428</v>
      </c>
      <c r="X44" s="842" t="s">
        <v>1400</v>
      </c>
      <c r="Y44" s="843"/>
    </row>
    <row r="45" spans="1:25" ht="45" customHeight="1" x14ac:dyDescent="0.2">
      <c r="A45" s="625"/>
      <c r="B45" s="717"/>
      <c r="C45" s="855" t="s">
        <v>1434</v>
      </c>
      <c r="D45" s="1201" t="s">
        <v>1435</v>
      </c>
      <c r="E45" s="1201"/>
      <c r="F45" s="1201"/>
      <c r="G45" s="1201"/>
      <c r="H45" s="1201"/>
      <c r="I45" s="1201"/>
      <c r="J45" s="1201"/>
      <c r="K45" s="1201"/>
      <c r="L45" s="1201"/>
      <c r="M45" s="1201"/>
      <c r="N45" s="1201"/>
      <c r="O45" s="1201"/>
      <c r="P45" s="1201"/>
      <c r="Q45" s="1201"/>
      <c r="R45" s="1201"/>
      <c r="S45" s="1201"/>
      <c r="T45" s="1202"/>
      <c r="U45" s="840"/>
      <c r="V45" s="841" t="s">
        <v>1400</v>
      </c>
      <c r="W45" s="841" t="s">
        <v>1428</v>
      </c>
      <c r="X45" s="842" t="s">
        <v>1400</v>
      </c>
      <c r="Y45" s="843"/>
    </row>
    <row r="46" spans="1:25" ht="7.5" customHeight="1" x14ac:dyDescent="0.2">
      <c r="A46" s="625"/>
      <c r="B46" s="717"/>
      <c r="C46" s="627"/>
      <c r="D46" s="627"/>
      <c r="E46" s="627"/>
      <c r="F46" s="627"/>
      <c r="G46" s="627"/>
      <c r="H46" s="627"/>
      <c r="I46" s="627"/>
      <c r="J46" s="627"/>
      <c r="K46" s="627"/>
      <c r="L46" s="627"/>
      <c r="M46" s="627"/>
      <c r="N46" s="627"/>
      <c r="O46" s="627"/>
      <c r="P46" s="627"/>
      <c r="Q46" s="627"/>
      <c r="R46" s="627"/>
      <c r="S46" s="627"/>
      <c r="T46" s="627"/>
      <c r="U46" s="840"/>
      <c r="V46" s="841"/>
      <c r="W46" s="841"/>
      <c r="X46" s="842"/>
      <c r="Y46" s="843"/>
    </row>
    <row r="47" spans="1:25" ht="26.25" customHeight="1" x14ac:dyDescent="0.2">
      <c r="A47" s="625"/>
      <c r="B47" s="717"/>
      <c r="C47" s="1193" t="s">
        <v>110</v>
      </c>
      <c r="D47" s="1194"/>
      <c r="E47" s="1194"/>
      <c r="F47" s="1194"/>
      <c r="G47" s="1194"/>
      <c r="H47" s="1195"/>
      <c r="I47" s="1223" t="s">
        <v>107</v>
      </c>
      <c r="J47" s="1224"/>
      <c r="K47" s="840"/>
      <c r="L47" s="1193" t="s">
        <v>111</v>
      </c>
      <c r="M47" s="1194"/>
      <c r="N47" s="1194"/>
      <c r="O47" s="1194"/>
      <c r="P47" s="1194"/>
      <c r="Q47" s="1195"/>
      <c r="R47" s="1223" t="s">
        <v>69</v>
      </c>
      <c r="S47" s="1225"/>
      <c r="T47" s="627"/>
      <c r="U47" s="840"/>
      <c r="V47" s="841"/>
      <c r="W47" s="841"/>
      <c r="X47" s="842"/>
      <c r="Y47" s="843"/>
    </row>
    <row r="48" spans="1:25" ht="7.5" customHeight="1" x14ac:dyDescent="0.2">
      <c r="A48" s="625"/>
      <c r="B48" s="717"/>
      <c r="C48" s="627"/>
      <c r="D48" s="627"/>
      <c r="E48" s="627"/>
      <c r="F48" s="627"/>
      <c r="G48" s="627"/>
      <c r="H48" s="627"/>
      <c r="I48" s="627"/>
      <c r="J48" s="627"/>
      <c r="K48" s="627"/>
      <c r="L48" s="627"/>
      <c r="M48" s="627"/>
      <c r="N48" s="627"/>
      <c r="O48" s="627"/>
      <c r="P48" s="627"/>
      <c r="Q48" s="627"/>
      <c r="R48" s="627"/>
      <c r="S48" s="627"/>
      <c r="T48" s="627"/>
      <c r="U48" s="840"/>
      <c r="V48" s="841"/>
      <c r="W48" s="841"/>
      <c r="X48" s="842"/>
      <c r="Y48" s="843"/>
    </row>
    <row r="49" spans="1:26" ht="22.5" customHeight="1" x14ac:dyDescent="0.2">
      <c r="A49" s="625"/>
      <c r="B49" s="717"/>
      <c r="C49" s="1226"/>
      <c r="D49" s="1227"/>
      <c r="E49" s="1227"/>
      <c r="F49" s="1227"/>
      <c r="G49" s="1227"/>
      <c r="H49" s="1227"/>
      <c r="I49" s="1228"/>
      <c r="J49" s="1196" t="s">
        <v>112</v>
      </c>
      <c r="K49" s="1196"/>
      <c r="L49" s="1196"/>
      <c r="M49" s="1196"/>
      <c r="N49" s="1196"/>
      <c r="O49" s="1196" t="s">
        <v>113</v>
      </c>
      <c r="P49" s="1196"/>
      <c r="Q49" s="1196"/>
      <c r="R49" s="1196"/>
      <c r="S49" s="1196"/>
      <c r="T49" s="627"/>
      <c r="U49" s="840"/>
      <c r="V49" s="841"/>
      <c r="W49" s="841"/>
      <c r="X49" s="842"/>
      <c r="Y49" s="843"/>
    </row>
    <row r="50" spans="1:26" ht="22.5" customHeight="1" x14ac:dyDescent="0.2">
      <c r="A50" s="625"/>
      <c r="B50" s="717"/>
      <c r="C50" s="1229" t="s">
        <v>114</v>
      </c>
      <c r="D50" s="1230"/>
      <c r="E50" s="1230"/>
      <c r="F50" s="1230"/>
      <c r="G50" s="1230"/>
      <c r="H50" s="1231"/>
      <c r="I50" s="856" t="s">
        <v>51</v>
      </c>
      <c r="J50" s="1218" t="s">
        <v>69</v>
      </c>
      <c r="K50" s="1218"/>
      <c r="L50" s="1218"/>
      <c r="M50" s="1218"/>
      <c r="N50" s="1218"/>
      <c r="O50" s="1222"/>
      <c r="P50" s="1222"/>
      <c r="Q50" s="1222"/>
      <c r="R50" s="1222"/>
      <c r="S50" s="1222"/>
      <c r="T50" s="627"/>
      <c r="U50" s="840"/>
      <c r="V50" s="841"/>
      <c r="W50" s="841"/>
      <c r="X50" s="842"/>
      <c r="Y50" s="843"/>
    </row>
    <row r="51" spans="1:26" ht="22.5" customHeight="1" x14ac:dyDescent="0.2">
      <c r="A51" s="625"/>
      <c r="B51" s="717"/>
      <c r="C51" s="1232"/>
      <c r="D51" s="1233"/>
      <c r="E51" s="1233"/>
      <c r="F51" s="1233"/>
      <c r="G51" s="1233"/>
      <c r="H51" s="1234"/>
      <c r="I51" s="856" t="s">
        <v>50</v>
      </c>
      <c r="J51" s="1218" t="s">
        <v>69</v>
      </c>
      <c r="K51" s="1218"/>
      <c r="L51" s="1218"/>
      <c r="M51" s="1218"/>
      <c r="N51" s="1218"/>
      <c r="O51" s="1218" t="s">
        <v>69</v>
      </c>
      <c r="P51" s="1218"/>
      <c r="Q51" s="1218"/>
      <c r="R51" s="1218"/>
      <c r="S51" s="1218"/>
      <c r="T51" s="627"/>
      <c r="U51" s="840"/>
      <c r="V51" s="841"/>
      <c r="W51" s="841"/>
      <c r="X51" s="842"/>
      <c r="Y51" s="843"/>
    </row>
    <row r="52" spans="1:26" ht="15" customHeight="1" x14ac:dyDescent="0.2">
      <c r="A52" s="625"/>
      <c r="B52" s="717"/>
      <c r="C52" s="627"/>
      <c r="D52" s="627"/>
      <c r="E52" s="627"/>
      <c r="F52" s="627"/>
      <c r="G52" s="627"/>
      <c r="H52" s="627"/>
      <c r="I52" s="627"/>
      <c r="J52" s="627"/>
      <c r="K52" s="627"/>
      <c r="L52" s="627"/>
      <c r="M52" s="627"/>
      <c r="N52" s="627"/>
      <c r="O52" s="627"/>
      <c r="P52" s="627"/>
      <c r="Q52" s="627"/>
      <c r="R52" s="627"/>
      <c r="S52" s="627"/>
      <c r="T52" s="627"/>
      <c r="U52" s="840"/>
      <c r="V52" s="841"/>
      <c r="W52" s="841"/>
      <c r="X52" s="842"/>
      <c r="Y52" s="843"/>
    </row>
    <row r="53" spans="1:26" ht="22.5" customHeight="1" x14ac:dyDescent="0.2">
      <c r="A53" s="625"/>
      <c r="B53" s="717" t="s">
        <v>1436</v>
      </c>
      <c r="C53" s="627"/>
      <c r="D53" s="627"/>
      <c r="E53" s="627"/>
      <c r="F53" s="627"/>
      <c r="G53" s="627"/>
      <c r="H53" s="627"/>
      <c r="I53" s="627"/>
      <c r="J53" s="627"/>
      <c r="K53" s="627"/>
      <c r="L53" s="627"/>
      <c r="M53" s="627"/>
      <c r="N53" s="627"/>
      <c r="O53" s="627"/>
      <c r="P53" s="627"/>
      <c r="Q53" s="627"/>
      <c r="R53" s="627"/>
      <c r="S53" s="627"/>
      <c r="T53" s="627"/>
      <c r="U53" s="837"/>
      <c r="V53" s="1200" t="s">
        <v>1437</v>
      </c>
      <c r="W53" s="1200"/>
      <c r="X53" s="1200"/>
      <c r="Y53" s="838"/>
    </row>
    <row r="54" spans="1:26" ht="15" customHeight="1" x14ac:dyDescent="0.2">
      <c r="A54" s="625"/>
      <c r="B54" s="717"/>
      <c r="C54" s="627"/>
      <c r="D54" s="627"/>
      <c r="E54" s="627"/>
      <c r="F54" s="627"/>
      <c r="G54" s="627"/>
      <c r="H54" s="627"/>
      <c r="I54" s="627"/>
      <c r="J54" s="627"/>
      <c r="K54" s="627"/>
      <c r="L54" s="627"/>
      <c r="M54" s="627"/>
      <c r="N54" s="627"/>
      <c r="O54" s="627"/>
      <c r="P54" s="627"/>
      <c r="Q54" s="627"/>
      <c r="R54" s="627"/>
      <c r="S54" s="627"/>
      <c r="T54" s="627"/>
      <c r="U54" s="717"/>
      <c r="V54" s="627"/>
      <c r="W54" s="627"/>
      <c r="X54" s="628"/>
      <c r="Y54" s="710"/>
    </row>
    <row r="55" spans="1:26" ht="15" customHeight="1" x14ac:dyDescent="0.2">
      <c r="A55" s="625"/>
      <c r="B55" s="717"/>
      <c r="C55" s="857" t="s">
        <v>1438</v>
      </c>
      <c r="D55" s="1201" t="s">
        <v>1439</v>
      </c>
      <c r="E55" s="1201"/>
      <c r="F55" s="1201"/>
      <c r="G55" s="1201"/>
      <c r="H55" s="1201"/>
      <c r="I55" s="1201"/>
      <c r="J55" s="1201"/>
      <c r="K55" s="1201"/>
      <c r="L55" s="1201"/>
      <c r="M55" s="1201"/>
      <c r="N55" s="1201"/>
      <c r="O55" s="1201"/>
      <c r="P55" s="1201"/>
      <c r="Q55" s="1201"/>
      <c r="R55" s="1201"/>
      <c r="S55" s="1201"/>
      <c r="T55" s="1202"/>
      <c r="U55" s="840"/>
      <c r="V55" s="841" t="s">
        <v>1400</v>
      </c>
      <c r="W55" s="841" t="s">
        <v>1425</v>
      </c>
      <c r="X55" s="842" t="s">
        <v>1400</v>
      </c>
      <c r="Y55" s="843"/>
    </row>
    <row r="56" spans="1:26" ht="15" customHeight="1" x14ac:dyDescent="0.2">
      <c r="A56" s="625"/>
      <c r="B56" s="717"/>
      <c r="C56" s="857"/>
      <c r="D56" s="1201"/>
      <c r="E56" s="1201"/>
      <c r="F56" s="1201"/>
      <c r="G56" s="1201"/>
      <c r="H56" s="1201"/>
      <c r="I56" s="1201"/>
      <c r="J56" s="1201"/>
      <c r="K56" s="1201"/>
      <c r="L56" s="1201"/>
      <c r="M56" s="1201"/>
      <c r="N56" s="1201"/>
      <c r="O56" s="1201"/>
      <c r="P56" s="1201"/>
      <c r="Q56" s="1201"/>
      <c r="R56" s="1201"/>
      <c r="S56" s="1201"/>
      <c r="T56" s="1202"/>
      <c r="U56" s="840"/>
      <c r="V56" s="841"/>
      <c r="W56" s="841"/>
      <c r="X56" s="842"/>
      <c r="Y56" s="843"/>
    </row>
    <row r="57" spans="1:26" ht="15" customHeight="1" x14ac:dyDescent="0.2">
      <c r="A57" s="625"/>
      <c r="B57" s="717"/>
      <c r="C57" s="857" t="s">
        <v>1440</v>
      </c>
      <c r="D57" s="1201" t="s">
        <v>1441</v>
      </c>
      <c r="E57" s="1201"/>
      <c r="F57" s="1201"/>
      <c r="G57" s="1201"/>
      <c r="H57" s="1201"/>
      <c r="I57" s="1201"/>
      <c r="J57" s="1201"/>
      <c r="K57" s="1201"/>
      <c r="L57" s="1201"/>
      <c r="M57" s="1201"/>
      <c r="N57" s="1201"/>
      <c r="O57" s="1201"/>
      <c r="P57" s="1201"/>
      <c r="Q57" s="1201"/>
      <c r="R57" s="1201"/>
      <c r="S57" s="1201"/>
      <c r="T57" s="1202"/>
      <c r="U57" s="840"/>
      <c r="V57" s="841" t="s">
        <v>1400</v>
      </c>
      <c r="W57" s="841" t="s">
        <v>1425</v>
      </c>
      <c r="X57" s="842" t="s">
        <v>1400</v>
      </c>
      <c r="Y57" s="843"/>
    </row>
    <row r="58" spans="1:26" ht="15" customHeight="1" x14ac:dyDescent="0.2">
      <c r="A58" s="625"/>
      <c r="B58" s="717"/>
      <c r="C58" s="852"/>
      <c r="D58" s="1201"/>
      <c r="E58" s="1201"/>
      <c r="F58" s="1201"/>
      <c r="G58" s="1201"/>
      <c r="H58" s="1201"/>
      <c r="I58" s="1201"/>
      <c r="J58" s="1201"/>
      <c r="K58" s="1201"/>
      <c r="L58" s="1201"/>
      <c r="M58" s="1201"/>
      <c r="N58" s="1201"/>
      <c r="O58" s="1201"/>
      <c r="P58" s="1201"/>
      <c r="Q58" s="1201"/>
      <c r="R58" s="1201"/>
      <c r="S58" s="1201"/>
      <c r="T58" s="1202"/>
      <c r="U58" s="840"/>
      <c r="V58" s="841"/>
      <c r="W58" s="841"/>
      <c r="X58" s="842"/>
      <c r="Y58" s="843"/>
    </row>
    <row r="59" spans="1:26" ht="15" customHeight="1" x14ac:dyDescent="0.2">
      <c r="A59" s="625"/>
      <c r="B59" s="718"/>
      <c r="C59" s="719"/>
      <c r="D59" s="719"/>
      <c r="E59" s="719"/>
      <c r="F59" s="719"/>
      <c r="G59" s="719"/>
      <c r="H59" s="719"/>
      <c r="I59" s="719"/>
      <c r="J59" s="719"/>
      <c r="K59" s="719"/>
      <c r="L59" s="719"/>
      <c r="M59" s="719"/>
      <c r="N59" s="719"/>
      <c r="O59" s="719"/>
      <c r="P59" s="719"/>
      <c r="Q59" s="719"/>
      <c r="R59" s="719"/>
      <c r="S59" s="719"/>
      <c r="T59" s="719"/>
      <c r="U59" s="718"/>
      <c r="V59" s="719"/>
      <c r="W59" s="719"/>
      <c r="X59" s="719"/>
      <c r="Y59" s="720"/>
    </row>
    <row r="60" spans="1:26" ht="15" customHeight="1" x14ac:dyDescent="0.2">
      <c r="A60" s="625"/>
      <c r="B60" s="628"/>
      <c r="C60" s="628"/>
      <c r="D60" s="628"/>
      <c r="E60" s="628"/>
      <c r="F60" s="628"/>
      <c r="G60" s="628"/>
      <c r="H60" s="628"/>
      <c r="I60" s="628"/>
      <c r="J60" s="628"/>
      <c r="K60" s="628"/>
      <c r="L60" s="628"/>
      <c r="M60" s="628"/>
      <c r="N60" s="628"/>
      <c r="O60" s="628"/>
      <c r="P60" s="628"/>
      <c r="Q60" s="628"/>
      <c r="R60" s="628"/>
      <c r="S60" s="628"/>
      <c r="T60" s="628"/>
      <c r="U60" s="628"/>
      <c r="V60" s="628"/>
      <c r="W60" s="628"/>
      <c r="X60" s="628"/>
      <c r="Y60" s="628"/>
    </row>
    <row r="61" spans="1:26" ht="17.25" customHeight="1" x14ac:dyDescent="0.2">
      <c r="A61" s="625"/>
      <c r="B61" s="1189" t="s">
        <v>1442</v>
      </c>
      <c r="C61" s="1189"/>
      <c r="D61" s="627"/>
      <c r="E61" s="627"/>
      <c r="F61" s="627"/>
      <c r="G61" s="627"/>
      <c r="H61" s="627"/>
      <c r="I61" s="627"/>
      <c r="J61" s="627"/>
      <c r="K61" s="627"/>
      <c r="L61" s="627"/>
      <c r="M61" s="627"/>
      <c r="N61" s="627"/>
      <c r="O61" s="627"/>
      <c r="P61" s="627"/>
      <c r="Q61" s="627"/>
      <c r="R61" s="627"/>
      <c r="S61" s="627"/>
      <c r="T61" s="627"/>
      <c r="U61" s="627"/>
      <c r="V61" s="627"/>
      <c r="W61" s="627"/>
      <c r="X61" s="627"/>
      <c r="Y61" s="627"/>
    </row>
    <row r="62" spans="1:26" ht="15" customHeight="1" x14ac:dyDescent="0.2">
      <c r="A62" s="625"/>
      <c r="B62" s="721">
        <v>1</v>
      </c>
      <c r="C62" s="1189" t="s">
        <v>1443</v>
      </c>
      <c r="D62" s="1189"/>
      <c r="E62" s="1189"/>
      <c r="F62" s="1189"/>
      <c r="G62" s="1189"/>
      <c r="H62" s="1189"/>
      <c r="I62" s="1189"/>
      <c r="J62" s="1189"/>
      <c r="K62" s="1189"/>
      <c r="L62" s="1189"/>
      <c r="M62" s="1189"/>
      <c r="N62" s="1189"/>
      <c r="O62" s="1189"/>
      <c r="P62" s="1189"/>
      <c r="Q62" s="1189"/>
      <c r="R62" s="1189"/>
      <c r="S62" s="1189"/>
      <c r="T62" s="1189"/>
      <c r="U62" s="1189"/>
      <c r="V62" s="1189"/>
      <c r="W62" s="1189"/>
      <c r="X62" s="1189"/>
      <c r="Y62" s="1189"/>
      <c r="Z62" s="629"/>
    </row>
    <row r="63" spans="1:26" ht="15" customHeight="1" x14ac:dyDescent="0.2">
      <c r="A63" s="625"/>
      <c r="B63" s="721">
        <v>2</v>
      </c>
      <c r="C63" s="1203" t="s">
        <v>1444</v>
      </c>
      <c r="D63" s="1203"/>
      <c r="E63" s="1203"/>
      <c r="F63" s="1203"/>
      <c r="G63" s="1203"/>
      <c r="H63" s="1203"/>
      <c r="I63" s="1203"/>
      <c r="J63" s="1203"/>
      <c r="K63" s="1203"/>
      <c r="L63" s="1203"/>
      <c r="M63" s="1203"/>
      <c r="N63" s="1203"/>
      <c r="O63" s="1203"/>
      <c r="P63" s="1203"/>
      <c r="Q63" s="1203"/>
      <c r="R63" s="1203"/>
      <c r="S63" s="1203"/>
      <c r="T63" s="1203"/>
      <c r="U63" s="1203"/>
      <c r="V63" s="1203"/>
      <c r="W63" s="1203"/>
      <c r="X63" s="1203"/>
      <c r="Y63" s="1203"/>
      <c r="Z63" s="846"/>
    </row>
    <row r="64" spans="1:26" ht="15" customHeight="1" x14ac:dyDescent="0.2">
      <c r="A64" s="625"/>
      <c r="B64" s="846"/>
      <c r="C64" s="1203"/>
      <c r="D64" s="1203"/>
      <c r="E64" s="1203"/>
      <c r="F64" s="1203"/>
      <c r="G64" s="1203"/>
      <c r="H64" s="1203"/>
      <c r="I64" s="1203"/>
      <c r="J64" s="1203"/>
      <c r="K64" s="1203"/>
      <c r="L64" s="1203"/>
      <c r="M64" s="1203"/>
      <c r="N64" s="1203"/>
      <c r="O64" s="1203"/>
      <c r="P64" s="1203"/>
      <c r="Q64" s="1203"/>
      <c r="R64" s="1203"/>
      <c r="S64" s="1203"/>
      <c r="T64" s="1203"/>
      <c r="U64" s="1203"/>
      <c r="V64" s="1203"/>
      <c r="W64" s="1203"/>
      <c r="X64" s="1203"/>
      <c r="Y64" s="1203"/>
      <c r="Z64" s="846"/>
    </row>
    <row r="65" spans="1:26" ht="15" customHeight="1" x14ac:dyDescent="0.2">
      <c r="A65" s="625"/>
      <c r="B65" s="855">
        <v>3</v>
      </c>
      <c r="C65" s="1203" t="s">
        <v>1445</v>
      </c>
      <c r="D65" s="1203"/>
      <c r="E65" s="1203"/>
      <c r="F65" s="1203"/>
      <c r="G65" s="1203"/>
      <c r="H65" s="1203"/>
      <c r="I65" s="1203"/>
      <c r="J65" s="1203"/>
      <c r="K65" s="1203"/>
      <c r="L65" s="1203"/>
      <c r="M65" s="1203"/>
      <c r="N65" s="1203"/>
      <c r="O65" s="1203"/>
      <c r="P65" s="1203"/>
      <c r="Q65" s="1203"/>
      <c r="R65" s="1203"/>
      <c r="S65" s="1203"/>
      <c r="T65" s="1203"/>
      <c r="U65" s="1203"/>
      <c r="V65" s="1203"/>
      <c r="W65" s="1203"/>
      <c r="X65" s="1203"/>
      <c r="Y65" s="1203"/>
      <c r="Z65" s="852"/>
    </row>
    <row r="66" spans="1:26" ht="45" customHeight="1" x14ac:dyDescent="0.2">
      <c r="A66" s="625"/>
      <c r="B66" s="855">
        <v>4</v>
      </c>
      <c r="C66" s="1203" t="s">
        <v>1446</v>
      </c>
      <c r="D66" s="1203"/>
      <c r="E66" s="1203"/>
      <c r="F66" s="1203"/>
      <c r="G66" s="1203"/>
      <c r="H66" s="1203"/>
      <c r="I66" s="1203"/>
      <c r="J66" s="1203"/>
      <c r="K66" s="1203"/>
      <c r="L66" s="1203"/>
      <c r="M66" s="1203"/>
      <c r="N66" s="1203"/>
      <c r="O66" s="1203"/>
      <c r="P66" s="1203"/>
      <c r="Q66" s="1203"/>
      <c r="R66" s="1203"/>
      <c r="S66" s="1203"/>
      <c r="T66" s="1203"/>
      <c r="U66" s="1203"/>
      <c r="V66" s="1203"/>
      <c r="W66" s="1203"/>
      <c r="X66" s="1203"/>
      <c r="Y66" s="1203"/>
      <c r="Z66" s="858"/>
    </row>
    <row r="67" spans="1:26" ht="15" customHeight="1" x14ac:dyDescent="0.2">
      <c r="A67" s="625"/>
      <c r="B67" s="859"/>
      <c r="C67" s="625"/>
      <c r="D67" s="859"/>
      <c r="E67" s="859"/>
      <c r="F67" s="859"/>
      <c r="G67" s="859"/>
      <c r="H67" s="859"/>
      <c r="I67" s="859"/>
      <c r="J67" s="859"/>
      <c r="K67" s="859"/>
      <c r="L67" s="859"/>
      <c r="M67" s="859"/>
      <c r="N67" s="859"/>
      <c r="O67" s="859"/>
      <c r="P67" s="859"/>
      <c r="Q67" s="859"/>
      <c r="R67" s="859"/>
      <c r="S67" s="859"/>
      <c r="T67" s="859"/>
      <c r="U67" s="859"/>
      <c r="V67" s="859"/>
      <c r="W67" s="859"/>
      <c r="X67" s="859"/>
      <c r="Y67" s="859"/>
    </row>
    <row r="68" spans="1:26" x14ac:dyDescent="0.2">
      <c r="A68" s="625"/>
      <c r="B68" s="625"/>
      <c r="C68" s="625" t="s">
        <v>1447</v>
      </c>
      <c r="D68" s="625"/>
      <c r="E68" s="625"/>
      <c r="F68" s="625"/>
      <c r="G68" s="625"/>
      <c r="H68" s="625"/>
      <c r="I68" s="625"/>
      <c r="J68" s="625"/>
      <c r="K68" s="625"/>
      <c r="L68" s="625"/>
      <c r="M68" s="625"/>
      <c r="N68" s="625"/>
      <c r="O68" s="625"/>
      <c r="P68" s="625"/>
      <c r="Q68" s="625"/>
      <c r="R68" s="625"/>
      <c r="S68" s="625"/>
      <c r="T68" s="625"/>
      <c r="U68" s="625"/>
      <c r="V68" s="625"/>
      <c r="W68" s="625"/>
      <c r="X68" s="625"/>
      <c r="Y68" s="625"/>
    </row>
    <row r="69" spans="1:26" x14ac:dyDescent="0.2">
      <c r="B69" s="627"/>
      <c r="C69" s="627"/>
      <c r="D69" s="627"/>
      <c r="E69" s="627"/>
      <c r="F69" s="627"/>
      <c r="G69" s="627"/>
      <c r="H69" s="627"/>
      <c r="I69" s="627"/>
      <c r="J69" s="627"/>
      <c r="K69" s="627"/>
      <c r="L69" s="627"/>
      <c r="M69" s="627"/>
      <c r="N69" s="627"/>
      <c r="O69" s="627"/>
      <c r="P69" s="627"/>
      <c r="Q69" s="627"/>
      <c r="R69" s="627"/>
      <c r="S69" s="627"/>
      <c r="T69" s="627"/>
      <c r="U69" s="627"/>
      <c r="V69" s="627"/>
      <c r="W69" s="627"/>
      <c r="X69" s="627"/>
      <c r="Y69" s="627"/>
    </row>
    <row r="70" spans="1:26" x14ac:dyDescent="0.2">
      <c r="B70" s="627"/>
      <c r="C70" s="627"/>
      <c r="D70" s="627"/>
      <c r="E70" s="627"/>
      <c r="F70" s="627"/>
      <c r="G70" s="627"/>
      <c r="H70" s="627"/>
      <c r="I70" s="627"/>
      <c r="J70" s="627"/>
      <c r="K70" s="627"/>
      <c r="L70" s="627"/>
      <c r="M70" s="627"/>
      <c r="N70" s="627"/>
      <c r="O70" s="627"/>
      <c r="P70" s="627"/>
      <c r="Q70" s="627"/>
      <c r="R70" s="627"/>
      <c r="S70" s="627"/>
      <c r="T70" s="627"/>
      <c r="U70" s="627"/>
      <c r="V70" s="627"/>
      <c r="W70" s="627"/>
      <c r="X70" s="627"/>
      <c r="Y70" s="627"/>
    </row>
    <row r="71" spans="1:26" x14ac:dyDescent="0.2">
      <c r="B71" s="627"/>
      <c r="C71" s="627"/>
      <c r="D71" s="627"/>
      <c r="E71" s="627"/>
      <c r="F71" s="627"/>
      <c r="G71" s="627"/>
      <c r="H71" s="627"/>
      <c r="I71" s="627"/>
      <c r="J71" s="627"/>
      <c r="K71" s="627"/>
      <c r="L71" s="627"/>
      <c r="M71" s="627"/>
      <c r="N71" s="627"/>
      <c r="O71" s="627"/>
      <c r="P71" s="627"/>
      <c r="Q71" s="627"/>
      <c r="R71" s="627"/>
      <c r="S71" s="627"/>
      <c r="T71" s="627"/>
      <c r="U71" s="627"/>
      <c r="V71" s="627"/>
      <c r="W71" s="627"/>
      <c r="X71" s="627"/>
      <c r="Y71" s="627"/>
    </row>
    <row r="72" spans="1:26" x14ac:dyDescent="0.2">
      <c r="B72" s="627"/>
      <c r="C72" s="627"/>
      <c r="D72" s="627"/>
      <c r="E72" s="627"/>
      <c r="F72" s="627"/>
      <c r="G72" s="627"/>
      <c r="H72" s="627"/>
      <c r="I72" s="627"/>
      <c r="J72" s="627"/>
      <c r="K72" s="627"/>
      <c r="L72" s="627"/>
      <c r="M72" s="627"/>
      <c r="N72" s="627"/>
      <c r="O72" s="627"/>
      <c r="P72" s="627"/>
      <c r="Q72" s="627"/>
      <c r="R72" s="627"/>
      <c r="S72" s="627"/>
      <c r="T72" s="627"/>
      <c r="U72" s="627"/>
      <c r="V72" s="627"/>
      <c r="W72" s="627"/>
      <c r="X72" s="627"/>
      <c r="Y72" s="627"/>
    </row>
    <row r="73" spans="1:26" x14ac:dyDescent="0.2">
      <c r="B73" s="627"/>
      <c r="C73" s="627"/>
      <c r="D73" s="627"/>
      <c r="E73" s="627"/>
      <c r="F73" s="627"/>
      <c r="G73" s="627"/>
      <c r="H73" s="627"/>
      <c r="I73" s="627"/>
      <c r="J73" s="627"/>
      <c r="K73" s="627"/>
      <c r="L73" s="627"/>
      <c r="M73" s="627"/>
      <c r="N73" s="627"/>
      <c r="O73" s="627"/>
      <c r="P73" s="627"/>
      <c r="Q73" s="627"/>
      <c r="R73" s="627"/>
      <c r="S73" s="627"/>
      <c r="T73" s="627"/>
      <c r="U73" s="627"/>
      <c r="V73" s="627"/>
      <c r="W73" s="627"/>
      <c r="X73" s="627"/>
      <c r="Y73" s="627"/>
    </row>
    <row r="74" spans="1:26" x14ac:dyDescent="0.2">
      <c r="B74" s="627"/>
      <c r="C74" s="627"/>
      <c r="D74" s="627"/>
      <c r="E74" s="627"/>
      <c r="F74" s="627"/>
      <c r="G74" s="627"/>
      <c r="H74" s="627"/>
      <c r="I74" s="627"/>
      <c r="J74" s="627"/>
      <c r="K74" s="627"/>
      <c r="L74" s="627"/>
      <c r="M74" s="627"/>
      <c r="N74" s="627"/>
      <c r="O74" s="627"/>
      <c r="P74" s="627"/>
      <c r="Q74" s="627"/>
      <c r="R74" s="627"/>
      <c r="S74" s="627"/>
      <c r="T74" s="627"/>
      <c r="U74" s="627"/>
      <c r="V74" s="627"/>
      <c r="W74" s="627"/>
      <c r="X74" s="627"/>
      <c r="Y74" s="627"/>
    </row>
    <row r="75" spans="1:26" x14ac:dyDescent="0.2">
      <c r="B75" s="627"/>
      <c r="C75" s="627"/>
      <c r="D75" s="627"/>
      <c r="E75" s="627"/>
      <c r="F75" s="627"/>
      <c r="G75" s="627"/>
      <c r="H75" s="627"/>
      <c r="I75" s="627"/>
      <c r="J75" s="627"/>
      <c r="K75" s="627"/>
      <c r="L75" s="627"/>
      <c r="M75" s="627"/>
      <c r="N75" s="627"/>
      <c r="O75" s="627"/>
      <c r="P75" s="627"/>
      <c r="Q75" s="627"/>
      <c r="R75" s="627"/>
      <c r="S75" s="627"/>
      <c r="T75" s="627"/>
      <c r="U75" s="627"/>
      <c r="V75" s="627"/>
      <c r="W75" s="627"/>
      <c r="X75" s="627"/>
      <c r="Y75" s="627"/>
    </row>
    <row r="76" spans="1:26" x14ac:dyDescent="0.2">
      <c r="B76" s="627"/>
      <c r="C76" s="627"/>
      <c r="D76" s="627"/>
      <c r="E76" s="627"/>
      <c r="F76" s="627"/>
      <c r="G76" s="627"/>
      <c r="H76" s="627"/>
      <c r="I76" s="627"/>
      <c r="J76" s="627"/>
      <c r="K76" s="627"/>
      <c r="L76" s="627"/>
      <c r="M76" s="627"/>
      <c r="N76" s="627"/>
      <c r="O76" s="627"/>
      <c r="P76" s="627"/>
      <c r="Q76" s="627"/>
      <c r="R76" s="627"/>
      <c r="S76" s="627"/>
      <c r="T76" s="627"/>
      <c r="U76" s="627"/>
      <c r="V76" s="627"/>
      <c r="W76" s="627"/>
      <c r="X76" s="627"/>
      <c r="Y76" s="627"/>
    </row>
    <row r="77" spans="1:26" x14ac:dyDescent="0.2">
      <c r="B77" s="627"/>
      <c r="C77" s="627"/>
      <c r="D77" s="627"/>
      <c r="E77" s="627"/>
      <c r="F77" s="627"/>
      <c r="G77" s="627"/>
      <c r="H77" s="627"/>
      <c r="I77" s="627"/>
      <c r="J77" s="627"/>
      <c r="K77" s="627"/>
      <c r="L77" s="627"/>
      <c r="M77" s="627"/>
      <c r="N77" s="627"/>
      <c r="O77" s="627"/>
      <c r="P77" s="627"/>
      <c r="Q77" s="627"/>
      <c r="R77" s="627"/>
      <c r="S77" s="627"/>
      <c r="T77" s="627"/>
      <c r="U77" s="627"/>
      <c r="V77" s="627"/>
      <c r="W77" s="627"/>
      <c r="X77" s="627"/>
      <c r="Y77" s="627"/>
    </row>
    <row r="78" spans="1:26" x14ac:dyDescent="0.2">
      <c r="B78" s="627"/>
      <c r="C78" s="627"/>
      <c r="D78" s="627"/>
      <c r="E78" s="627"/>
      <c r="F78" s="627"/>
      <c r="G78" s="627"/>
      <c r="H78" s="627"/>
      <c r="I78" s="627"/>
      <c r="J78" s="627"/>
      <c r="K78" s="627"/>
      <c r="L78" s="627"/>
      <c r="M78" s="627"/>
      <c r="N78" s="627"/>
      <c r="O78" s="627"/>
      <c r="P78" s="627"/>
      <c r="Q78" s="627"/>
      <c r="R78" s="627"/>
      <c r="S78" s="627"/>
      <c r="T78" s="627"/>
      <c r="U78" s="627"/>
      <c r="V78" s="627"/>
      <c r="W78" s="627"/>
      <c r="X78" s="627"/>
      <c r="Y78" s="627"/>
    </row>
    <row r="79" spans="1:26" x14ac:dyDescent="0.2">
      <c r="B79" s="627"/>
      <c r="C79" s="627"/>
      <c r="D79" s="627"/>
      <c r="E79" s="627"/>
      <c r="F79" s="627"/>
      <c r="G79" s="627"/>
      <c r="H79" s="627"/>
      <c r="I79" s="627"/>
      <c r="J79" s="627"/>
      <c r="K79" s="627"/>
      <c r="L79" s="627"/>
      <c r="M79" s="627"/>
      <c r="N79" s="627"/>
      <c r="O79" s="627"/>
      <c r="P79" s="627"/>
      <c r="Q79" s="627"/>
      <c r="R79" s="627"/>
      <c r="S79" s="627"/>
      <c r="T79" s="627"/>
      <c r="U79" s="627"/>
      <c r="V79" s="627"/>
      <c r="W79" s="627"/>
      <c r="X79" s="627"/>
      <c r="Y79" s="627"/>
    </row>
    <row r="80" spans="1:26" x14ac:dyDescent="0.2">
      <c r="B80" s="627"/>
      <c r="C80" s="627"/>
      <c r="D80" s="627"/>
      <c r="E80" s="627"/>
      <c r="F80" s="627"/>
      <c r="G80" s="627"/>
      <c r="H80" s="627"/>
      <c r="I80" s="627"/>
      <c r="J80" s="627"/>
      <c r="K80" s="627"/>
      <c r="L80" s="627"/>
      <c r="M80" s="627"/>
      <c r="N80" s="627"/>
      <c r="O80" s="627"/>
      <c r="P80" s="627"/>
      <c r="Q80" s="627"/>
      <c r="R80" s="627"/>
      <c r="S80" s="627"/>
      <c r="T80" s="627"/>
      <c r="U80" s="627"/>
      <c r="V80" s="627"/>
      <c r="W80" s="627"/>
      <c r="X80" s="627"/>
      <c r="Y80" s="627"/>
    </row>
    <row r="81" spans="2:25" x14ac:dyDescent="0.2">
      <c r="B81" s="627"/>
      <c r="C81" s="627"/>
      <c r="D81" s="627"/>
      <c r="E81" s="627"/>
      <c r="F81" s="627"/>
      <c r="G81" s="627"/>
      <c r="H81" s="627"/>
      <c r="I81" s="627"/>
      <c r="J81" s="627"/>
      <c r="K81" s="627"/>
      <c r="L81" s="627"/>
      <c r="M81" s="627"/>
      <c r="N81" s="627"/>
      <c r="O81" s="627"/>
      <c r="P81" s="627"/>
      <c r="Q81" s="627"/>
      <c r="R81" s="627"/>
      <c r="S81" s="627"/>
      <c r="T81" s="627"/>
      <c r="U81" s="627"/>
      <c r="V81" s="627"/>
      <c r="W81" s="627"/>
      <c r="X81" s="627"/>
      <c r="Y81" s="627"/>
    </row>
    <row r="82" spans="2:25" x14ac:dyDescent="0.2">
      <c r="B82" s="627"/>
      <c r="C82" s="627"/>
      <c r="D82" s="627"/>
      <c r="E82" s="627"/>
      <c r="F82" s="627"/>
      <c r="G82" s="627"/>
      <c r="H82" s="627"/>
      <c r="I82" s="627"/>
      <c r="J82" s="627"/>
      <c r="K82" s="627"/>
      <c r="L82" s="627"/>
      <c r="M82" s="627"/>
      <c r="N82" s="627"/>
      <c r="O82" s="627"/>
      <c r="P82" s="627"/>
      <c r="Q82" s="627"/>
      <c r="R82" s="627"/>
      <c r="S82" s="627"/>
      <c r="T82" s="627"/>
      <c r="U82" s="627"/>
      <c r="V82" s="627"/>
      <c r="W82" s="627"/>
      <c r="X82" s="627"/>
      <c r="Y82" s="627"/>
    </row>
    <row r="83" spans="2:25" x14ac:dyDescent="0.2">
      <c r="B83" s="627"/>
      <c r="C83" s="627"/>
      <c r="D83" s="627"/>
      <c r="E83" s="627"/>
      <c r="F83" s="627"/>
      <c r="G83" s="627"/>
      <c r="H83" s="627"/>
      <c r="I83" s="627"/>
      <c r="J83" s="627"/>
      <c r="K83" s="627"/>
      <c r="L83" s="627"/>
      <c r="M83" s="627"/>
      <c r="N83" s="627"/>
      <c r="O83" s="627"/>
      <c r="P83" s="627"/>
      <c r="Q83" s="627"/>
      <c r="R83" s="627"/>
      <c r="S83" s="627"/>
      <c r="T83" s="627"/>
      <c r="U83" s="627"/>
      <c r="V83" s="627"/>
      <c r="W83" s="627"/>
      <c r="X83" s="627"/>
      <c r="Y83" s="627"/>
    </row>
    <row r="84" spans="2:25" x14ac:dyDescent="0.2">
      <c r="B84" s="627"/>
      <c r="C84" s="627"/>
      <c r="D84" s="627"/>
      <c r="E84" s="627"/>
      <c r="F84" s="627"/>
      <c r="G84" s="627"/>
      <c r="H84" s="627"/>
      <c r="I84" s="627"/>
      <c r="J84" s="627"/>
      <c r="K84" s="627"/>
      <c r="L84" s="627"/>
      <c r="M84" s="627"/>
      <c r="N84" s="627"/>
      <c r="O84" s="627"/>
      <c r="P84" s="627"/>
      <c r="Q84" s="627"/>
      <c r="R84" s="627"/>
      <c r="S84" s="627"/>
      <c r="T84" s="627"/>
      <c r="U84" s="627"/>
      <c r="V84" s="627"/>
      <c r="W84" s="627"/>
      <c r="X84" s="627"/>
      <c r="Y84" s="627"/>
    </row>
    <row r="85" spans="2:25" x14ac:dyDescent="0.2">
      <c r="B85" s="627"/>
      <c r="C85" s="627"/>
      <c r="D85" s="627"/>
      <c r="E85" s="627"/>
      <c r="F85" s="627"/>
      <c r="G85" s="627"/>
      <c r="H85" s="627"/>
      <c r="I85" s="627"/>
      <c r="J85" s="627"/>
      <c r="K85" s="627"/>
      <c r="L85" s="627"/>
      <c r="M85" s="627"/>
      <c r="N85" s="627"/>
      <c r="O85" s="627"/>
      <c r="P85" s="627"/>
      <c r="Q85" s="627"/>
      <c r="R85" s="627"/>
      <c r="S85" s="627"/>
      <c r="T85" s="627"/>
      <c r="U85" s="627"/>
      <c r="V85" s="627"/>
      <c r="W85" s="627"/>
      <c r="X85" s="627"/>
      <c r="Y85" s="627"/>
    </row>
    <row r="86" spans="2:25" x14ac:dyDescent="0.2">
      <c r="B86" s="627"/>
      <c r="C86" s="627"/>
      <c r="D86" s="627"/>
      <c r="E86" s="627"/>
      <c r="F86" s="627"/>
      <c r="G86" s="627"/>
      <c r="H86" s="627"/>
      <c r="I86" s="627"/>
      <c r="J86" s="627"/>
      <c r="K86" s="627"/>
      <c r="L86" s="627"/>
      <c r="M86" s="627"/>
      <c r="N86" s="627"/>
      <c r="O86" s="627"/>
      <c r="P86" s="627"/>
      <c r="Q86" s="627"/>
      <c r="R86" s="627"/>
      <c r="S86" s="627"/>
      <c r="T86" s="627"/>
      <c r="U86" s="627"/>
      <c r="V86" s="627"/>
      <c r="W86" s="627"/>
      <c r="X86" s="627"/>
      <c r="Y86" s="627"/>
    </row>
    <row r="87" spans="2:25" x14ac:dyDescent="0.2">
      <c r="B87" s="627"/>
      <c r="C87" s="627"/>
      <c r="D87" s="627"/>
      <c r="E87" s="627"/>
      <c r="F87" s="627"/>
      <c r="G87" s="627"/>
      <c r="H87" s="627"/>
      <c r="I87" s="627"/>
      <c r="J87" s="627"/>
      <c r="K87" s="627"/>
      <c r="L87" s="627"/>
      <c r="M87" s="627"/>
      <c r="N87" s="627"/>
      <c r="O87" s="627"/>
      <c r="P87" s="627"/>
      <c r="Q87" s="627"/>
      <c r="R87" s="627"/>
      <c r="S87" s="627"/>
      <c r="T87" s="627"/>
      <c r="U87" s="627"/>
      <c r="V87" s="627"/>
      <c r="W87" s="627"/>
      <c r="X87" s="627"/>
      <c r="Y87" s="627"/>
    </row>
    <row r="88" spans="2:25" x14ac:dyDescent="0.2">
      <c r="B88" s="627"/>
      <c r="C88" s="627"/>
      <c r="D88" s="627"/>
      <c r="E88" s="627"/>
      <c r="F88" s="627"/>
      <c r="G88" s="627"/>
      <c r="H88" s="627"/>
      <c r="I88" s="627"/>
      <c r="J88" s="627"/>
      <c r="K88" s="627"/>
      <c r="L88" s="627"/>
      <c r="M88" s="627"/>
      <c r="N88" s="627"/>
      <c r="O88" s="627"/>
      <c r="P88" s="627"/>
      <c r="Q88" s="627"/>
      <c r="R88" s="627"/>
      <c r="S88" s="627"/>
      <c r="T88" s="627"/>
      <c r="U88" s="627"/>
      <c r="V88" s="627"/>
      <c r="W88" s="627"/>
      <c r="X88" s="627"/>
      <c r="Y88" s="627"/>
    </row>
    <row r="89" spans="2:25" x14ac:dyDescent="0.2">
      <c r="B89" s="627"/>
      <c r="C89" s="627"/>
      <c r="D89" s="627"/>
      <c r="E89" s="627"/>
      <c r="F89" s="627"/>
      <c r="G89" s="627"/>
      <c r="H89" s="627"/>
      <c r="I89" s="627"/>
      <c r="J89" s="627"/>
      <c r="K89" s="627"/>
      <c r="L89" s="627"/>
      <c r="M89" s="627"/>
      <c r="N89" s="627"/>
      <c r="O89" s="627"/>
      <c r="P89" s="627"/>
      <c r="Q89" s="627"/>
      <c r="R89" s="627"/>
      <c r="S89" s="627"/>
      <c r="T89" s="627"/>
      <c r="U89" s="627"/>
      <c r="V89" s="627"/>
      <c r="W89" s="627"/>
      <c r="X89" s="627"/>
      <c r="Y89" s="627"/>
    </row>
    <row r="90" spans="2:25" x14ac:dyDescent="0.2">
      <c r="B90" s="627"/>
      <c r="C90" s="627"/>
      <c r="D90" s="627"/>
      <c r="E90" s="627"/>
      <c r="F90" s="627"/>
      <c r="G90" s="627"/>
      <c r="H90" s="627"/>
      <c r="I90" s="627"/>
      <c r="J90" s="627"/>
      <c r="K90" s="627"/>
      <c r="L90" s="627"/>
      <c r="M90" s="627"/>
      <c r="N90" s="627"/>
      <c r="O90" s="627"/>
      <c r="P90" s="627"/>
      <c r="Q90" s="627"/>
      <c r="R90" s="627"/>
      <c r="S90" s="627"/>
      <c r="T90" s="627"/>
      <c r="U90" s="627"/>
      <c r="V90" s="627"/>
      <c r="W90" s="627"/>
      <c r="X90" s="627"/>
      <c r="Y90" s="627"/>
    </row>
    <row r="91" spans="2:25" x14ac:dyDescent="0.2">
      <c r="B91" s="627"/>
      <c r="C91" s="627"/>
      <c r="D91" s="627"/>
      <c r="E91" s="627"/>
      <c r="F91" s="627"/>
      <c r="G91" s="627"/>
      <c r="H91" s="627"/>
      <c r="I91" s="627"/>
      <c r="J91" s="627"/>
      <c r="K91" s="627"/>
      <c r="L91" s="627"/>
      <c r="M91" s="627"/>
      <c r="N91" s="627"/>
      <c r="O91" s="627"/>
      <c r="P91" s="627"/>
      <c r="Q91" s="627"/>
      <c r="R91" s="627"/>
      <c r="S91" s="627"/>
      <c r="T91" s="627"/>
      <c r="U91" s="627"/>
      <c r="V91" s="627"/>
      <c r="W91" s="627"/>
      <c r="X91" s="627"/>
      <c r="Y91" s="627"/>
    </row>
    <row r="92" spans="2:25" x14ac:dyDescent="0.2">
      <c r="B92" s="627"/>
      <c r="C92" s="627"/>
      <c r="D92" s="627"/>
      <c r="E92" s="627"/>
      <c r="F92" s="627"/>
      <c r="G92" s="627"/>
      <c r="H92" s="627"/>
      <c r="I92" s="627"/>
      <c r="J92" s="627"/>
      <c r="K92" s="627"/>
      <c r="L92" s="627"/>
      <c r="M92" s="627"/>
      <c r="N92" s="627"/>
      <c r="O92" s="627"/>
      <c r="P92" s="627"/>
      <c r="Q92" s="627"/>
      <c r="R92" s="627"/>
      <c r="S92" s="627"/>
      <c r="T92" s="627"/>
      <c r="U92" s="627"/>
      <c r="V92" s="627"/>
      <c r="W92" s="627"/>
      <c r="X92" s="627"/>
      <c r="Y92" s="627"/>
    </row>
    <row r="93" spans="2:25" x14ac:dyDescent="0.2">
      <c r="B93" s="627"/>
      <c r="C93" s="627"/>
      <c r="D93" s="627"/>
      <c r="E93" s="627"/>
      <c r="F93" s="627"/>
      <c r="G93" s="627"/>
      <c r="H93" s="627"/>
      <c r="I93" s="627"/>
      <c r="J93" s="627"/>
      <c r="K93" s="627"/>
      <c r="L93" s="627"/>
      <c r="M93" s="627"/>
      <c r="N93" s="627"/>
      <c r="O93" s="627"/>
      <c r="P93" s="627"/>
      <c r="Q93" s="627"/>
      <c r="R93" s="627"/>
      <c r="S93" s="627"/>
      <c r="T93" s="627"/>
      <c r="U93" s="627"/>
      <c r="V93" s="627"/>
      <c r="W93" s="627"/>
      <c r="X93" s="627"/>
      <c r="Y93" s="627"/>
    </row>
    <row r="94" spans="2:25" x14ac:dyDescent="0.2">
      <c r="B94" s="627"/>
      <c r="C94" s="627"/>
      <c r="D94" s="627"/>
      <c r="E94" s="627"/>
      <c r="F94" s="627"/>
      <c r="G94" s="627"/>
      <c r="H94" s="627"/>
      <c r="I94" s="627"/>
      <c r="J94" s="627"/>
      <c r="K94" s="627"/>
      <c r="L94" s="627"/>
      <c r="M94" s="627"/>
      <c r="N94" s="627"/>
      <c r="O94" s="627"/>
      <c r="P94" s="627"/>
      <c r="Q94" s="627"/>
      <c r="R94" s="627"/>
      <c r="S94" s="627"/>
      <c r="T94" s="627"/>
      <c r="U94" s="627"/>
      <c r="V94" s="627"/>
      <c r="W94" s="627"/>
      <c r="X94" s="627"/>
      <c r="Y94" s="627"/>
    </row>
    <row r="95" spans="2:25" x14ac:dyDescent="0.2">
      <c r="B95" s="627"/>
      <c r="C95" s="627"/>
      <c r="D95" s="627"/>
      <c r="E95" s="627"/>
      <c r="F95" s="627"/>
      <c r="G95" s="627"/>
      <c r="H95" s="627"/>
      <c r="I95" s="627"/>
      <c r="J95" s="627"/>
      <c r="K95" s="627"/>
      <c r="L95" s="627"/>
      <c r="M95" s="627"/>
      <c r="N95" s="627"/>
      <c r="O95" s="627"/>
      <c r="P95" s="627"/>
      <c r="Q95" s="627"/>
      <c r="R95" s="627"/>
      <c r="S95" s="627"/>
      <c r="T95" s="627"/>
      <c r="U95" s="627"/>
      <c r="V95" s="627"/>
      <c r="W95" s="627"/>
      <c r="X95" s="627"/>
      <c r="Y95" s="627"/>
    </row>
    <row r="96" spans="2:25" x14ac:dyDescent="0.2">
      <c r="B96" s="627"/>
      <c r="C96" s="627"/>
      <c r="D96" s="627"/>
      <c r="E96" s="627"/>
      <c r="F96" s="627"/>
      <c r="G96" s="627"/>
      <c r="H96" s="627"/>
      <c r="I96" s="627"/>
      <c r="J96" s="627"/>
      <c r="K96" s="627"/>
      <c r="L96" s="627"/>
      <c r="M96" s="627"/>
      <c r="N96" s="627"/>
      <c r="O96" s="627"/>
      <c r="P96" s="627"/>
      <c r="Q96" s="627"/>
      <c r="R96" s="627"/>
      <c r="S96" s="627"/>
      <c r="T96" s="627"/>
      <c r="U96" s="627"/>
      <c r="V96" s="627"/>
      <c r="W96" s="627"/>
      <c r="X96" s="627"/>
      <c r="Y96" s="627"/>
    </row>
    <row r="97" spans="2:25" x14ac:dyDescent="0.2">
      <c r="B97" s="627"/>
      <c r="C97" s="627"/>
      <c r="D97" s="627"/>
      <c r="E97" s="627"/>
      <c r="F97" s="627"/>
      <c r="G97" s="627"/>
      <c r="H97" s="627"/>
      <c r="I97" s="627"/>
      <c r="J97" s="627"/>
      <c r="K97" s="627"/>
      <c r="L97" s="627"/>
      <c r="M97" s="627"/>
      <c r="N97" s="627"/>
      <c r="O97" s="627"/>
      <c r="P97" s="627"/>
      <c r="Q97" s="627"/>
      <c r="R97" s="627"/>
      <c r="S97" s="627"/>
      <c r="T97" s="627"/>
      <c r="U97" s="627"/>
      <c r="V97" s="627"/>
      <c r="W97" s="627"/>
      <c r="X97" s="627"/>
      <c r="Y97" s="627"/>
    </row>
    <row r="98" spans="2:25" x14ac:dyDescent="0.2">
      <c r="B98" s="627"/>
      <c r="C98" s="627"/>
      <c r="D98" s="627"/>
      <c r="E98" s="627"/>
      <c r="F98" s="627"/>
      <c r="G98" s="627"/>
      <c r="H98" s="627"/>
      <c r="I98" s="627"/>
      <c r="J98" s="627"/>
      <c r="K98" s="627"/>
      <c r="L98" s="627"/>
      <c r="M98" s="627"/>
      <c r="N98" s="627"/>
      <c r="O98" s="627"/>
      <c r="P98" s="627"/>
      <c r="Q98" s="627"/>
      <c r="R98" s="627"/>
      <c r="S98" s="627"/>
      <c r="T98" s="627"/>
      <c r="U98" s="627"/>
      <c r="V98" s="627"/>
      <c r="W98" s="627"/>
      <c r="X98" s="627"/>
      <c r="Y98" s="627"/>
    </row>
    <row r="99" spans="2:25" x14ac:dyDescent="0.2">
      <c r="B99" s="627"/>
      <c r="C99" s="627"/>
      <c r="D99" s="627"/>
      <c r="E99" s="627"/>
      <c r="F99" s="627"/>
      <c r="G99" s="627"/>
      <c r="H99" s="627"/>
      <c r="I99" s="627"/>
      <c r="J99" s="627"/>
      <c r="K99" s="627"/>
      <c r="L99" s="627"/>
      <c r="M99" s="627"/>
      <c r="N99" s="627"/>
      <c r="O99" s="627"/>
      <c r="P99" s="627"/>
      <c r="Q99" s="627"/>
      <c r="R99" s="627"/>
      <c r="S99" s="627"/>
      <c r="T99" s="627"/>
      <c r="U99" s="627"/>
      <c r="V99" s="627"/>
      <c r="W99" s="627"/>
      <c r="X99" s="627"/>
      <c r="Y99" s="627"/>
    </row>
    <row r="100" spans="2:25" x14ac:dyDescent="0.2">
      <c r="B100" s="627"/>
      <c r="C100" s="627"/>
      <c r="D100" s="627"/>
      <c r="E100" s="627"/>
      <c r="F100" s="627"/>
      <c r="G100" s="627"/>
      <c r="H100" s="627"/>
      <c r="I100" s="627"/>
      <c r="J100" s="627"/>
      <c r="K100" s="627"/>
      <c r="L100" s="627"/>
      <c r="M100" s="627"/>
      <c r="N100" s="627"/>
      <c r="O100" s="627"/>
      <c r="P100" s="627"/>
      <c r="Q100" s="627"/>
      <c r="R100" s="627"/>
      <c r="S100" s="627"/>
      <c r="T100" s="627"/>
      <c r="U100" s="627"/>
      <c r="V100" s="627"/>
      <c r="W100" s="627"/>
      <c r="X100" s="627"/>
      <c r="Y100" s="627"/>
    </row>
    <row r="101" spans="2:25" x14ac:dyDescent="0.2">
      <c r="B101" s="627"/>
      <c r="C101" s="627"/>
      <c r="D101" s="627"/>
      <c r="E101" s="627"/>
      <c r="F101" s="627"/>
      <c r="G101" s="627"/>
      <c r="H101" s="627"/>
      <c r="I101" s="627"/>
      <c r="J101" s="627"/>
      <c r="K101" s="627"/>
      <c r="L101" s="627"/>
      <c r="M101" s="627"/>
      <c r="N101" s="627"/>
      <c r="O101" s="627"/>
      <c r="P101" s="627"/>
      <c r="Q101" s="627"/>
      <c r="R101" s="627"/>
      <c r="S101" s="627"/>
      <c r="T101" s="627"/>
      <c r="U101" s="627"/>
      <c r="V101" s="627"/>
      <c r="W101" s="627"/>
      <c r="X101" s="627"/>
      <c r="Y101" s="627"/>
    </row>
    <row r="102" spans="2:25" x14ac:dyDescent="0.2">
      <c r="B102" s="627"/>
      <c r="C102" s="627"/>
      <c r="D102" s="627"/>
      <c r="E102" s="627"/>
      <c r="F102" s="627"/>
      <c r="G102" s="627"/>
      <c r="H102" s="627"/>
      <c r="I102" s="627"/>
      <c r="J102" s="627"/>
      <c r="K102" s="627"/>
      <c r="L102" s="627"/>
      <c r="M102" s="627"/>
      <c r="N102" s="627"/>
      <c r="O102" s="627"/>
      <c r="P102" s="627"/>
      <c r="Q102" s="627"/>
      <c r="R102" s="627"/>
      <c r="S102" s="627"/>
      <c r="T102" s="627"/>
      <c r="U102" s="627"/>
      <c r="V102" s="627"/>
      <c r="W102" s="627"/>
      <c r="X102" s="627"/>
      <c r="Y102" s="627"/>
    </row>
    <row r="103" spans="2:25" x14ac:dyDescent="0.2">
      <c r="B103" s="627"/>
      <c r="C103" s="627"/>
      <c r="D103" s="627"/>
      <c r="E103" s="627"/>
      <c r="F103" s="627"/>
      <c r="G103" s="627"/>
      <c r="H103" s="627"/>
      <c r="I103" s="627"/>
      <c r="J103" s="627"/>
      <c r="K103" s="627"/>
      <c r="L103" s="627"/>
      <c r="M103" s="627"/>
      <c r="N103" s="627"/>
      <c r="O103" s="627"/>
      <c r="P103" s="627"/>
      <c r="Q103" s="627"/>
      <c r="R103" s="627"/>
      <c r="S103" s="627"/>
      <c r="T103" s="627"/>
      <c r="U103" s="627"/>
      <c r="V103" s="627"/>
      <c r="W103" s="627"/>
      <c r="X103" s="627"/>
      <c r="Y103" s="627"/>
    </row>
    <row r="104" spans="2:25" x14ac:dyDescent="0.2">
      <c r="B104" s="627"/>
      <c r="C104" s="627"/>
      <c r="D104" s="627"/>
      <c r="E104" s="627"/>
      <c r="F104" s="627"/>
      <c r="G104" s="627"/>
      <c r="H104" s="627"/>
      <c r="I104" s="627"/>
      <c r="J104" s="627"/>
      <c r="K104" s="627"/>
      <c r="L104" s="627"/>
      <c r="M104" s="627"/>
      <c r="N104" s="627"/>
      <c r="O104" s="627"/>
      <c r="P104" s="627"/>
      <c r="Q104" s="627"/>
      <c r="R104" s="627"/>
      <c r="S104" s="627"/>
      <c r="T104" s="627"/>
      <c r="U104" s="627"/>
      <c r="V104" s="627"/>
      <c r="W104" s="627"/>
      <c r="X104" s="627"/>
      <c r="Y104" s="627"/>
    </row>
    <row r="105" spans="2:25" x14ac:dyDescent="0.2">
      <c r="B105" s="627"/>
      <c r="C105" s="627"/>
      <c r="D105" s="627"/>
      <c r="E105" s="627"/>
      <c r="F105" s="627"/>
      <c r="G105" s="627"/>
      <c r="H105" s="627"/>
      <c r="I105" s="627"/>
      <c r="J105" s="627"/>
      <c r="K105" s="627"/>
      <c r="L105" s="627"/>
      <c r="M105" s="627"/>
      <c r="N105" s="627"/>
      <c r="O105" s="627"/>
      <c r="P105" s="627"/>
      <c r="Q105" s="627"/>
      <c r="R105" s="627"/>
      <c r="S105" s="627"/>
      <c r="T105" s="627"/>
      <c r="U105" s="627"/>
      <c r="V105" s="627"/>
      <c r="W105" s="627"/>
      <c r="X105" s="627"/>
      <c r="Y105" s="627"/>
    </row>
    <row r="106" spans="2:25" x14ac:dyDescent="0.2">
      <c r="B106" s="627"/>
      <c r="C106" s="627"/>
      <c r="D106" s="627"/>
      <c r="E106" s="627"/>
      <c r="F106" s="627"/>
      <c r="G106" s="627"/>
      <c r="H106" s="627"/>
      <c r="I106" s="627"/>
      <c r="J106" s="627"/>
      <c r="K106" s="627"/>
      <c r="L106" s="627"/>
      <c r="M106" s="627"/>
      <c r="N106" s="627"/>
      <c r="O106" s="627"/>
      <c r="P106" s="627"/>
      <c r="Q106" s="627"/>
      <c r="R106" s="627"/>
      <c r="S106" s="627"/>
      <c r="T106" s="627"/>
      <c r="U106" s="627"/>
      <c r="V106" s="627"/>
      <c r="W106" s="627"/>
      <c r="X106" s="627"/>
      <c r="Y106" s="627"/>
    </row>
    <row r="107" spans="2:25" x14ac:dyDescent="0.2">
      <c r="B107" s="627"/>
      <c r="C107" s="627"/>
      <c r="D107" s="627"/>
      <c r="E107" s="627"/>
      <c r="F107" s="627"/>
      <c r="G107" s="627"/>
      <c r="H107" s="627"/>
      <c r="I107" s="627"/>
      <c r="J107" s="627"/>
      <c r="K107" s="627"/>
      <c r="L107" s="627"/>
      <c r="M107" s="627"/>
      <c r="N107" s="627"/>
      <c r="O107" s="627"/>
      <c r="P107" s="627"/>
      <c r="Q107" s="627"/>
      <c r="R107" s="627"/>
      <c r="S107" s="627"/>
      <c r="T107" s="627"/>
      <c r="U107" s="627"/>
      <c r="V107" s="627"/>
      <c r="W107" s="627"/>
      <c r="X107" s="627"/>
      <c r="Y107" s="627"/>
    </row>
    <row r="108" spans="2:25" x14ac:dyDescent="0.2">
      <c r="B108" s="627"/>
      <c r="C108" s="627"/>
      <c r="D108" s="627"/>
      <c r="E108" s="627"/>
      <c r="F108" s="627"/>
      <c r="G108" s="627"/>
      <c r="H108" s="627"/>
      <c r="I108" s="627"/>
      <c r="J108" s="627"/>
      <c r="K108" s="627"/>
      <c r="L108" s="627"/>
      <c r="M108" s="627"/>
      <c r="N108" s="627"/>
      <c r="O108" s="627"/>
      <c r="P108" s="627"/>
      <c r="Q108" s="627"/>
      <c r="R108" s="627"/>
      <c r="S108" s="627"/>
      <c r="T108" s="627"/>
      <c r="U108" s="627"/>
      <c r="V108" s="627"/>
      <c r="W108" s="627"/>
      <c r="X108" s="627"/>
      <c r="Y108" s="627"/>
    </row>
    <row r="109" spans="2:25" x14ac:dyDescent="0.2">
      <c r="B109" s="627"/>
      <c r="C109" s="627"/>
      <c r="D109" s="627"/>
      <c r="E109" s="627"/>
      <c r="F109" s="627"/>
      <c r="G109" s="627"/>
      <c r="H109" s="627"/>
      <c r="I109" s="627"/>
      <c r="J109" s="627"/>
      <c r="K109" s="627"/>
      <c r="L109" s="627"/>
      <c r="M109" s="627"/>
      <c r="N109" s="627"/>
      <c r="O109" s="627"/>
      <c r="P109" s="627"/>
      <c r="Q109" s="627"/>
      <c r="R109" s="627"/>
      <c r="S109" s="627"/>
      <c r="T109" s="627"/>
      <c r="U109" s="627"/>
      <c r="V109" s="627"/>
      <c r="W109" s="627"/>
      <c r="X109" s="627"/>
      <c r="Y109" s="627"/>
    </row>
    <row r="110" spans="2:25" x14ac:dyDescent="0.2">
      <c r="B110" s="627"/>
      <c r="C110" s="627"/>
      <c r="D110" s="627"/>
      <c r="E110" s="627"/>
      <c r="F110" s="627"/>
      <c r="G110" s="627"/>
      <c r="H110" s="627"/>
      <c r="I110" s="627"/>
      <c r="J110" s="627"/>
      <c r="K110" s="627"/>
      <c r="L110" s="627"/>
      <c r="M110" s="627"/>
      <c r="N110" s="627"/>
      <c r="O110" s="627"/>
      <c r="P110" s="627"/>
      <c r="Q110" s="627"/>
      <c r="R110" s="627"/>
      <c r="S110" s="627"/>
      <c r="T110" s="627"/>
      <c r="U110" s="627"/>
      <c r="V110" s="627"/>
      <c r="W110" s="627"/>
      <c r="X110" s="627"/>
      <c r="Y110" s="627"/>
    </row>
    <row r="111" spans="2:25" x14ac:dyDescent="0.2">
      <c r="B111" s="627"/>
      <c r="C111" s="627"/>
      <c r="D111" s="627"/>
      <c r="E111" s="627"/>
      <c r="F111" s="627"/>
      <c r="G111" s="627"/>
      <c r="H111" s="627"/>
      <c r="I111" s="627"/>
      <c r="J111" s="627"/>
      <c r="K111" s="627"/>
      <c r="L111" s="627"/>
      <c r="M111" s="627"/>
      <c r="N111" s="627"/>
      <c r="O111" s="627"/>
      <c r="P111" s="627"/>
      <c r="Q111" s="627"/>
      <c r="R111" s="627"/>
      <c r="S111" s="627"/>
      <c r="T111" s="627"/>
      <c r="U111" s="627"/>
      <c r="V111" s="627"/>
      <c r="W111" s="627"/>
      <c r="X111" s="627"/>
      <c r="Y111" s="627"/>
    </row>
    <row r="112" spans="2:25" x14ac:dyDescent="0.2">
      <c r="B112" s="627"/>
      <c r="C112" s="627"/>
      <c r="D112" s="627"/>
      <c r="E112" s="627"/>
      <c r="F112" s="627"/>
      <c r="G112" s="627"/>
      <c r="H112" s="627"/>
      <c r="I112" s="627"/>
      <c r="J112" s="627"/>
      <c r="K112" s="627"/>
      <c r="L112" s="627"/>
      <c r="M112" s="627"/>
      <c r="N112" s="627"/>
      <c r="O112" s="627"/>
      <c r="P112" s="627"/>
      <c r="Q112" s="627"/>
      <c r="R112" s="627"/>
      <c r="S112" s="627"/>
      <c r="T112" s="627"/>
      <c r="U112" s="627"/>
      <c r="V112" s="627"/>
      <c r="W112" s="627"/>
      <c r="X112" s="627"/>
      <c r="Y112" s="627"/>
    </row>
    <row r="113" spans="2:25" x14ac:dyDescent="0.2">
      <c r="B113" s="627"/>
      <c r="C113" s="627"/>
      <c r="D113" s="627"/>
      <c r="E113" s="627"/>
      <c r="F113" s="627"/>
      <c r="G113" s="627"/>
      <c r="H113" s="627"/>
      <c r="I113" s="627"/>
      <c r="J113" s="627"/>
      <c r="K113" s="627"/>
      <c r="L113" s="627"/>
      <c r="M113" s="627"/>
      <c r="N113" s="627"/>
      <c r="O113" s="627"/>
      <c r="P113" s="627"/>
      <c r="Q113" s="627"/>
      <c r="R113" s="627"/>
      <c r="S113" s="627"/>
      <c r="T113" s="627"/>
      <c r="U113" s="627"/>
      <c r="V113" s="627"/>
      <c r="W113" s="627"/>
      <c r="X113" s="627"/>
      <c r="Y113" s="627"/>
    </row>
    <row r="114" spans="2:25" x14ac:dyDescent="0.2">
      <c r="B114" s="627"/>
      <c r="C114" s="627"/>
      <c r="D114" s="627"/>
      <c r="E114" s="627"/>
      <c r="F114" s="627"/>
      <c r="G114" s="627"/>
      <c r="H114" s="627"/>
      <c r="I114" s="627"/>
      <c r="J114" s="627"/>
      <c r="K114" s="627"/>
      <c r="L114" s="627"/>
      <c r="M114" s="627"/>
      <c r="N114" s="627"/>
      <c r="O114" s="627"/>
      <c r="P114" s="627"/>
      <c r="Q114" s="627"/>
      <c r="R114" s="627"/>
      <c r="S114" s="627"/>
      <c r="T114" s="627"/>
      <c r="U114" s="627"/>
      <c r="V114" s="627"/>
      <c r="W114" s="627"/>
      <c r="X114" s="627"/>
      <c r="Y114" s="627"/>
    </row>
    <row r="115" spans="2:25" x14ac:dyDescent="0.2">
      <c r="B115" s="627"/>
      <c r="C115" s="627"/>
      <c r="D115" s="627"/>
      <c r="E115" s="627"/>
      <c r="F115" s="627"/>
      <c r="G115" s="627"/>
      <c r="H115" s="627"/>
      <c r="I115" s="627"/>
      <c r="J115" s="627"/>
      <c r="K115" s="627"/>
      <c r="L115" s="627"/>
      <c r="M115" s="627"/>
      <c r="N115" s="627"/>
      <c r="O115" s="627"/>
      <c r="P115" s="627"/>
      <c r="Q115" s="627"/>
      <c r="R115" s="627"/>
      <c r="S115" s="627"/>
      <c r="T115" s="627"/>
      <c r="U115" s="627"/>
      <c r="V115" s="627"/>
      <c r="W115" s="627"/>
      <c r="X115" s="627"/>
      <c r="Y115" s="627"/>
    </row>
    <row r="116" spans="2:25" x14ac:dyDescent="0.2">
      <c r="B116" s="627"/>
      <c r="C116" s="627"/>
      <c r="D116" s="627"/>
      <c r="E116" s="627"/>
      <c r="F116" s="627"/>
      <c r="G116" s="627"/>
      <c r="H116" s="627"/>
      <c r="I116" s="627"/>
      <c r="J116" s="627"/>
      <c r="K116" s="627"/>
      <c r="L116" s="627"/>
      <c r="M116" s="627"/>
      <c r="N116" s="627"/>
      <c r="O116" s="627"/>
      <c r="P116" s="627"/>
      <c r="Q116" s="627"/>
      <c r="R116" s="627"/>
      <c r="S116" s="627"/>
      <c r="T116" s="627"/>
      <c r="U116" s="627"/>
      <c r="V116" s="627"/>
      <c r="W116" s="627"/>
      <c r="X116" s="627"/>
      <c r="Y116" s="627"/>
    </row>
    <row r="117" spans="2:25" x14ac:dyDescent="0.2">
      <c r="B117" s="627"/>
      <c r="C117" s="627"/>
      <c r="D117" s="627"/>
      <c r="E117" s="627"/>
      <c r="F117" s="627"/>
      <c r="G117" s="627"/>
      <c r="H117" s="627"/>
      <c r="I117" s="627"/>
      <c r="J117" s="627"/>
      <c r="K117" s="627"/>
      <c r="L117" s="627"/>
      <c r="M117" s="627"/>
      <c r="N117" s="627"/>
      <c r="O117" s="627"/>
      <c r="P117" s="627"/>
      <c r="Q117" s="627"/>
      <c r="R117" s="627"/>
      <c r="S117" s="627"/>
      <c r="T117" s="627"/>
      <c r="U117" s="627"/>
      <c r="V117" s="627"/>
      <c r="W117" s="627"/>
      <c r="X117" s="627"/>
      <c r="Y117" s="627"/>
    </row>
    <row r="118" spans="2:25" x14ac:dyDescent="0.2">
      <c r="B118" s="627"/>
      <c r="C118" s="627"/>
      <c r="D118" s="627"/>
      <c r="E118" s="627"/>
      <c r="F118" s="627"/>
      <c r="G118" s="627"/>
      <c r="H118" s="627"/>
      <c r="I118" s="627"/>
      <c r="J118" s="627"/>
      <c r="K118" s="627"/>
      <c r="L118" s="627"/>
      <c r="M118" s="627"/>
      <c r="N118" s="627"/>
      <c r="O118" s="627"/>
      <c r="P118" s="627"/>
      <c r="Q118" s="627"/>
      <c r="R118" s="627"/>
      <c r="S118" s="627"/>
      <c r="T118" s="627"/>
      <c r="U118" s="627"/>
      <c r="V118" s="627"/>
      <c r="W118" s="627"/>
      <c r="X118" s="627"/>
      <c r="Y118" s="627"/>
    </row>
    <row r="119" spans="2:25" x14ac:dyDescent="0.2">
      <c r="B119" s="627"/>
      <c r="C119" s="627"/>
      <c r="D119" s="627"/>
      <c r="E119" s="627"/>
      <c r="F119" s="627"/>
      <c r="G119" s="627"/>
      <c r="H119" s="627"/>
      <c r="I119" s="627"/>
      <c r="J119" s="627"/>
      <c r="K119" s="627"/>
      <c r="L119" s="627"/>
      <c r="M119" s="627"/>
      <c r="N119" s="627"/>
      <c r="O119" s="627"/>
      <c r="P119" s="627"/>
      <c r="Q119" s="627"/>
      <c r="R119" s="627"/>
      <c r="S119" s="627"/>
      <c r="T119" s="627"/>
      <c r="U119" s="627"/>
      <c r="V119" s="627"/>
      <c r="W119" s="627"/>
      <c r="X119" s="627"/>
      <c r="Y119" s="627"/>
    </row>
    <row r="120" spans="2:25" x14ac:dyDescent="0.2">
      <c r="B120" s="627"/>
      <c r="C120" s="627"/>
      <c r="D120" s="627"/>
      <c r="E120" s="627"/>
      <c r="F120" s="627"/>
      <c r="G120" s="627"/>
      <c r="H120" s="627"/>
      <c r="I120" s="627"/>
      <c r="J120" s="627"/>
      <c r="K120" s="627"/>
      <c r="L120" s="627"/>
      <c r="M120" s="627"/>
      <c r="N120" s="627"/>
      <c r="O120" s="627"/>
      <c r="P120" s="627"/>
      <c r="Q120" s="627"/>
      <c r="R120" s="627"/>
      <c r="S120" s="627"/>
      <c r="T120" s="627"/>
      <c r="U120" s="627"/>
      <c r="V120" s="627"/>
      <c r="W120" s="627"/>
      <c r="X120" s="627"/>
      <c r="Y120" s="627"/>
    </row>
    <row r="121" spans="2:25" x14ac:dyDescent="0.2">
      <c r="B121" s="627"/>
      <c r="C121" s="627"/>
      <c r="D121" s="627"/>
      <c r="E121" s="627"/>
      <c r="F121" s="627"/>
      <c r="G121" s="627"/>
      <c r="H121" s="627"/>
      <c r="I121" s="627"/>
      <c r="J121" s="627"/>
      <c r="K121" s="627"/>
      <c r="L121" s="627"/>
      <c r="M121" s="627"/>
      <c r="N121" s="627"/>
      <c r="O121" s="627"/>
      <c r="P121" s="627"/>
      <c r="Q121" s="627"/>
      <c r="R121" s="627"/>
      <c r="S121" s="627"/>
      <c r="T121" s="627"/>
      <c r="U121" s="627"/>
      <c r="V121" s="627"/>
      <c r="W121" s="627"/>
      <c r="X121" s="627"/>
      <c r="Y121" s="627"/>
    </row>
    <row r="122" spans="2:25" x14ac:dyDescent="0.2">
      <c r="B122" s="627"/>
      <c r="C122" s="627"/>
      <c r="D122" s="627"/>
      <c r="E122" s="627"/>
      <c r="F122" s="627"/>
      <c r="G122" s="627"/>
      <c r="H122" s="627"/>
      <c r="I122" s="627"/>
      <c r="J122" s="627"/>
      <c r="K122" s="627"/>
      <c r="L122" s="627"/>
      <c r="M122" s="627"/>
      <c r="N122" s="627"/>
      <c r="O122" s="627"/>
      <c r="P122" s="627"/>
      <c r="Q122" s="627"/>
      <c r="R122" s="627"/>
      <c r="S122" s="627"/>
      <c r="T122" s="627"/>
      <c r="U122" s="627"/>
      <c r="V122" s="627"/>
      <c r="W122" s="627"/>
      <c r="X122" s="627"/>
      <c r="Y122" s="627"/>
    </row>
    <row r="123" spans="2:25" x14ac:dyDescent="0.2">
      <c r="B123" s="627"/>
      <c r="C123" s="627"/>
      <c r="D123" s="627"/>
      <c r="E123" s="627"/>
      <c r="F123" s="627"/>
      <c r="G123" s="627"/>
      <c r="H123" s="627"/>
      <c r="I123" s="627"/>
      <c r="J123" s="627"/>
      <c r="K123" s="627"/>
      <c r="L123" s="627"/>
      <c r="M123" s="627"/>
      <c r="N123" s="627"/>
      <c r="O123" s="627"/>
      <c r="P123" s="627"/>
      <c r="Q123" s="627"/>
      <c r="R123" s="627"/>
      <c r="S123" s="627"/>
      <c r="T123" s="627"/>
      <c r="U123" s="627"/>
      <c r="V123" s="627"/>
      <c r="W123" s="627"/>
      <c r="X123" s="627"/>
      <c r="Y123" s="627"/>
    </row>
    <row r="124" spans="2:25" x14ac:dyDescent="0.2">
      <c r="B124" s="627"/>
      <c r="C124" s="627"/>
      <c r="D124" s="627"/>
      <c r="E124" s="627"/>
      <c r="F124" s="627"/>
      <c r="G124" s="627"/>
      <c r="H124" s="627"/>
      <c r="I124" s="627"/>
      <c r="J124" s="627"/>
      <c r="K124" s="627"/>
      <c r="L124" s="627"/>
      <c r="M124" s="627"/>
      <c r="N124" s="627"/>
      <c r="O124" s="627"/>
      <c r="P124" s="627"/>
      <c r="Q124" s="627"/>
      <c r="R124" s="627"/>
      <c r="S124" s="627"/>
      <c r="T124" s="627"/>
      <c r="U124" s="627"/>
      <c r="V124" s="627"/>
      <c r="W124" s="627"/>
      <c r="X124" s="627"/>
      <c r="Y124" s="627"/>
    </row>
    <row r="125" spans="2:25" x14ac:dyDescent="0.2">
      <c r="B125" s="627"/>
      <c r="C125" s="627"/>
      <c r="D125" s="627"/>
      <c r="E125" s="627"/>
      <c r="F125" s="627"/>
      <c r="G125" s="627"/>
      <c r="H125" s="627"/>
      <c r="I125" s="627"/>
      <c r="J125" s="627"/>
      <c r="K125" s="627"/>
      <c r="L125" s="627"/>
      <c r="M125" s="627"/>
      <c r="N125" s="627"/>
      <c r="O125" s="627"/>
      <c r="P125" s="627"/>
      <c r="Q125" s="627"/>
      <c r="R125" s="627"/>
      <c r="S125" s="627"/>
      <c r="T125" s="627"/>
      <c r="U125" s="627"/>
      <c r="V125" s="627"/>
      <c r="W125" s="627"/>
      <c r="X125" s="627"/>
      <c r="Y125" s="627"/>
    </row>
    <row r="126" spans="2:25" x14ac:dyDescent="0.2">
      <c r="B126" s="627"/>
      <c r="C126" s="627"/>
      <c r="D126" s="627"/>
      <c r="E126" s="627"/>
      <c r="F126" s="627"/>
      <c r="G126" s="627"/>
      <c r="H126" s="627"/>
      <c r="I126" s="627"/>
      <c r="J126" s="627"/>
      <c r="K126" s="627"/>
      <c r="L126" s="627"/>
      <c r="M126" s="627"/>
      <c r="N126" s="627"/>
      <c r="O126" s="627"/>
      <c r="P126" s="627"/>
      <c r="Q126" s="627"/>
      <c r="R126" s="627"/>
      <c r="S126" s="627"/>
      <c r="T126" s="627"/>
      <c r="U126" s="627"/>
      <c r="V126" s="627"/>
      <c r="W126" s="627"/>
      <c r="X126" s="627"/>
      <c r="Y126" s="627"/>
    </row>
    <row r="127" spans="2:25" x14ac:dyDescent="0.2">
      <c r="B127" s="627"/>
      <c r="C127" s="627"/>
      <c r="D127" s="627"/>
      <c r="E127" s="627"/>
      <c r="F127" s="627"/>
      <c r="G127" s="627"/>
      <c r="H127" s="627"/>
      <c r="I127" s="627"/>
      <c r="J127" s="627"/>
      <c r="K127" s="627"/>
      <c r="L127" s="627"/>
      <c r="M127" s="627"/>
      <c r="N127" s="627"/>
      <c r="O127" s="627"/>
      <c r="P127" s="627"/>
      <c r="Q127" s="627"/>
      <c r="R127" s="627"/>
      <c r="S127" s="627"/>
      <c r="T127" s="627"/>
      <c r="U127" s="627"/>
      <c r="V127" s="627"/>
      <c r="W127" s="627"/>
      <c r="X127" s="627"/>
      <c r="Y127" s="627"/>
    </row>
    <row r="128" spans="2:25" x14ac:dyDescent="0.2">
      <c r="B128" s="627"/>
      <c r="C128" s="627"/>
      <c r="D128" s="627"/>
      <c r="E128" s="627"/>
      <c r="F128" s="627"/>
      <c r="G128" s="627"/>
      <c r="H128" s="627"/>
      <c r="I128" s="627"/>
      <c r="J128" s="627"/>
      <c r="K128" s="627"/>
      <c r="L128" s="627"/>
      <c r="M128" s="627"/>
      <c r="N128" s="627"/>
      <c r="O128" s="627"/>
      <c r="P128" s="627"/>
      <c r="Q128" s="627"/>
      <c r="R128" s="627"/>
      <c r="S128" s="627"/>
      <c r="T128" s="627"/>
      <c r="U128" s="627"/>
      <c r="V128" s="627"/>
      <c r="W128" s="627"/>
      <c r="X128" s="627"/>
      <c r="Y128" s="627"/>
    </row>
    <row r="129" spans="2:25" x14ac:dyDescent="0.2">
      <c r="B129" s="627"/>
      <c r="C129" s="627"/>
      <c r="D129" s="627"/>
      <c r="E129" s="627"/>
      <c r="F129" s="627"/>
      <c r="G129" s="627"/>
      <c r="H129" s="627"/>
      <c r="I129" s="627"/>
      <c r="J129" s="627"/>
      <c r="K129" s="627"/>
      <c r="L129" s="627"/>
      <c r="M129" s="627"/>
      <c r="N129" s="627"/>
      <c r="O129" s="627"/>
      <c r="P129" s="627"/>
      <c r="Q129" s="627"/>
      <c r="R129" s="627"/>
      <c r="S129" s="627"/>
      <c r="T129" s="627"/>
      <c r="U129" s="627"/>
      <c r="V129" s="627"/>
      <c r="W129" s="627"/>
      <c r="X129" s="627"/>
      <c r="Y129" s="627"/>
    </row>
    <row r="130" spans="2:25" x14ac:dyDescent="0.2">
      <c r="B130" s="627"/>
      <c r="C130" s="627"/>
      <c r="D130" s="627"/>
      <c r="E130" s="627"/>
      <c r="F130" s="627"/>
      <c r="G130" s="627"/>
      <c r="H130" s="627"/>
      <c r="I130" s="627"/>
      <c r="J130" s="627"/>
      <c r="K130" s="627"/>
      <c r="L130" s="627"/>
      <c r="M130" s="627"/>
      <c r="N130" s="627"/>
      <c r="O130" s="627"/>
      <c r="P130" s="627"/>
      <c r="Q130" s="627"/>
      <c r="R130" s="627"/>
      <c r="S130" s="627"/>
      <c r="T130" s="627"/>
      <c r="U130" s="627"/>
      <c r="V130" s="627"/>
      <c r="W130" s="627"/>
      <c r="X130" s="627"/>
      <c r="Y130" s="627"/>
    </row>
    <row r="131" spans="2:25" x14ac:dyDescent="0.2">
      <c r="B131" s="627"/>
      <c r="C131" s="627"/>
      <c r="D131" s="627"/>
      <c r="E131" s="627"/>
      <c r="F131" s="627"/>
      <c r="G131" s="627"/>
      <c r="H131" s="627"/>
      <c r="I131" s="627"/>
      <c r="J131" s="627"/>
      <c r="K131" s="627"/>
      <c r="L131" s="627"/>
      <c r="M131" s="627"/>
      <c r="N131" s="627"/>
      <c r="O131" s="627"/>
      <c r="P131" s="627"/>
      <c r="Q131" s="627"/>
      <c r="R131" s="627"/>
      <c r="S131" s="627"/>
      <c r="T131" s="627"/>
      <c r="U131" s="627"/>
      <c r="V131" s="627"/>
      <c r="W131" s="627"/>
      <c r="X131" s="627"/>
      <c r="Y131" s="627"/>
    </row>
    <row r="132" spans="2:25" x14ac:dyDescent="0.2">
      <c r="B132" s="627"/>
      <c r="C132" s="627"/>
      <c r="D132" s="627"/>
      <c r="E132" s="627"/>
      <c r="F132" s="627"/>
      <c r="G132" s="627"/>
      <c r="H132" s="627"/>
      <c r="I132" s="627"/>
      <c r="J132" s="627"/>
      <c r="K132" s="627"/>
      <c r="L132" s="627"/>
      <c r="M132" s="627"/>
      <c r="N132" s="627"/>
      <c r="O132" s="627"/>
      <c r="P132" s="627"/>
      <c r="Q132" s="627"/>
      <c r="R132" s="627"/>
      <c r="S132" s="627"/>
      <c r="T132" s="627"/>
      <c r="U132" s="627"/>
      <c r="V132" s="627"/>
      <c r="W132" s="627"/>
      <c r="X132" s="627"/>
      <c r="Y132" s="627"/>
    </row>
    <row r="133" spans="2:25" x14ac:dyDescent="0.2">
      <c r="B133" s="627"/>
      <c r="C133" s="627"/>
      <c r="D133" s="627"/>
      <c r="E133" s="627"/>
      <c r="F133" s="627"/>
      <c r="G133" s="627"/>
      <c r="H133" s="627"/>
      <c r="I133" s="627"/>
      <c r="J133" s="627"/>
      <c r="K133" s="627"/>
      <c r="L133" s="627"/>
      <c r="M133" s="627"/>
      <c r="N133" s="627"/>
      <c r="O133" s="627"/>
      <c r="P133" s="627"/>
      <c r="Q133" s="627"/>
      <c r="R133" s="627"/>
      <c r="S133" s="627"/>
      <c r="T133" s="627"/>
      <c r="U133" s="627"/>
      <c r="V133" s="627"/>
      <c r="W133" s="627"/>
      <c r="X133" s="627"/>
      <c r="Y133" s="627"/>
    </row>
    <row r="134" spans="2:25" x14ac:dyDescent="0.2">
      <c r="B134" s="627"/>
      <c r="C134" s="627"/>
      <c r="D134" s="627"/>
      <c r="E134" s="627"/>
      <c r="F134" s="627"/>
      <c r="G134" s="627"/>
      <c r="H134" s="627"/>
      <c r="I134" s="627"/>
      <c r="J134" s="627"/>
      <c r="K134" s="627"/>
      <c r="L134" s="627"/>
      <c r="M134" s="627"/>
      <c r="N134" s="627"/>
      <c r="O134" s="627"/>
      <c r="P134" s="627"/>
      <c r="Q134" s="627"/>
      <c r="R134" s="627"/>
      <c r="S134" s="627"/>
      <c r="T134" s="627"/>
      <c r="U134" s="627"/>
      <c r="V134" s="627"/>
      <c r="W134" s="627"/>
      <c r="X134" s="627"/>
      <c r="Y134" s="627"/>
    </row>
    <row r="135" spans="2:25" x14ac:dyDescent="0.2">
      <c r="B135" s="627"/>
      <c r="C135" s="627"/>
      <c r="D135" s="627"/>
      <c r="E135" s="627"/>
      <c r="F135" s="627"/>
      <c r="G135" s="627"/>
      <c r="H135" s="627"/>
      <c r="I135" s="627"/>
      <c r="J135" s="627"/>
      <c r="K135" s="627"/>
      <c r="L135" s="627"/>
      <c r="M135" s="627"/>
      <c r="N135" s="627"/>
      <c r="O135" s="627"/>
      <c r="P135" s="627"/>
      <c r="Q135" s="627"/>
      <c r="R135" s="627"/>
      <c r="S135" s="627"/>
      <c r="T135" s="627"/>
      <c r="U135" s="627"/>
      <c r="V135" s="627"/>
      <c r="W135" s="627"/>
      <c r="X135" s="627"/>
      <c r="Y135" s="627"/>
    </row>
    <row r="136" spans="2:25" x14ac:dyDescent="0.2">
      <c r="B136" s="627"/>
      <c r="C136" s="627"/>
      <c r="D136" s="627"/>
      <c r="E136" s="627"/>
      <c r="F136" s="627"/>
      <c r="G136" s="627"/>
      <c r="H136" s="627"/>
      <c r="I136" s="627"/>
      <c r="J136" s="627"/>
      <c r="K136" s="627"/>
      <c r="L136" s="627"/>
      <c r="M136" s="627"/>
      <c r="N136" s="627"/>
      <c r="O136" s="627"/>
      <c r="P136" s="627"/>
      <c r="Q136" s="627"/>
      <c r="R136" s="627"/>
      <c r="S136" s="627"/>
      <c r="T136" s="627"/>
      <c r="U136" s="627"/>
      <c r="V136" s="627"/>
      <c r="W136" s="627"/>
      <c r="X136" s="627"/>
      <c r="Y136" s="627"/>
    </row>
    <row r="137" spans="2:25" x14ac:dyDescent="0.2">
      <c r="B137" s="627"/>
      <c r="C137" s="627"/>
      <c r="D137" s="627"/>
      <c r="E137" s="627"/>
      <c r="F137" s="627"/>
      <c r="G137" s="627"/>
      <c r="H137" s="627"/>
      <c r="I137" s="627"/>
      <c r="J137" s="627"/>
      <c r="K137" s="627"/>
      <c r="L137" s="627"/>
      <c r="M137" s="627"/>
      <c r="N137" s="627"/>
      <c r="O137" s="627"/>
      <c r="P137" s="627"/>
      <c r="Q137" s="627"/>
      <c r="R137" s="627"/>
      <c r="S137" s="627"/>
      <c r="T137" s="627"/>
      <c r="U137" s="627"/>
      <c r="V137" s="627"/>
      <c r="W137" s="627"/>
      <c r="X137" s="627"/>
      <c r="Y137" s="627"/>
    </row>
    <row r="138" spans="2:25" x14ac:dyDescent="0.2">
      <c r="B138" s="627"/>
      <c r="C138" s="627"/>
      <c r="D138" s="627"/>
      <c r="E138" s="627"/>
      <c r="F138" s="627"/>
      <c r="G138" s="627"/>
      <c r="H138" s="627"/>
      <c r="I138" s="627"/>
      <c r="J138" s="627"/>
      <c r="K138" s="627"/>
      <c r="L138" s="627"/>
      <c r="M138" s="627"/>
      <c r="N138" s="627"/>
      <c r="O138" s="627"/>
      <c r="P138" s="627"/>
      <c r="Q138" s="627"/>
      <c r="R138" s="627"/>
      <c r="S138" s="627"/>
      <c r="T138" s="627"/>
      <c r="U138" s="627"/>
      <c r="V138" s="627"/>
      <c r="W138" s="627"/>
      <c r="X138" s="627"/>
      <c r="Y138" s="627"/>
    </row>
    <row r="139" spans="2:25" x14ac:dyDescent="0.2">
      <c r="B139" s="627"/>
      <c r="C139" s="627"/>
      <c r="D139" s="627"/>
      <c r="E139" s="627"/>
      <c r="F139" s="627"/>
      <c r="G139" s="627"/>
      <c r="H139" s="627"/>
      <c r="I139" s="627"/>
      <c r="J139" s="627"/>
      <c r="K139" s="627"/>
      <c r="L139" s="627"/>
      <c r="M139" s="627"/>
      <c r="N139" s="627"/>
      <c r="O139" s="627"/>
      <c r="P139" s="627"/>
      <c r="Q139" s="627"/>
      <c r="R139" s="627"/>
      <c r="S139" s="627"/>
      <c r="T139" s="627"/>
      <c r="U139" s="627"/>
      <c r="V139" s="627"/>
      <c r="W139" s="627"/>
      <c r="X139" s="627"/>
      <c r="Y139" s="627"/>
    </row>
    <row r="140" spans="2:25" x14ac:dyDescent="0.2">
      <c r="B140" s="627"/>
      <c r="C140" s="627"/>
      <c r="D140" s="627"/>
      <c r="E140" s="627"/>
      <c r="F140" s="627"/>
      <c r="G140" s="627"/>
      <c r="H140" s="627"/>
      <c r="I140" s="627"/>
      <c r="J140" s="627"/>
      <c r="K140" s="627"/>
      <c r="L140" s="627"/>
      <c r="M140" s="627"/>
      <c r="N140" s="627"/>
      <c r="O140" s="627"/>
      <c r="P140" s="627"/>
      <c r="Q140" s="627"/>
      <c r="R140" s="627"/>
      <c r="S140" s="627"/>
      <c r="T140" s="627"/>
      <c r="U140" s="627"/>
      <c r="V140" s="627"/>
      <c r="W140" s="627"/>
      <c r="X140" s="627"/>
      <c r="Y140" s="627"/>
    </row>
    <row r="141" spans="2:25" x14ac:dyDescent="0.2">
      <c r="B141" s="627"/>
      <c r="C141" s="627"/>
      <c r="D141" s="627"/>
      <c r="E141" s="627"/>
      <c r="F141" s="627"/>
      <c r="G141" s="627"/>
      <c r="H141" s="627"/>
      <c r="I141" s="627"/>
      <c r="J141" s="627"/>
      <c r="K141" s="627"/>
      <c r="L141" s="627"/>
      <c r="M141" s="627"/>
      <c r="N141" s="627"/>
      <c r="O141" s="627"/>
      <c r="P141" s="627"/>
      <c r="Q141" s="627"/>
      <c r="R141" s="627"/>
      <c r="S141" s="627"/>
      <c r="T141" s="627"/>
      <c r="U141" s="627"/>
      <c r="V141" s="627"/>
      <c r="W141" s="627"/>
      <c r="X141" s="627"/>
      <c r="Y141" s="627"/>
    </row>
    <row r="142" spans="2:25" x14ac:dyDescent="0.2">
      <c r="B142" s="627"/>
      <c r="C142" s="627"/>
      <c r="D142" s="627"/>
      <c r="E142" s="627"/>
      <c r="F142" s="627"/>
      <c r="G142" s="627"/>
      <c r="H142" s="627"/>
      <c r="I142" s="627"/>
      <c r="J142" s="627"/>
      <c r="K142" s="627"/>
      <c r="L142" s="627"/>
      <c r="M142" s="627"/>
      <c r="N142" s="627"/>
      <c r="O142" s="627"/>
      <c r="P142" s="627"/>
      <c r="Q142" s="627"/>
      <c r="R142" s="627"/>
      <c r="S142" s="627"/>
      <c r="T142" s="627"/>
      <c r="U142" s="627"/>
      <c r="V142" s="627"/>
      <c r="W142" s="627"/>
      <c r="X142" s="627"/>
      <c r="Y142" s="627"/>
    </row>
    <row r="143" spans="2:25" x14ac:dyDescent="0.2">
      <c r="B143" s="627"/>
      <c r="C143" s="627"/>
      <c r="D143" s="627"/>
      <c r="E143" s="627"/>
      <c r="F143" s="627"/>
      <c r="G143" s="627"/>
      <c r="H143" s="627"/>
      <c r="I143" s="627"/>
      <c r="J143" s="627"/>
      <c r="K143" s="627"/>
      <c r="L143" s="627"/>
      <c r="M143" s="627"/>
      <c r="N143" s="627"/>
      <c r="O143" s="627"/>
      <c r="P143" s="627"/>
      <c r="Q143" s="627"/>
      <c r="R143" s="627"/>
      <c r="S143" s="627"/>
      <c r="T143" s="627"/>
      <c r="U143" s="627"/>
      <c r="V143" s="627"/>
      <c r="W143" s="627"/>
      <c r="X143" s="627"/>
      <c r="Y143" s="627"/>
    </row>
    <row r="144" spans="2:25" x14ac:dyDescent="0.2">
      <c r="B144" s="627"/>
      <c r="C144" s="627"/>
      <c r="D144" s="627"/>
      <c r="E144" s="627"/>
      <c r="F144" s="627"/>
      <c r="G144" s="627"/>
      <c r="H144" s="627"/>
      <c r="I144" s="627"/>
      <c r="J144" s="627"/>
      <c r="K144" s="627"/>
      <c r="L144" s="627"/>
      <c r="M144" s="627"/>
      <c r="N144" s="627"/>
      <c r="O144" s="627"/>
      <c r="P144" s="627"/>
      <c r="Q144" s="627"/>
      <c r="R144" s="627"/>
      <c r="S144" s="627"/>
      <c r="T144" s="627"/>
      <c r="U144" s="627"/>
      <c r="V144" s="627"/>
      <c r="W144" s="627"/>
      <c r="X144" s="627"/>
      <c r="Y144" s="627"/>
    </row>
    <row r="145" spans="2:25" x14ac:dyDescent="0.2">
      <c r="B145" s="627"/>
      <c r="C145" s="627"/>
      <c r="D145" s="627"/>
      <c r="E145" s="627"/>
      <c r="F145" s="627"/>
      <c r="G145" s="627"/>
      <c r="H145" s="627"/>
      <c r="I145" s="627"/>
      <c r="J145" s="627"/>
      <c r="K145" s="627"/>
      <c r="L145" s="627"/>
      <c r="M145" s="627"/>
      <c r="N145" s="627"/>
      <c r="O145" s="627"/>
      <c r="P145" s="627"/>
      <c r="Q145" s="627"/>
      <c r="R145" s="627"/>
      <c r="S145" s="627"/>
      <c r="T145" s="627"/>
      <c r="U145" s="627"/>
      <c r="V145" s="627"/>
      <c r="W145" s="627"/>
      <c r="X145" s="627"/>
      <c r="Y145" s="627"/>
    </row>
    <row r="146" spans="2:25" x14ac:dyDescent="0.2">
      <c r="B146" s="627"/>
      <c r="C146" s="627"/>
      <c r="D146" s="627"/>
      <c r="E146" s="627"/>
      <c r="F146" s="627"/>
      <c r="G146" s="627"/>
      <c r="H146" s="627"/>
      <c r="I146" s="627"/>
      <c r="J146" s="627"/>
      <c r="K146" s="627"/>
      <c r="L146" s="627"/>
      <c r="M146" s="627"/>
      <c r="N146" s="627"/>
      <c r="O146" s="627"/>
      <c r="P146" s="627"/>
      <c r="Q146" s="627"/>
      <c r="R146" s="627"/>
      <c r="S146" s="627"/>
      <c r="T146" s="627"/>
      <c r="U146" s="627"/>
      <c r="V146" s="627"/>
      <c r="W146" s="627"/>
      <c r="X146" s="627"/>
      <c r="Y146" s="627"/>
    </row>
    <row r="147" spans="2:25" x14ac:dyDescent="0.2">
      <c r="B147" s="627"/>
      <c r="C147" s="627"/>
      <c r="D147" s="627"/>
      <c r="E147" s="627"/>
      <c r="F147" s="627"/>
      <c r="G147" s="627"/>
      <c r="H147" s="627"/>
      <c r="I147" s="627"/>
      <c r="J147" s="627"/>
      <c r="K147" s="627"/>
      <c r="L147" s="627"/>
      <c r="M147" s="627"/>
      <c r="N147" s="627"/>
      <c r="O147" s="627"/>
      <c r="P147" s="627"/>
      <c r="Q147" s="627"/>
      <c r="R147" s="627"/>
      <c r="S147" s="627"/>
      <c r="T147" s="627"/>
      <c r="U147" s="627"/>
      <c r="V147" s="627"/>
      <c r="W147" s="627"/>
      <c r="X147" s="627"/>
      <c r="Y147" s="627"/>
    </row>
    <row r="148" spans="2:25" x14ac:dyDescent="0.2">
      <c r="B148" s="627"/>
      <c r="C148" s="627"/>
      <c r="D148" s="627"/>
      <c r="E148" s="627"/>
      <c r="F148" s="627"/>
      <c r="G148" s="627"/>
      <c r="H148" s="627"/>
      <c r="I148" s="627"/>
      <c r="J148" s="627"/>
      <c r="K148" s="627"/>
      <c r="L148" s="627"/>
      <c r="M148" s="627"/>
      <c r="N148" s="627"/>
      <c r="O148" s="627"/>
      <c r="P148" s="627"/>
      <c r="Q148" s="627"/>
      <c r="R148" s="627"/>
      <c r="S148" s="627"/>
      <c r="T148" s="627"/>
      <c r="U148" s="627"/>
      <c r="V148" s="627"/>
      <c r="W148" s="627"/>
      <c r="X148" s="627"/>
      <c r="Y148" s="627"/>
    </row>
    <row r="149" spans="2:25" x14ac:dyDescent="0.2">
      <c r="B149" s="627"/>
      <c r="C149" s="627"/>
      <c r="D149" s="627"/>
      <c r="E149" s="627"/>
      <c r="F149" s="627"/>
      <c r="G149" s="627"/>
      <c r="H149" s="627"/>
      <c r="I149" s="627"/>
      <c r="J149" s="627"/>
      <c r="K149" s="627"/>
      <c r="L149" s="627"/>
      <c r="M149" s="627"/>
      <c r="N149" s="627"/>
      <c r="O149" s="627"/>
      <c r="P149" s="627"/>
      <c r="Q149" s="627"/>
      <c r="R149" s="627"/>
      <c r="S149" s="627"/>
      <c r="T149" s="627"/>
      <c r="U149" s="627"/>
      <c r="V149" s="627"/>
      <c r="W149" s="627"/>
      <c r="X149" s="627"/>
      <c r="Y149" s="627"/>
    </row>
    <row r="150" spans="2:25" x14ac:dyDescent="0.2">
      <c r="B150" s="627"/>
      <c r="C150" s="627"/>
      <c r="D150" s="627"/>
      <c r="E150" s="627"/>
      <c r="F150" s="627"/>
      <c r="G150" s="627"/>
      <c r="H150" s="627"/>
      <c r="I150" s="627"/>
      <c r="J150" s="627"/>
      <c r="K150" s="627"/>
      <c r="L150" s="627"/>
      <c r="M150" s="627"/>
      <c r="N150" s="627"/>
      <c r="O150" s="627"/>
      <c r="P150" s="627"/>
      <c r="Q150" s="627"/>
      <c r="R150" s="627"/>
      <c r="S150" s="627"/>
      <c r="T150" s="627"/>
      <c r="U150" s="627"/>
      <c r="V150" s="627"/>
      <c r="W150" s="627"/>
      <c r="X150" s="627"/>
      <c r="Y150" s="627"/>
    </row>
    <row r="151" spans="2:25" x14ac:dyDescent="0.2">
      <c r="B151" s="627"/>
      <c r="C151" s="627"/>
      <c r="D151" s="627"/>
      <c r="E151" s="627"/>
      <c r="F151" s="627"/>
      <c r="G151" s="627"/>
      <c r="H151" s="627"/>
      <c r="I151" s="627"/>
      <c r="J151" s="627"/>
      <c r="K151" s="627"/>
      <c r="L151" s="627"/>
      <c r="M151" s="627"/>
      <c r="N151" s="627"/>
      <c r="O151" s="627"/>
      <c r="P151" s="627"/>
      <c r="Q151" s="627"/>
      <c r="R151" s="627"/>
      <c r="S151" s="627"/>
      <c r="T151" s="627"/>
      <c r="U151" s="627"/>
      <c r="V151" s="627"/>
      <c r="W151" s="627"/>
      <c r="X151" s="627"/>
      <c r="Y151" s="627"/>
    </row>
    <row r="152" spans="2:25" x14ac:dyDescent="0.2">
      <c r="B152" s="627"/>
      <c r="C152" s="627"/>
      <c r="D152" s="627"/>
      <c r="E152" s="627"/>
      <c r="F152" s="627"/>
      <c r="G152" s="627"/>
      <c r="H152" s="627"/>
      <c r="I152" s="627"/>
      <c r="J152" s="627"/>
      <c r="K152" s="627"/>
      <c r="L152" s="627"/>
      <c r="M152" s="627"/>
      <c r="N152" s="627"/>
      <c r="O152" s="627"/>
      <c r="P152" s="627"/>
      <c r="Q152" s="627"/>
      <c r="R152" s="627"/>
      <c r="S152" s="627"/>
      <c r="T152" s="627"/>
      <c r="U152" s="627"/>
      <c r="V152" s="627"/>
      <c r="W152" s="627"/>
      <c r="X152" s="627"/>
      <c r="Y152" s="627"/>
    </row>
    <row r="153" spans="2:25" x14ac:dyDescent="0.2">
      <c r="B153" s="627"/>
      <c r="C153" s="627"/>
      <c r="D153" s="627"/>
      <c r="E153" s="627"/>
      <c r="F153" s="627"/>
      <c r="G153" s="627"/>
      <c r="H153" s="627"/>
      <c r="I153" s="627"/>
      <c r="J153" s="627"/>
      <c r="K153" s="627"/>
      <c r="L153" s="627"/>
      <c r="M153" s="627"/>
      <c r="N153" s="627"/>
      <c r="O153" s="627"/>
      <c r="P153" s="627"/>
      <c r="Q153" s="627"/>
      <c r="R153" s="627"/>
      <c r="S153" s="627"/>
      <c r="T153" s="627"/>
      <c r="U153" s="627"/>
      <c r="V153" s="627"/>
      <c r="W153" s="627"/>
      <c r="X153" s="627"/>
      <c r="Y153" s="627"/>
    </row>
    <row r="154" spans="2:25" x14ac:dyDescent="0.2">
      <c r="B154" s="627"/>
      <c r="C154" s="627"/>
      <c r="D154" s="627"/>
      <c r="E154" s="627"/>
      <c r="F154" s="627"/>
      <c r="G154" s="627"/>
      <c r="H154" s="627"/>
      <c r="I154" s="627"/>
      <c r="J154" s="627"/>
      <c r="K154" s="627"/>
      <c r="L154" s="627"/>
      <c r="M154" s="627"/>
      <c r="N154" s="627"/>
      <c r="O154" s="627"/>
      <c r="P154" s="627"/>
      <c r="Q154" s="627"/>
      <c r="R154" s="627"/>
      <c r="S154" s="627"/>
      <c r="T154" s="627"/>
      <c r="U154" s="627"/>
      <c r="V154" s="627"/>
      <c r="W154" s="627"/>
      <c r="X154" s="627"/>
      <c r="Y154" s="627"/>
    </row>
    <row r="155" spans="2:25" x14ac:dyDescent="0.2">
      <c r="B155" s="627"/>
      <c r="C155" s="627"/>
      <c r="D155" s="627"/>
      <c r="E155" s="627"/>
      <c r="F155" s="627"/>
      <c r="G155" s="627"/>
      <c r="H155" s="627"/>
      <c r="I155" s="627"/>
      <c r="J155" s="627"/>
      <c r="K155" s="627"/>
      <c r="L155" s="627"/>
      <c r="M155" s="627"/>
      <c r="N155" s="627"/>
      <c r="O155" s="627"/>
      <c r="P155" s="627"/>
      <c r="Q155" s="627"/>
      <c r="R155" s="627"/>
      <c r="S155" s="627"/>
      <c r="T155" s="627"/>
      <c r="U155" s="627"/>
      <c r="V155" s="627"/>
      <c r="W155" s="627"/>
      <c r="X155" s="627"/>
      <c r="Y155" s="627"/>
    </row>
    <row r="156" spans="2:25" x14ac:dyDescent="0.2">
      <c r="B156" s="627"/>
      <c r="C156" s="627"/>
      <c r="D156" s="627"/>
      <c r="E156" s="627"/>
      <c r="F156" s="627"/>
      <c r="G156" s="627"/>
      <c r="H156" s="627"/>
      <c r="I156" s="627"/>
      <c r="J156" s="627"/>
      <c r="K156" s="627"/>
      <c r="L156" s="627"/>
      <c r="M156" s="627"/>
      <c r="N156" s="627"/>
      <c r="O156" s="627"/>
      <c r="P156" s="627"/>
      <c r="Q156" s="627"/>
      <c r="R156" s="627"/>
      <c r="S156" s="627"/>
      <c r="T156" s="627"/>
      <c r="U156" s="627"/>
      <c r="V156" s="627"/>
      <c r="W156" s="627"/>
      <c r="X156" s="627"/>
      <c r="Y156" s="627"/>
    </row>
  </sheetData>
  <mergeCells count="59">
    <mergeCell ref="C65:Y65"/>
    <mergeCell ref="C66:Y66"/>
    <mergeCell ref="V53:X53"/>
    <mergeCell ref="D55:T56"/>
    <mergeCell ref="D57:T58"/>
    <mergeCell ref="B61:C61"/>
    <mergeCell ref="C62:Y62"/>
    <mergeCell ref="C63:Y64"/>
    <mergeCell ref="C49:I49"/>
    <mergeCell ref="J49:N49"/>
    <mergeCell ref="O49:S49"/>
    <mergeCell ref="C50:H51"/>
    <mergeCell ref="J50:N50"/>
    <mergeCell ref="O50:S50"/>
    <mergeCell ref="J51:N51"/>
    <mergeCell ref="O51:S51"/>
    <mergeCell ref="V41:X41"/>
    <mergeCell ref="D43:T43"/>
    <mergeCell ref="D44:T44"/>
    <mergeCell ref="D45:T45"/>
    <mergeCell ref="C47:H47"/>
    <mergeCell ref="I47:J47"/>
    <mergeCell ref="L47:Q47"/>
    <mergeCell ref="R47:S47"/>
    <mergeCell ref="D38:K38"/>
    <mergeCell ref="L38:N38"/>
    <mergeCell ref="O38:Q38"/>
    <mergeCell ref="S38:T38"/>
    <mergeCell ref="D39:K39"/>
    <mergeCell ref="L39:N39"/>
    <mergeCell ref="O39:Q39"/>
    <mergeCell ref="S39:T39"/>
    <mergeCell ref="D36:K36"/>
    <mergeCell ref="L36:N36"/>
    <mergeCell ref="O36:Q36"/>
    <mergeCell ref="V36:X36"/>
    <mergeCell ref="D37:K37"/>
    <mergeCell ref="L37:N37"/>
    <mergeCell ref="O37:Q37"/>
    <mergeCell ref="S37:T37"/>
    <mergeCell ref="D23:T23"/>
    <mergeCell ref="D25:T25"/>
    <mergeCell ref="D27:T28"/>
    <mergeCell ref="U30:Y30"/>
    <mergeCell ref="D35:K35"/>
    <mergeCell ref="L35:N35"/>
    <mergeCell ref="O35:Q35"/>
    <mergeCell ref="D19:T19"/>
    <mergeCell ref="Q2:Y2"/>
    <mergeCell ref="B4:Y4"/>
    <mergeCell ref="B6:F6"/>
    <mergeCell ref="G6:Y6"/>
    <mergeCell ref="B7:F7"/>
    <mergeCell ref="G7:Y7"/>
    <mergeCell ref="B8:F8"/>
    <mergeCell ref="G8:Y8"/>
    <mergeCell ref="V11:X11"/>
    <mergeCell ref="D13:T14"/>
    <mergeCell ref="D16:T17"/>
  </mergeCells>
  <phoneticPr fontId="6"/>
  <dataValidations count="1">
    <dataValidation type="list" allowBlank="1" showInputMessage="1" showErrorMessage="1" sqref="V13 X13 V16 X16 V19 X19 V21 X21 V23 X23 V25 X25 V27 X27 V37:V39 X37:X39 V43:V45 X43:X45 V55 X55 V57 X57">
      <formula1>"□,■"</formula1>
    </dataValidation>
  </dataValidations>
  <printOptions horizontalCentered="1"/>
  <pageMargins left="0.70866141732283472" right="0.70866141732283472" top="0.74803149606299213" bottom="0.74803149606299213" header="0.31496062992125984" footer="0.31496062992125984"/>
  <pageSetup paperSize="9" scale="62"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dimension ref="A1:G32"/>
  <sheetViews>
    <sheetView zoomScaleNormal="100" workbookViewId="0">
      <selection activeCell="J20" sqref="J20"/>
    </sheetView>
  </sheetViews>
  <sheetFormatPr defaultColWidth="9" defaultRowHeight="13.2" x14ac:dyDescent="0.2"/>
  <cols>
    <col min="1" max="1" width="4.6640625" style="110" customWidth="1"/>
    <col min="2" max="2" width="25.44140625" style="110" customWidth="1"/>
    <col min="3" max="3" width="5.21875" style="110" customWidth="1"/>
    <col min="4" max="6" width="21.6640625" style="110" customWidth="1"/>
    <col min="7" max="7" width="3.109375" style="110" customWidth="1"/>
    <col min="8" max="16384" width="9" style="110"/>
  </cols>
  <sheetData>
    <row r="1" spans="1:7" ht="27.75" customHeight="1" x14ac:dyDescent="0.2">
      <c r="A1" s="243" t="s">
        <v>683</v>
      </c>
    </row>
    <row r="2" spans="1:7" ht="27.75" customHeight="1" x14ac:dyDescent="0.2">
      <c r="A2" s="14"/>
      <c r="F2" s="1427" t="s">
        <v>709</v>
      </c>
      <c r="G2" s="1427"/>
    </row>
    <row r="3" spans="1:7" ht="36" customHeight="1" x14ac:dyDescent="0.2">
      <c r="A3" s="1428" t="s">
        <v>285</v>
      </c>
      <c r="B3" s="1428"/>
      <c r="C3" s="1428"/>
      <c r="D3" s="1428"/>
      <c r="E3" s="1428"/>
      <c r="F3" s="1428"/>
      <c r="G3" s="1428"/>
    </row>
    <row r="4" spans="1:7" ht="36" customHeight="1" x14ac:dyDescent="0.2">
      <c r="A4" s="12"/>
      <c r="B4" s="12"/>
      <c r="C4" s="12"/>
      <c r="D4" s="12"/>
      <c r="E4" s="12"/>
      <c r="F4" s="12"/>
      <c r="G4" s="12"/>
    </row>
    <row r="5" spans="1:7" ht="36" customHeight="1" x14ac:dyDescent="0.2">
      <c r="A5" s="12"/>
      <c r="B5" s="21" t="s">
        <v>60</v>
      </c>
      <c r="C5" s="16"/>
      <c r="D5" s="17"/>
      <c r="E5" s="17"/>
      <c r="F5" s="17"/>
      <c r="G5" s="18"/>
    </row>
    <row r="6" spans="1:7" ht="46.5" customHeight="1" x14ac:dyDescent="0.2">
      <c r="B6" s="111" t="s">
        <v>38</v>
      </c>
      <c r="C6" s="1429" t="s">
        <v>47</v>
      </c>
      <c r="D6" s="1429"/>
      <c r="E6" s="1429"/>
      <c r="F6" s="1429"/>
      <c r="G6" s="1430"/>
    </row>
    <row r="7" spans="1:7" ht="18.75" customHeight="1" x14ac:dyDescent="0.2">
      <c r="B7" s="1431" t="s">
        <v>286</v>
      </c>
      <c r="C7" s="112"/>
      <c r="D7" s="113"/>
      <c r="E7" s="113"/>
      <c r="F7" s="113"/>
      <c r="G7" s="114"/>
    </row>
    <row r="8" spans="1:7" ht="33" customHeight="1" x14ac:dyDescent="0.2">
      <c r="B8" s="1432"/>
      <c r="C8" s="116"/>
      <c r="D8" s="117"/>
      <c r="E8" s="118" t="s">
        <v>51</v>
      </c>
      <c r="F8" s="118" t="s">
        <v>50</v>
      </c>
      <c r="G8" s="119"/>
    </row>
    <row r="9" spans="1:7" ht="33" customHeight="1" x14ac:dyDescent="0.2">
      <c r="B9" s="1432"/>
      <c r="C9" s="116"/>
      <c r="D9" s="120" t="s">
        <v>48</v>
      </c>
      <c r="E9" s="121" t="s">
        <v>49</v>
      </c>
      <c r="F9" s="121" t="s">
        <v>49</v>
      </c>
      <c r="G9" s="119"/>
    </row>
    <row r="10" spans="1:7" ht="33" customHeight="1" x14ac:dyDescent="0.2">
      <c r="B10" s="1432"/>
      <c r="C10" s="116"/>
      <c r="D10" s="120" t="s">
        <v>287</v>
      </c>
      <c r="E10" s="121" t="s">
        <v>49</v>
      </c>
      <c r="F10" s="121" t="s">
        <v>49</v>
      </c>
      <c r="G10" s="119"/>
    </row>
    <row r="11" spans="1:7" ht="25.5" customHeight="1" x14ac:dyDescent="0.2">
      <c r="B11" s="1433"/>
      <c r="C11" s="122"/>
      <c r="D11" s="117"/>
      <c r="E11" s="117"/>
      <c r="F11" s="117"/>
      <c r="G11" s="123"/>
    </row>
    <row r="12" spans="1:7" x14ac:dyDescent="0.2">
      <c r="B12" s="124"/>
      <c r="C12" s="113"/>
      <c r="D12" s="113"/>
      <c r="E12" s="113"/>
      <c r="F12" s="113"/>
      <c r="G12" s="114"/>
    </row>
    <row r="13" spans="1:7" ht="38.25" customHeight="1" x14ac:dyDescent="0.2">
      <c r="B13" s="115" t="s">
        <v>288</v>
      </c>
      <c r="C13" s="125"/>
      <c r="D13" s="120" t="s">
        <v>57</v>
      </c>
      <c r="E13" s="121" t="s">
        <v>49</v>
      </c>
      <c r="F13" s="126"/>
      <c r="G13" s="119"/>
    </row>
    <row r="14" spans="1:7" ht="32.25" customHeight="1" x14ac:dyDescent="0.2">
      <c r="B14" s="127"/>
      <c r="C14" s="125"/>
      <c r="D14" s="125"/>
      <c r="E14" s="125"/>
      <c r="F14" s="125"/>
      <c r="G14" s="119"/>
    </row>
    <row r="15" spans="1:7" ht="21.75" customHeight="1" x14ac:dyDescent="0.2">
      <c r="B15" s="127"/>
      <c r="C15" s="125"/>
      <c r="D15" s="125" t="s">
        <v>52</v>
      </c>
      <c r="E15" s="125"/>
      <c r="F15" s="125"/>
      <c r="G15" s="119"/>
    </row>
    <row r="16" spans="1:7" ht="4.5" customHeight="1" x14ac:dyDescent="0.2">
      <c r="B16" s="127"/>
      <c r="C16" s="125"/>
      <c r="D16" s="125"/>
      <c r="E16" s="125"/>
      <c r="F16" s="125"/>
      <c r="G16" s="119"/>
    </row>
    <row r="17" spans="2:7" ht="29.25" customHeight="1" x14ac:dyDescent="0.2">
      <c r="B17" s="127"/>
      <c r="C17" s="125"/>
      <c r="D17" s="128" t="s">
        <v>53</v>
      </c>
      <c r="E17" s="128" t="s">
        <v>54</v>
      </c>
      <c r="F17" s="125"/>
      <c r="G17" s="119"/>
    </row>
    <row r="18" spans="2:7" ht="29.25" customHeight="1" x14ac:dyDescent="0.2">
      <c r="B18" s="127"/>
      <c r="C18" s="125"/>
      <c r="D18" s="128" t="s">
        <v>55</v>
      </c>
      <c r="E18" s="129"/>
      <c r="F18" s="125"/>
      <c r="G18" s="119"/>
    </row>
    <row r="19" spans="2:7" ht="29.25" customHeight="1" x14ac:dyDescent="0.2">
      <c r="B19" s="127"/>
      <c r="C19" s="125"/>
      <c r="D19" s="128" t="s">
        <v>48</v>
      </c>
      <c r="E19" s="129"/>
      <c r="F19" s="125"/>
      <c r="G19" s="119"/>
    </row>
    <row r="20" spans="2:7" ht="29.25" customHeight="1" x14ac:dyDescent="0.2">
      <c r="B20" s="127"/>
      <c r="C20" s="125"/>
      <c r="D20" s="128" t="s">
        <v>56</v>
      </c>
      <c r="E20" s="129"/>
      <c r="F20" s="125"/>
      <c r="G20" s="119"/>
    </row>
    <row r="21" spans="2:7" ht="29.25" customHeight="1" x14ac:dyDescent="0.2">
      <c r="B21" s="127"/>
      <c r="C21" s="125"/>
      <c r="D21" s="129"/>
      <c r="E21" s="129"/>
      <c r="F21" s="125"/>
      <c r="G21" s="119"/>
    </row>
    <row r="22" spans="2:7" ht="29.25" customHeight="1" x14ac:dyDescent="0.2">
      <c r="B22" s="127"/>
      <c r="C22" s="125"/>
      <c r="D22" s="129"/>
      <c r="E22" s="129"/>
      <c r="F22" s="125"/>
      <c r="G22" s="119"/>
    </row>
    <row r="23" spans="2:7" ht="29.25" customHeight="1" x14ac:dyDescent="0.2">
      <c r="B23" s="127"/>
      <c r="C23" s="125"/>
      <c r="D23" s="129"/>
      <c r="E23" s="129"/>
      <c r="F23" s="125"/>
      <c r="G23" s="119"/>
    </row>
    <row r="24" spans="2:7" x14ac:dyDescent="0.2">
      <c r="B24" s="130"/>
      <c r="C24" s="117"/>
      <c r="D24" s="117"/>
      <c r="E24" s="117"/>
      <c r="F24" s="117"/>
      <c r="G24" s="123"/>
    </row>
    <row r="26" spans="2:7" ht="24.75" customHeight="1" x14ac:dyDescent="0.2">
      <c r="B26" s="110" t="s">
        <v>58</v>
      </c>
    </row>
    <row r="27" spans="2:7" ht="24.75" customHeight="1" x14ac:dyDescent="0.2">
      <c r="B27" s="110" t="s">
        <v>59</v>
      </c>
    </row>
    <row r="28" spans="2:7" ht="13.5" customHeight="1" x14ac:dyDescent="0.2">
      <c r="B28" s="131" t="s">
        <v>61</v>
      </c>
    </row>
    <row r="32" spans="2:7" x14ac:dyDescent="0.2">
      <c r="C32" s="110" t="s">
        <v>79</v>
      </c>
    </row>
  </sheetData>
  <customSheetViews>
    <customSheetView guid="{FA98832E-F01A-4598-9960-E27C2FDAB118}">
      <selection activeCell="J20" sqref="J20"/>
      <pageMargins left="0.55118110236220474" right="0.70866141732283472" top="0.98425196850393704" bottom="0.98425196850393704" header="0.51181102362204722" footer="0.51181102362204722"/>
      <printOptions horizontalCentered="1"/>
      <pageSetup paperSize="9" scale="80" orientation="portrait" horizontalDpi="300" verticalDpi="300" r:id="rId1"/>
      <headerFooter alignWithMargins="0">
        <oddHeader xml:space="preserve">&amp;R
</oddHeader>
      </headerFooter>
    </customSheetView>
    <customSheetView guid="{8494577A-77FB-45FD-BD2B-C737BCFAD5B3}">
      <selection activeCell="J20" sqref="J20"/>
      <pageMargins left="0.55118110236220474" right="0.70866141732283472" top="0.98425196850393704" bottom="0.98425196850393704" header="0.51181102362204722" footer="0.51181102362204722"/>
      <printOptions horizontalCentered="1"/>
      <pageSetup paperSize="9" scale="80" orientation="portrait" horizontalDpi="300" verticalDpi="300" r:id="rId2"/>
      <headerFooter alignWithMargins="0">
        <oddHeader xml:space="preserve">&amp;R
</oddHeader>
      </headerFooter>
    </customSheetView>
  </customSheetViews>
  <mergeCells count="4">
    <mergeCell ref="F2:G2"/>
    <mergeCell ref="A3:G3"/>
    <mergeCell ref="C6:G6"/>
    <mergeCell ref="B7:B11"/>
  </mergeCells>
  <phoneticPr fontId="6"/>
  <printOptions horizontalCentered="1"/>
  <pageMargins left="0.55118110236220474" right="0.70866141732283472" top="0.98425196850393704" bottom="0.98425196850393704" header="0.51181102362204722" footer="0.51181102362204722"/>
  <pageSetup paperSize="9" scale="80" orientation="portrait" horizontalDpi="300" verticalDpi="300" r:id="rId3"/>
  <headerFooter alignWithMargins="0">
    <oddHeader xml:space="preserve">&amp;R
</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I30"/>
  <sheetViews>
    <sheetView view="pageBreakPreview" zoomScaleNormal="100" workbookViewId="0">
      <selection activeCell="B20" sqref="B20:Q20"/>
    </sheetView>
  </sheetViews>
  <sheetFormatPr defaultColWidth="9" defaultRowHeight="21" customHeight="1" x14ac:dyDescent="0.2"/>
  <cols>
    <col min="1" max="39" width="2.6640625" style="95" customWidth="1"/>
    <col min="40" max="16384" width="9" style="95"/>
  </cols>
  <sheetData>
    <row r="1" spans="1:35" ht="21" customHeight="1" x14ac:dyDescent="0.2">
      <c r="A1" s="1474" t="s">
        <v>273</v>
      </c>
      <c r="B1" s="1474"/>
      <c r="C1" s="1474"/>
      <c r="D1" s="1474"/>
      <c r="E1" s="1474"/>
      <c r="F1" s="1474"/>
      <c r="G1" s="1474"/>
      <c r="H1" s="1474"/>
      <c r="I1" s="1474"/>
      <c r="J1" s="1474"/>
      <c r="K1" s="1474"/>
      <c r="L1" s="1474"/>
      <c r="M1" s="1474"/>
      <c r="N1" s="1474"/>
      <c r="O1" s="1474"/>
      <c r="P1" s="1474"/>
      <c r="Q1" s="1474"/>
      <c r="R1" s="1474"/>
      <c r="S1" s="1474"/>
      <c r="T1" s="1474"/>
      <c r="U1" s="1474"/>
      <c r="V1" s="1474"/>
      <c r="W1" s="1474"/>
      <c r="X1" s="1474"/>
      <c r="Y1" s="1474"/>
      <c r="Z1" s="1474"/>
      <c r="AA1" s="1474"/>
      <c r="AB1" s="1474"/>
      <c r="AC1" s="1474"/>
      <c r="AD1" s="1474"/>
      <c r="AE1" s="1474"/>
      <c r="AF1" s="1474"/>
      <c r="AG1" s="1474"/>
      <c r="AH1" s="1474"/>
      <c r="AI1" s="1474"/>
    </row>
    <row r="2" spans="1:35" ht="21" customHeight="1" x14ac:dyDescent="0.2">
      <c r="A2" s="1475" t="s">
        <v>289</v>
      </c>
      <c r="B2" s="1475"/>
      <c r="C2" s="1475"/>
      <c r="D2" s="1475"/>
      <c r="E2" s="1475"/>
      <c r="F2" s="1475"/>
      <c r="G2" s="1475"/>
      <c r="H2" s="1475"/>
      <c r="I2" s="1475"/>
      <c r="J2" s="1475"/>
      <c r="K2" s="1475"/>
      <c r="L2" s="1475"/>
      <c r="M2" s="1475"/>
      <c r="N2" s="1475"/>
      <c r="O2" s="1475"/>
      <c r="P2" s="1475"/>
      <c r="Q2" s="1475"/>
      <c r="R2" s="1475"/>
      <c r="S2" s="1475"/>
      <c r="T2" s="1475"/>
      <c r="U2" s="1475"/>
      <c r="V2" s="1475"/>
      <c r="W2" s="1475"/>
      <c r="X2" s="1475"/>
      <c r="Y2" s="1475"/>
      <c r="Z2" s="1475"/>
      <c r="AA2" s="1475"/>
      <c r="AB2" s="1475"/>
      <c r="AC2" s="1475"/>
      <c r="AD2" s="1475"/>
      <c r="AE2" s="1475"/>
      <c r="AF2" s="1475"/>
      <c r="AG2" s="1475"/>
      <c r="AH2" s="1475"/>
      <c r="AI2" s="1475"/>
    </row>
    <row r="3" spans="1:35" ht="21" customHeight="1" thickBot="1" x14ac:dyDescent="0.25"/>
    <row r="4" spans="1:35" ht="21" customHeight="1" x14ac:dyDescent="0.2">
      <c r="A4" s="1476" t="s">
        <v>368</v>
      </c>
      <c r="B4" s="1477"/>
      <c r="C4" s="1477"/>
      <c r="D4" s="1477"/>
      <c r="E4" s="1477"/>
      <c r="F4" s="1477"/>
      <c r="G4" s="1477"/>
      <c r="H4" s="1477"/>
      <c r="I4" s="1477"/>
      <c r="J4" s="1477"/>
      <c r="K4" s="1477"/>
      <c r="L4" s="1477"/>
      <c r="M4" s="1477"/>
      <c r="N4" s="1477"/>
      <c r="O4" s="1477"/>
      <c r="P4" s="1477"/>
      <c r="Q4" s="1478"/>
      <c r="R4" s="1479"/>
      <c r="S4" s="1479"/>
      <c r="T4" s="1479"/>
      <c r="U4" s="1479"/>
      <c r="V4" s="1479"/>
      <c r="W4" s="1479"/>
      <c r="X4" s="1479"/>
      <c r="Y4" s="1479"/>
      <c r="Z4" s="1479"/>
      <c r="AA4" s="1479"/>
      <c r="AB4" s="1479"/>
      <c r="AC4" s="1479"/>
      <c r="AD4" s="1479"/>
      <c r="AE4" s="1479"/>
      <c r="AF4" s="1479"/>
      <c r="AG4" s="1479"/>
      <c r="AH4" s="1479"/>
      <c r="AI4" s="1480"/>
    </row>
    <row r="5" spans="1:35" ht="21" customHeight="1" x14ac:dyDescent="0.2">
      <c r="A5" s="151"/>
      <c r="B5" s="1481" t="s">
        <v>371</v>
      </c>
      <c r="C5" s="1481"/>
      <c r="D5" s="1481"/>
      <c r="E5" s="1481"/>
      <c r="F5" s="1481"/>
      <c r="G5" s="1481"/>
      <c r="H5" s="1481"/>
      <c r="I5" s="1481"/>
      <c r="J5" s="1481"/>
      <c r="K5" s="1481"/>
      <c r="L5" s="1481"/>
      <c r="M5" s="1481"/>
      <c r="N5" s="1481"/>
      <c r="O5" s="1481"/>
      <c r="P5" s="1481"/>
      <c r="Q5" s="1481"/>
      <c r="R5" s="1482">
        <f>ROUND(R4*0.2,2)</f>
        <v>0</v>
      </c>
      <c r="S5" s="1482"/>
      <c r="T5" s="1482"/>
      <c r="U5" s="1482"/>
      <c r="V5" s="1482"/>
      <c r="W5" s="1482"/>
      <c r="X5" s="1482"/>
      <c r="Y5" s="1482"/>
      <c r="Z5" s="1482"/>
      <c r="AA5" s="1482"/>
      <c r="AB5" s="1482"/>
      <c r="AC5" s="1482"/>
      <c r="AD5" s="1482"/>
      <c r="AE5" s="1482"/>
      <c r="AF5" s="1482"/>
      <c r="AG5" s="1482"/>
      <c r="AH5" s="1482"/>
      <c r="AI5" s="1483"/>
    </row>
    <row r="6" spans="1:35" ht="21" customHeight="1" x14ac:dyDescent="0.2">
      <c r="A6" s="1442" t="s">
        <v>369</v>
      </c>
      <c r="B6" s="1443"/>
      <c r="C6" s="1443"/>
      <c r="D6" s="1443"/>
      <c r="E6" s="1443"/>
      <c r="F6" s="1443"/>
      <c r="G6" s="1443"/>
      <c r="H6" s="1443"/>
      <c r="I6" s="1443"/>
      <c r="J6" s="1443"/>
      <c r="K6" s="1443"/>
      <c r="L6" s="1443"/>
      <c r="M6" s="1443"/>
      <c r="N6" s="1443"/>
      <c r="O6" s="1443"/>
      <c r="P6" s="1443"/>
      <c r="Q6" s="1444"/>
      <c r="R6" s="1445"/>
      <c r="S6" s="1445"/>
      <c r="T6" s="1445"/>
      <c r="U6" s="1445"/>
      <c r="V6" s="1445"/>
      <c r="W6" s="1445"/>
      <c r="X6" s="1445"/>
      <c r="Y6" s="1445"/>
      <c r="Z6" s="1445"/>
      <c r="AA6" s="1445"/>
      <c r="AB6" s="1445"/>
      <c r="AC6" s="1445"/>
      <c r="AD6" s="1445"/>
      <c r="AE6" s="1445"/>
      <c r="AF6" s="1445"/>
      <c r="AG6" s="1445"/>
      <c r="AH6" s="1445"/>
      <c r="AI6" s="1446"/>
    </row>
    <row r="7" spans="1:35" ht="21" customHeight="1" thickBot="1" x14ac:dyDescent="0.25">
      <c r="A7" s="1447" t="s">
        <v>370</v>
      </c>
      <c r="B7" s="1448"/>
      <c r="C7" s="1448"/>
      <c r="D7" s="1448"/>
      <c r="E7" s="1448"/>
      <c r="F7" s="1448"/>
      <c r="G7" s="1448"/>
      <c r="H7" s="1448"/>
      <c r="I7" s="1448"/>
      <c r="J7" s="1448"/>
      <c r="K7" s="1448"/>
      <c r="L7" s="1448"/>
      <c r="M7" s="1448"/>
      <c r="N7" s="1448"/>
      <c r="O7" s="1448"/>
      <c r="P7" s="1448"/>
      <c r="Q7" s="1449"/>
      <c r="R7" s="1450" t="s">
        <v>372</v>
      </c>
      <c r="S7" s="1451"/>
      <c r="T7" s="1451"/>
      <c r="U7" s="1451"/>
      <c r="V7" s="1451"/>
      <c r="W7" s="1451"/>
      <c r="X7" s="1451"/>
      <c r="Y7" s="1451"/>
      <c r="Z7" s="1451"/>
      <c r="AA7" s="1451"/>
      <c r="AB7" s="1451"/>
      <c r="AC7" s="1451"/>
      <c r="AD7" s="1451"/>
      <c r="AE7" s="1451"/>
      <c r="AF7" s="1451"/>
      <c r="AG7" s="1451"/>
      <c r="AH7" s="1451"/>
      <c r="AI7" s="1452"/>
    </row>
    <row r="8" spans="1:35" ht="21" customHeight="1" thickTop="1" x14ac:dyDescent="0.2">
      <c r="A8" s="1453" t="s">
        <v>54</v>
      </c>
      <c r="B8" s="1454"/>
      <c r="C8" s="1454"/>
      <c r="D8" s="1454"/>
      <c r="E8" s="1454"/>
      <c r="F8" s="1454"/>
      <c r="G8" s="1454"/>
      <c r="H8" s="1454"/>
      <c r="I8" s="1454"/>
      <c r="J8" s="1454"/>
      <c r="K8" s="1454"/>
      <c r="L8" s="1454"/>
      <c r="M8" s="1454"/>
      <c r="N8" s="1454"/>
      <c r="O8" s="1454"/>
      <c r="P8" s="1454"/>
      <c r="Q8" s="1454"/>
      <c r="R8" s="1459" t="s">
        <v>373</v>
      </c>
      <c r="S8" s="1459"/>
      <c r="T8" s="1459"/>
      <c r="U8" s="1459"/>
      <c r="V8" s="1459"/>
      <c r="W8" s="1459"/>
      <c r="X8" s="1461" t="s">
        <v>468</v>
      </c>
      <c r="Y8" s="1462"/>
      <c r="Z8" s="1462"/>
      <c r="AA8" s="1462"/>
      <c r="AB8" s="1462"/>
      <c r="AC8" s="1462"/>
      <c r="AD8" s="1463"/>
      <c r="AE8" s="1470" t="s">
        <v>290</v>
      </c>
      <c r="AF8" s="1470"/>
      <c r="AG8" s="1470"/>
      <c r="AH8" s="1470"/>
      <c r="AI8" s="1471"/>
    </row>
    <row r="9" spans="1:35" ht="21" customHeight="1" x14ac:dyDescent="0.2">
      <c r="A9" s="1455"/>
      <c r="B9" s="1456"/>
      <c r="C9" s="1456"/>
      <c r="D9" s="1456"/>
      <c r="E9" s="1456"/>
      <c r="F9" s="1456"/>
      <c r="G9" s="1456"/>
      <c r="H9" s="1456"/>
      <c r="I9" s="1456"/>
      <c r="J9" s="1456"/>
      <c r="K9" s="1456"/>
      <c r="L9" s="1456"/>
      <c r="M9" s="1456"/>
      <c r="N9" s="1456"/>
      <c r="O9" s="1456"/>
      <c r="P9" s="1456"/>
      <c r="Q9" s="1456"/>
      <c r="R9" s="1460"/>
      <c r="S9" s="1460"/>
      <c r="T9" s="1460"/>
      <c r="U9" s="1460"/>
      <c r="V9" s="1460"/>
      <c r="W9" s="1460"/>
      <c r="X9" s="1464"/>
      <c r="Y9" s="1465"/>
      <c r="Z9" s="1465"/>
      <c r="AA9" s="1465"/>
      <c r="AB9" s="1465"/>
      <c r="AC9" s="1465"/>
      <c r="AD9" s="1466"/>
      <c r="AE9" s="1472"/>
      <c r="AF9" s="1472"/>
      <c r="AG9" s="1472"/>
      <c r="AH9" s="1472"/>
      <c r="AI9" s="1473"/>
    </row>
    <row r="10" spans="1:35" ht="21" customHeight="1" x14ac:dyDescent="0.2">
      <c r="A10" s="1455"/>
      <c r="B10" s="1456"/>
      <c r="C10" s="1456"/>
      <c r="D10" s="1456"/>
      <c r="E10" s="1456"/>
      <c r="F10" s="1456"/>
      <c r="G10" s="1456"/>
      <c r="H10" s="1456"/>
      <c r="I10" s="1456"/>
      <c r="J10" s="1456"/>
      <c r="K10" s="1456"/>
      <c r="L10" s="1456"/>
      <c r="M10" s="1456"/>
      <c r="N10" s="1456"/>
      <c r="O10" s="1456"/>
      <c r="P10" s="1456"/>
      <c r="Q10" s="1456"/>
      <c r="R10" s="1460"/>
      <c r="S10" s="1460"/>
      <c r="T10" s="1460"/>
      <c r="U10" s="1460"/>
      <c r="V10" s="1460"/>
      <c r="W10" s="1460"/>
      <c r="X10" s="1464"/>
      <c r="Y10" s="1465"/>
      <c r="Z10" s="1465"/>
      <c r="AA10" s="1465"/>
      <c r="AB10" s="1465"/>
      <c r="AC10" s="1465"/>
      <c r="AD10" s="1466"/>
      <c r="AE10" s="1472"/>
      <c r="AF10" s="1472"/>
      <c r="AG10" s="1472"/>
      <c r="AH10" s="1472"/>
      <c r="AI10" s="1473"/>
    </row>
    <row r="11" spans="1:35" ht="21" customHeight="1" x14ac:dyDescent="0.2">
      <c r="A11" s="1455"/>
      <c r="B11" s="1456"/>
      <c r="C11" s="1456"/>
      <c r="D11" s="1456"/>
      <c r="E11" s="1456"/>
      <c r="F11" s="1456"/>
      <c r="G11" s="1456"/>
      <c r="H11" s="1456"/>
      <c r="I11" s="1456"/>
      <c r="J11" s="1456"/>
      <c r="K11" s="1456"/>
      <c r="L11" s="1456"/>
      <c r="M11" s="1456"/>
      <c r="N11" s="1456"/>
      <c r="O11" s="1456"/>
      <c r="P11" s="1456"/>
      <c r="Q11" s="1456"/>
      <c r="R11" s="1460"/>
      <c r="S11" s="1460"/>
      <c r="T11" s="1460"/>
      <c r="U11" s="1460"/>
      <c r="V11" s="1460"/>
      <c r="W11" s="1460"/>
      <c r="X11" s="1464"/>
      <c r="Y11" s="1465"/>
      <c r="Z11" s="1465"/>
      <c r="AA11" s="1465"/>
      <c r="AB11" s="1465"/>
      <c r="AC11" s="1465"/>
      <c r="AD11" s="1466"/>
      <c r="AE11" s="1472"/>
      <c r="AF11" s="1472"/>
      <c r="AG11" s="1472"/>
      <c r="AH11" s="1472"/>
      <c r="AI11" s="1473"/>
    </row>
    <row r="12" spans="1:35" ht="21" customHeight="1" x14ac:dyDescent="0.2">
      <c r="A12" s="1457"/>
      <c r="B12" s="1458"/>
      <c r="C12" s="1458"/>
      <c r="D12" s="1458"/>
      <c r="E12" s="1458"/>
      <c r="F12" s="1458"/>
      <c r="G12" s="1458"/>
      <c r="H12" s="1458"/>
      <c r="I12" s="1458"/>
      <c r="J12" s="1458"/>
      <c r="K12" s="1458"/>
      <c r="L12" s="1458"/>
      <c r="M12" s="1458"/>
      <c r="N12" s="1458"/>
      <c r="O12" s="1458"/>
      <c r="P12" s="1458"/>
      <c r="Q12" s="1458"/>
      <c r="R12" s="1460"/>
      <c r="S12" s="1460"/>
      <c r="T12" s="1460"/>
      <c r="U12" s="1460"/>
      <c r="V12" s="1460"/>
      <c r="W12" s="1460"/>
      <c r="X12" s="1467"/>
      <c r="Y12" s="1468"/>
      <c r="Z12" s="1468"/>
      <c r="AA12" s="1468"/>
      <c r="AB12" s="1468"/>
      <c r="AC12" s="1468"/>
      <c r="AD12" s="1469"/>
      <c r="AE12" s="1472"/>
      <c r="AF12" s="1472"/>
      <c r="AG12" s="1472"/>
      <c r="AH12" s="1472"/>
      <c r="AI12" s="1473"/>
    </row>
    <row r="13" spans="1:35" ht="21" customHeight="1" x14ac:dyDescent="0.2">
      <c r="A13" s="149">
        <v>1</v>
      </c>
      <c r="B13" s="1439"/>
      <c r="C13" s="1439"/>
      <c r="D13" s="1439"/>
      <c r="E13" s="1439"/>
      <c r="F13" s="1439"/>
      <c r="G13" s="1439"/>
      <c r="H13" s="1439"/>
      <c r="I13" s="1439"/>
      <c r="J13" s="1439"/>
      <c r="K13" s="1439"/>
      <c r="L13" s="1439"/>
      <c r="M13" s="1439"/>
      <c r="N13" s="1439"/>
      <c r="O13" s="1439"/>
      <c r="P13" s="1439"/>
      <c r="Q13" s="1440"/>
      <c r="R13" s="1439"/>
      <c r="S13" s="1439"/>
      <c r="T13" s="1439"/>
      <c r="U13" s="1439"/>
      <c r="V13" s="1439"/>
      <c r="W13" s="1439"/>
      <c r="X13" s="1439"/>
      <c r="Y13" s="1439"/>
      <c r="Z13" s="1439"/>
      <c r="AA13" s="1439"/>
      <c r="AB13" s="1439"/>
      <c r="AC13" s="1439"/>
      <c r="AD13" s="1439"/>
      <c r="AE13" s="1439"/>
      <c r="AF13" s="1439"/>
      <c r="AG13" s="1439"/>
      <c r="AH13" s="1439"/>
      <c r="AI13" s="1441"/>
    </row>
    <row r="14" spans="1:35" ht="21" customHeight="1" x14ac:dyDescent="0.2">
      <c r="A14" s="149">
        <v>2</v>
      </c>
      <c r="B14" s="1439"/>
      <c r="C14" s="1439"/>
      <c r="D14" s="1439"/>
      <c r="E14" s="1439"/>
      <c r="F14" s="1439"/>
      <c r="G14" s="1439"/>
      <c r="H14" s="1439"/>
      <c r="I14" s="1439"/>
      <c r="J14" s="1439"/>
      <c r="K14" s="1439"/>
      <c r="L14" s="1439"/>
      <c r="M14" s="1439"/>
      <c r="N14" s="1439"/>
      <c r="O14" s="1439"/>
      <c r="P14" s="1439"/>
      <c r="Q14" s="1440"/>
      <c r="R14" s="1439"/>
      <c r="S14" s="1439"/>
      <c r="T14" s="1439"/>
      <c r="U14" s="1439"/>
      <c r="V14" s="1439"/>
      <c r="W14" s="1439"/>
      <c r="X14" s="1439"/>
      <c r="Y14" s="1439"/>
      <c r="Z14" s="1439"/>
      <c r="AA14" s="1439"/>
      <c r="AB14" s="1439"/>
      <c r="AC14" s="1439"/>
      <c r="AD14" s="1439"/>
      <c r="AE14" s="1439"/>
      <c r="AF14" s="1439"/>
      <c r="AG14" s="1439"/>
      <c r="AH14" s="1439"/>
      <c r="AI14" s="1441"/>
    </row>
    <row r="15" spans="1:35" ht="21" customHeight="1" x14ac:dyDescent="0.2">
      <c r="A15" s="149">
        <v>3</v>
      </c>
      <c r="B15" s="1439"/>
      <c r="C15" s="1439"/>
      <c r="D15" s="1439"/>
      <c r="E15" s="1439"/>
      <c r="F15" s="1439"/>
      <c r="G15" s="1439"/>
      <c r="H15" s="1439"/>
      <c r="I15" s="1439"/>
      <c r="J15" s="1439"/>
      <c r="K15" s="1439"/>
      <c r="L15" s="1439"/>
      <c r="M15" s="1439"/>
      <c r="N15" s="1439"/>
      <c r="O15" s="1439"/>
      <c r="P15" s="1439"/>
      <c r="Q15" s="1440"/>
      <c r="R15" s="1439"/>
      <c r="S15" s="1439"/>
      <c r="T15" s="1439"/>
      <c r="U15" s="1439"/>
      <c r="V15" s="1439"/>
      <c r="W15" s="1439"/>
      <c r="X15" s="1439"/>
      <c r="Y15" s="1439"/>
      <c r="Z15" s="1439"/>
      <c r="AA15" s="1439"/>
      <c r="AB15" s="1439"/>
      <c r="AC15" s="1439"/>
      <c r="AD15" s="1439"/>
      <c r="AE15" s="1439"/>
      <c r="AF15" s="1439"/>
      <c r="AG15" s="1439"/>
      <c r="AH15" s="1439"/>
      <c r="AI15" s="1441"/>
    </row>
    <row r="16" spans="1:35" ht="21" customHeight="1" x14ac:dyDescent="0.2">
      <c r="A16" s="149">
        <v>4</v>
      </c>
      <c r="B16" s="1439"/>
      <c r="C16" s="1439"/>
      <c r="D16" s="1439"/>
      <c r="E16" s="1439"/>
      <c r="F16" s="1439"/>
      <c r="G16" s="1439"/>
      <c r="H16" s="1439"/>
      <c r="I16" s="1439"/>
      <c r="J16" s="1439"/>
      <c r="K16" s="1439"/>
      <c r="L16" s="1439"/>
      <c r="M16" s="1439"/>
      <c r="N16" s="1439"/>
      <c r="O16" s="1439"/>
      <c r="P16" s="1439"/>
      <c r="Q16" s="1440"/>
      <c r="R16" s="1439"/>
      <c r="S16" s="1439"/>
      <c r="T16" s="1439"/>
      <c r="U16" s="1439"/>
      <c r="V16" s="1439"/>
      <c r="W16" s="1439"/>
      <c r="X16" s="1439"/>
      <c r="Y16" s="1439"/>
      <c r="Z16" s="1439"/>
      <c r="AA16" s="1439"/>
      <c r="AB16" s="1439"/>
      <c r="AC16" s="1439"/>
      <c r="AD16" s="1439"/>
      <c r="AE16" s="1439"/>
      <c r="AF16" s="1439"/>
      <c r="AG16" s="1439"/>
      <c r="AH16" s="1439"/>
      <c r="AI16" s="1441"/>
    </row>
    <row r="17" spans="1:35" ht="21" customHeight="1" x14ac:dyDescent="0.2">
      <c r="A17" s="149">
        <v>5</v>
      </c>
      <c r="B17" s="1439"/>
      <c r="C17" s="1439"/>
      <c r="D17" s="1439"/>
      <c r="E17" s="1439"/>
      <c r="F17" s="1439"/>
      <c r="G17" s="1439"/>
      <c r="H17" s="1439"/>
      <c r="I17" s="1439"/>
      <c r="J17" s="1439"/>
      <c r="K17" s="1439"/>
      <c r="L17" s="1439"/>
      <c r="M17" s="1439"/>
      <c r="N17" s="1439"/>
      <c r="O17" s="1439"/>
      <c r="P17" s="1439"/>
      <c r="Q17" s="1440"/>
      <c r="R17" s="1439"/>
      <c r="S17" s="1439"/>
      <c r="T17" s="1439"/>
      <c r="U17" s="1439"/>
      <c r="V17" s="1439"/>
      <c r="W17" s="1439"/>
      <c r="X17" s="1439"/>
      <c r="Y17" s="1439"/>
      <c r="Z17" s="1439"/>
      <c r="AA17" s="1439"/>
      <c r="AB17" s="1439"/>
      <c r="AC17" s="1439"/>
      <c r="AD17" s="1439"/>
      <c r="AE17" s="1439"/>
      <c r="AF17" s="1439"/>
      <c r="AG17" s="1439"/>
      <c r="AH17" s="1439"/>
      <c r="AI17" s="1441"/>
    </row>
    <row r="18" spans="1:35" ht="21" customHeight="1" x14ac:dyDescent="0.2">
      <c r="A18" s="149">
        <v>6</v>
      </c>
      <c r="B18" s="1439"/>
      <c r="C18" s="1439"/>
      <c r="D18" s="1439"/>
      <c r="E18" s="1439"/>
      <c r="F18" s="1439"/>
      <c r="G18" s="1439"/>
      <c r="H18" s="1439"/>
      <c r="I18" s="1439"/>
      <c r="J18" s="1439"/>
      <c r="K18" s="1439"/>
      <c r="L18" s="1439"/>
      <c r="M18" s="1439"/>
      <c r="N18" s="1439"/>
      <c r="O18" s="1439"/>
      <c r="P18" s="1439"/>
      <c r="Q18" s="1440"/>
      <c r="R18" s="1439"/>
      <c r="S18" s="1439"/>
      <c r="T18" s="1439"/>
      <c r="U18" s="1439"/>
      <c r="V18" s="1439"/>
      <c r="W18" s="1439"/>
      <c r="X18" s="1439"/>
      <c r="Y18" s="1439"/>
      <c r="Z18" s="1439"/>
      <c r="AA18" s="1439"/>
      <c r="AB18" s="1439"/>
      <c r="AC18" s="1439"/>
      <c r="AD18" s="1439"/>
      <c r="AE18" s="1439"/>
      <c r="AF18" s="1439"/>
      <c r="AG18" s="1439"/>
      <c r="AH18" s="1439"/>
      <c r="AI18" s="1441"/>
    </row>
    <row r="19" spans="1:35" ht="21" customHeight="1" x14ac:dyDescent="0.2">
      <c r="A19" s="149">
        <v>7</v>
      </c>
      <c r="B19" s="1439"/>
      <c r="C19" s="1439"/>
      <c r="D19" s="1439"/>
      <c r="E19" s="1439"/>
      <c r="F19" s="1439"/>
      <c r="G19" s="1439"/>
      <c r="H19" s="1439"/>
      <c r="I19" s="1439"/>
      <c r="J19" s="1439"/>
      <c r="K19" s="1439"/>
      <c r="L19" s="1439"/>
      <c r="M19" s="1439"/>
      <c r="N19" s="1439"/>
      <c r="O19" s="1439"/>
      <c r="P19" s="1439"/>
      <c r="Q19" s="1440"/>
      <c r="R19" s="1439"/>
      <c r="S19" s="1439"/>
      <c r="T19" s="1439"/>
      <c r="U19" s="1439"/>
      <c r="V19" s="1439"/>
      <c r="W19" s="1439"/>
      <c r="X19" s="1439"/>
      <c r="Y19" s="1439"/>
      <c r="Z19" s="1439"/>
      <c r="AA19" s="1439"/>
      <c r="AB19" s="1439"/>
      <c r="AC19" s="1439"/>
      <c r="AD19" s="1439"/>
      <c r="AE19" s="1439"/>
      <c r="AF19" s="1439"/>
      <c r="AG19" s="1439"/>
      <c r="AH19" s="1439"/>
      <c r="AI19" s="1441"/>
    </row>
    <row r="20" spans="1:35" ht="21" customHeight="1" x14ac:dyDescent="0.2">
      <c r="A20" s="149">
        <v>8</v>
      </c>
      <c r="B20" s="1439"/>
      <c r="C20" s="1439"/>
      <c r="D20" s="1439"/>
      <c r="E20" s="1439"/>
      <c r="F20" s="1439"/>
      <c r="G20" s="1439"/>
      <c r="H20" s="1439"/>
      <c r="I20" s="1439"/>
      <c r="J20" s="1439"/>
      <c r="K20" s="1439"/>
      <c r="L20" s="1439"/>
      <c r="M20" s="1439"/>
      <c r="N20" s="1439"/>
      <c r="O20" s="1439"/>
      <c r="P20" s="1439"/>
      <c r="Q20" s="1440"/>
      <c r="R20" s="1439"/>
      <c r="S20" s="1439"/>
      <c r="T20" s="1439"/>
      <c r="U20" s="1439"/>
      <c r="V20" s="1439"/>
      <c r="W20" s="1439"/>
      <c r="X20" s="1439"/>
      <c r="Y20" s="1439"/>
      <c r="Z20" s="1439"/>
      <c r="AA20" s="1439"/>
      <c r="AB20" s="1439"/>
      <c r="AC20" s="1439"/>
      <c r="AD20" s="1439"/>
      <c r="AE20" s="1439"/>
      <c r="AF20" s="1439"/>
      <c r="AG20" s="1439"/>
      <c r="AH20" s="1439"/>
      <c r="AI20" s="1441"/>
    </row>
    <row r="21" spans="1:35" ht="21" customHeight="1" x14ac:dyDescent="0.2">
      <c r="A21" s="149">
        <v>9</v>
      </c>
      <c r="B21" s="1439"/>
      <c r="C21" s="1439"/>
      <c r="D21" s="1439"/>
      <c r="E21" s="1439"/>
      <c r="F21" s="1439"/>
      <c r="G21" s="1439"/>
      <c r="H21" s="1439"/>
      <c r="I21" s="1439"/>
      <c r="J21" s="1439"/>
      <c r="K21" s="1439"/>
      <c r="L21" s="1439"/>
      <c r="M21" s="1439"/>
      <c r="N21" s="1439"/>
      <c r="O21" s="1439"/>
      <c r="P21" s="1439"/>
      <c r="Q21" s="1440"/>
      <c r="R21" s="1439"/>
      <c r="S21" s="1439"/>
      <c r="T21" s="1439"/>
      <c r="U21" s="1439"/>
      <c r="V21" s="1439"/>
      <c r="W21" s="1439"/>
      <c r="X21" s="1439"/>
      <c r="Y21" s="1439"/>
      <c r="Z21" s="1439"/>
      <c r="AA21" s="1439"/>
      <c r="AB21" s="1439"/>
      <c r="AC21" s="1439"/>
      <c r="AD21" s="1439"/>
      <c r="AE21" s="1439"/>
      <c r="AF21" s="1439"/>
      <c r="AG21" s="1439"/>
      <c r="AH21" s="1439"/>
      <c r="AI21" s="1441"/>
    </row>
    <row r="22" spans="1:35" ht="21" customHeight="1" x14ac:dyDescent="0.2">
      <c r="A22" s="149">
        <v>10</v>
      </c>
      <c r="B22" s="1439"/>
      <c r="C22" s="1439"/>
      <c r="D22" s="1439"/>
      <c r="E22" s="1439"/>
      <c r="F22" s="1439"/>
      <c r="G22" s="1439"/>
      <c r="H22" s="1439"/>
      <c r="I22" s="1439"/>
      <c r="J22" s="1439"/>
      <c r="K22" s="1439"/>
      <c r="L22" s="1439"/>
      <c r="M22" s="1439"/>
      <c r="N22" s="1439"/>
      <c r="O22" s="1439"/>
      <c r="P22" s="1439"/>
      <c r="Q22" s="1440"/>
      <c r="R22" s="1439"/>
      <c r="S22" s="1439"/>
      <c r="T22" s="1439"/>
      <c r="U22" s="1439"/>
      <c r="V22" s="1439"/>
      <c r="W22" s="1439"/>
      <c r="X22" s="1439"/>
      <c r="Y22" s="1439"/>
      <c r="Z22" s="1439"/>
      <c r="AA22" s="1439"/>
      <c r="AB22" s="1439"/>
      <c r="AC22" s="1439"/>
      <c r="AD22" s="1439"/>
      <c r="AE22" s="1439"/>
      <c r="AF22" s="1439"/>
      <c r="AG22" s="1439"/>
      <c r="AH22" s="1439"/>
      <c r="AI22" s="1441"/>
    </row>
    <row r="23" spans="1:35" ht="21" customHeight="1" x14ac:dyDescent="0.2">
      <c r="A23" s="149">
        <v>11</v>
      </c>
      <c r="B23" s="1439"/>
      <c r="C23" s="1439"/>
      <c r="D23" s="1439"/>
      <c r="E23" s="1439"/>
      <c r="F23" s="1439"/>
      <c r="G23" s="1439"/>
      <c r="H23" s="1439"/>
      <c r="I23" s="1439"/>
      <c r="J23" s="1439"/>
      <c r="K23" s="1439"/>
      <c r="L23" s="1439"/>
      <c r="M23" s="1439"/>
      <c r="N23" s="1439"/>
      <c r="O23" s="1439"/>
      <c r="P23" s="1439"/>
      <c r="Q23" s="1440"/>
      <c r="R23" s="1439"/>
      <c r="S23" s="1439"/>
      <c r="T23" s="1439"/>
      <c r="U23" s="1439"/>
      <c r="V23" s="1439"/>
      <c r="W23" s="1439"/>
      <c r="X23" s="1439"/>
      <c r="Y23" s="1439"/>
      <c r="Z23" s="1439"/>
      <c r="AA23" s="1439"/>
      <c r="AB23" s="1439"/>
      <c r="AC23" s="1439"/>
      <c r="AD23" s="1439"/>
      <c r="AE23" s="1439"/>
      <c r="AF23" s="1439"/>
      <c r="AG23" s="1439"/>
      <c r="AH23" s="1439"/>
      <c r="AI23" s="1441"/>
    </row>
    <row r="24" spans="1:35" ht="21" customHeight="1" x14ac:dyDescent="0.2">
      <c r="A24" s="149">
        <v>12</v>
      </c>
      <c r="B24" s="1439"/>
      <c r="C24" s="1439"/>
      <c r="D24" s="1439"/>
      <c r="E24" s="1439"/>
      <c r="F24" s="1439"/>
      <c r="G24" s="1439"/>
      <c r="H24" s="1439"/>
      <c r="I24" s="1439"/>
      <c r="J24" s="1439"/>
      <c r="K24" s="1439"/>
      <c r="L24" s="1439"/>
      <c r="M24" s="1439"/>
      <c r="N24" s="1439"/>
      <c r="O24" s="1439"/>
      <c r="P24" s="1439"/>
      <c r="Q24" s="1440"/>
      <c r="R24" s="1439"/>
      <c r="S24" s="1439"/>
      <c r="T24" s="1439"/>
      <c r="U24" s="1439"/>
      <c r="V24" s="1439"/>
      <c r="W24" s="1439"/>
      <c r="X24" s="1439"/>
      <c r="Y24" s="1439"/>
      <c r="Z24" s="1439"/>
      <c r="AA24" s="1439"/>
      <c r="AB24" s="1439"/>
      <c r="AC24" s="1439"/>
      <c r="AD24" s="1439"/>
      <c r="AE24" s="1439"/>
      <c r="AF24" s="1439"/>
      <c r="AG24" s="1439"/>
      <c r="AH24" s="1439"/>
      <c r="AI24" s="1441"/>
    </row>
    <row r="25" spans="1:35" ht="21" customHeight="1" x14ac:dyDescent="0.2">
      <c r="A25" s="149">
        <v>13</v>
      </c>
      <c r="B25" s="1439"/>
      <c r="C25" s="1439"/>
      <c r="D25" s="1439"/>
      <c r="E25" s="1439"/>
      <c r="F25" s="1439"/>
      <c r="G25" s="1439"/>
      <c r="H25" s="1439"/>
      <c r="I25" s="1439"/>
      <c r="J25" s="1439"/>
      <c r="K25" s="1439"/>
      <c r="L25" s="1439"/>
      <c r="M25" s="1439"/>
      <c r="N25" s="1439"/>
      <c r="O25" s="1439"/>
      <c r="P25" s="1439"/>
      <c r="Q25" s="1440"/>
      <c r="R25" s="1439"/>
      <c r="S25" s="1439"/>
      <c r="T25" s="1439"/>
      <c r="U25" s="1439"/>
      <c r="V25" s="1439"/>
      <c r="W25" s="1439"/>
      <c r="X25" s="1439"/>
      <c r="Y25" s="1439"/>
      <c r="Z25" s="1439"/>
      <c r="AA25" s="1439"/>
      <c r="AB25" s="1439"/>
      <c r="AC25" s="1439"/>
      <c r="AD25" s="1439"/>
      <c r="AE25" s="1439"/>
      <c r="AF25" s="1439"/>
      <c r="AG25" s="1439"/>
      <c r="AH25" s="1439"/>
      <c r="AI25" s="1441"/>
    </row>
    <row r="26" spans="1:35" ht="21" customHeight="1" x14ac:dyDescent="0.2">
      <c r="A26" s="149">
        <v>14</v>
      </c>
      <c r="B26" s="1439"/>
      <c r="C26" s="1439"/>
      <c r="D26" s="1439"/>
      <c r="E26" s="1439"/>
      <c r="F26" s="1439"/>
      <c r="G26" s="1439"/>
      <c r="H26" s="1439"/>
      <c r="I26" s="1439"/>
      <c r="J26" s="1439"/>
      <c r="K26" s="1439"/>
      <c r="L26" s="1439"/>
      <c r="M26" s="1439"/>
      <c r="N26" s="1439"/>
      <c r="O26" s="1439"/>
      <c r="P26" s="1439"/>
      <c r="Q26" s="1440"/>
      <c r="R26" s="1439"/>
      <c r="S26" s="1439"/>
      <c r="T26" s="1439"/>
      <c r="U26" s="1439"/>
      <c r="V26" s="1439"/>
      <c r="W26" s="1439"/>
      <c r="X26" s="1439"/>
      <c r="Y26" s="1439"/>
      <c r="Z26" s="1439"/>
      <c r="AA26" s="1439"/>
      <c r="AB26" s="1439"/>
      <c r="AC26" s="1439"/>
      <c r="AD26" s="1439"/>
      <c r="AE26" s="1439"/>
      <c r="AF26" s="1439"/>
      <c r="AG26" s="1439"/>
      <c r="AH26" s="1439"/>
      <c r="AI26" s="1441"/>
    </row>
    <row r="27" spans="1:35" ht="21" customHeight="1" thickBot="1" x14ac:dyDescent="0.25">
      <c r="A27" s="150">
        <v>15</v>
      </c>
      <c r="B27" s="1434"/>
      <c r="C27" s="1434"/>
      <c r="D27" s="1434"/>
      <c r="E27" s="1434"/>
      <c r="F27" s="1434"/>
      <c r="G27" s="1434"/>
      <c r="H27" s="1434"/>
      <c r="I27" s="1434"/>
      <c r="J27" s="1434"/>
      <c r="K27" s="1434"/>
      <c r="L27" s="1434"/>
      <c r="M27" s="1434"/>
      <c r="N27" s="1434"/>
      <c r="O27" s="1434"/>
      <c r="P27" s="1434"/>
      <c r="Q27" s="1435"/>
      <c r="R27" s="1434"/>
      <c r="S27" s="1434"/>
      <c r="T27" s="1434"/>
      <c r="U27" s="1434"/>
      <c r="V27" s="1434"/>
      <c r="W27" s="1434"/>
      <c r="X27" s="1434"/>
      <c r="Y27" s="1434"/>
      <c r="Z27" s="1434"/>
      <c r="AA27" s="1434"/>
      <c r="AB27" s="1434"/>
      <c r="AC27" s="1434"/>
      <c r="AD27" s="1434"/>
      <c r="AE27" s="1434"/>
      <c r="AF27" s="1434"/>
      <c r="AG27" s="1434"/>
      <c r="AH27" s="1434"/>
      <c r="AI27" s="1436"/>
    </row>
    <row r="28" spans="1:35" ht="22.5" customHeight="1" x14ac:dyDescent="0.2">
      <c r="A28" s="1437" t="s">
        <v>469</v>
      </c>
      <c r="B28" s="1437"/>
      <c r="C28" s="1437"/>
      <c r="D28" s="1437"/>
      <c r="E28" s="1437"/>
      <c r="F28" s="1437"/>
      <c r="G28" s="1437"/>
      <c r="H28" s="1437"/>
      <c r="I28" s="1437"/>
      <c r="J28" s="1437"/>
      <c r="K28" s="1437"/>
      <c r="L28" s="1437"/>
      <c r="M28" s="1437"/>
      <c r="N28" s="1437"/>
      <c r="O28" s="1437"/>
      <c r="P28" s="1437"/>
      <c r="Q28" s="1437"/>
      <c r="R28" s="1437"/>
      <c r="S28" s="1437"/>
      <c r="T28" s="1437"/>
      <c r="U28" s="1437"/>
      <c r="V28" s="1437"/>
      <c r="W28" s="1437"/>
      <c r="X28" s="1437"/>
      <c r="Y28" s="1437"/>
      <c r="Z28" s="1437"/>
      <c r="AA28" s="1437"/>
      <c r="AB28" s="1437"/>
      <c r="AC28" s="1437"/>
      <c r="AD28" s="1437"/>
      <c r="AE28" s="1437"/>
      <c r="AF28" s="1437"/>
      <c r="AG28" s="1437"/>
      <c r="AH28" s="1437"/>
      <c r="AI28" s="1437"/>
    </row>
    <row r="29" spans="1:35" ht="22.5" customHeight="1" x14ac:dyDescent="0.2">
      <c r="A29" s="1438"/>
      <c r="B29" s="1438"/>
      <c r="C29" s="1438"/>
      <c r="D29" s="1438"/>
      <c r="E29" s="1438"/>
      <c r="F29" s="1438"/>
      <c r="G29" s="1438"/>
      <c r="H29" s="1438"/>
      <c r="I29" s="1438"/>
      <c r="J29" s="1438"/>
      <c r="K29" s="1438"/>
      <c r="L29" s="1438"/>
      <c r="M29" s="1438"/>
      <c r="N29" s="1438"/>
      <c r="O29" s="1438"/>
      <c r="P29" s="1438"/>
      <c r="Q29" s="1438"/>
      <c r="R29" s="1438"/>
      <c r="S29" s="1438"/>
      <c r="T29" s="1438"/>
      <c r="U29" s="1438"/>
      <c r="V29" s="1438"/>
      <c r="W29" s="1438"/>
      <c r="X29" s="1438"/>
      <c r="Y29" s="1438"/>
      <c r="Z29" s="1438"/>
      <c r="AA29" s="1438"/>
      <c r="AB29" s="1438"/>
      <c r="AC29" s="1438"/>
      <c r="AD29" s="1438"/>
      <c r="AE29" s="1438"/>
      <c r="AF29" s="1438"/>
      <c r="AG29" s="1438"/>
      <c r="AH29" s="1438"/>
      <c r="AI29" s="1438"/>
    </row>
    <row r="30" spans="1:35" ht="22.5" customHeight="1" x14ac:dyDescent="0.2">
      <c r="A30" s="1438"/>
      <c r="B30" s="1438"/>
      <c r="C30" s="1438"/>
      <c r="D30" s="1438"/>
      <c r="E30" s="1438"/>
      <c r="F30" s="1438"/>
      <c r="G30" s="1438"/>
      <c r="H30" s="1438"/>
      <c r="I30" s="1438"/>
      <c r="J30" s="1438"/>
      <c r="K30" s="1438"/>
      <c r="L30" s="1438"/>
      <c r="M30" s="1438"/>
      <c r="N30" s="1438"/>
      <c r="O30" s="1438"/>
      <c r="P30" s="1438"/>
      <c r="Q30" s="1438"/>
      <c r="R30" s="1438"/>
      <c r="S30" s="1438"/>
      <c r="T30" s="1438"/>
      <c r="U30" s="1438"/>
      <c r="V30" s="1438"/>
      <c r="W30" s="1438"/>
      <c r="X30" s="1438"/>
      <c r="Y30" s="1438"/>
      <c r="Z30" s="1438"/>
      <c r="AA30" s="1438"/>
      <c r="AB30" s="1438"/>
      <c r="AC30" s="1438"/>
      <c r="AD30" s="1438"/>
      <c r="AE30" s="1438"/>
      <c r="AF30" s="1438"/>
      <c r="AG30" s="1438"/>
      <c r="AH30" s="1438"/>
      <c r="AI30" s="1438"/>
    </row>
  </sheetData>
  <customSheetViews>
    <customSheetView guid="{FA98832E-F01A-4598-9960-E27C2FDAB118}" showPageBreaks="1" view="pageBreakPreview">
      <selection activeCell="J20" sqref="J20"/>
      <pageMargins left="0.63" right="0.39370078740157483" top="0.77" bottom="0.35433070866141736" header="0.31496062992125984" footer="0.27559055118110237"/>
      <printOptions horizontalCentered="1"/>
      <pageSetup paperSize="9" orientation="portrait" r:id="rId1"/>
      <headerFooter alignWithMargins="0"/>
    </customSheetView>
    <customSheetView guid="{8494577A-77FB-45FD-BD2B-C737BCFAD5B3}" showPageBreaks="1" view="pageBreakPreview">
      <selection activeCell="J20" sqref="J20"/>
      <pageMargins left="0.63" right="0.39370078740157483" top="0.77" bottom="0.35433070866141736" header="0.31496062992125984" footer="0.27559055118110237"/>
      <printOptions horizontalCentered="1"/>
      <pageSetup paperSize="9" orientation="portrait" r:id="rId2"/>
      <headerFooter alignWithMargins="0"/>
    </customSheetView>
  </customSheetViews>
  <mergeCells count="75">
    <mergeCell ref="A1:AI1"/>
    <mergeCell ref="A2:AI2"/>
    <mergeCell ref="A4:Q4"/>
    <mergeCell ref="R4:AI4"/>
    <mergeCell ref="B5:Q5"/>
    <mergeCell ref="R5:AI5"/>
    <mergeCell ref="A6:Q6"/>
    <mergeCell ref="R6:AI6"/>
    <mergeCell ref="A7:Q7"/>
    <mergeCell ref="R7:AI7"/>
    <mergeCell ref="A8:Q12"/>
    <mergeCell ref="R8:W12"/>
    <mergeCell ref="X8:AD12"/>
    <mergeCell ref="AE8:AI12"/>
    <mergeCell ref="B13:Q13"/>
    <mergeCell ref="R13:W13"/>
    <mergeCell ref="X13:AD13"/>
    <mergeCell ref="AE13:AI13"/>
    <mergeCell ref="B14:Q14"/>
    <mergeCell ref="R14:W14"/>
    <mergeCell ref="X14:AD14"/>
    <mergeCell ref="AE14:AI14"/>
    <mergeCell ref="B15:Q15"/>
    <mergeCell ref="R15:W15"/>
    <mergeCell ref="X15:AD15"/>
    <mergeCell ref="AE15:AI15"/>
    <mergeCell ref="B16:Q16"/>
    <mergeCell ref="R16:W16"/>
    <mergeCell ref="X16:AD16"/>
    <mergeCell ref="AE16:AI16"/>
    <mergeCell ref="B17:Q17"/>
    <mergeCell ref="R17:W17"/>
    <mergeCell ref="X17:AD17"/>
    <mergeCell ref="AE17:AI17"/>
    <mergeCell ref="B18:Q18"/>
    <mergeCell ref="R18:W18"/>
    <mergeCell ref="X18:AD18"/>
    <mergeCell ref="AE18:AI18"/>
    <mergeCell ref="B19:Q19"/>
    <mergeCell ref="R19:W19"/>
    <mergeCell ref="X19:AD19"/>
    <mergeCell ref="AE19:AI19"/>
    <mergeCell ref="B20:Q20"/>
    <mergeCell ref="R20:W20"/>
    <mergeCell ref="X20:AD20"/>
    <mergeCell ref="AE20:AI20"/>
    <mergeCell ref="B21:Q21"/>
    <mergeCell ref="R21:W21"/>
    <mergeCell ref="X21:AD21"/>
    <mergeCell ref="AE21:AI21"/>
    <mergeCell ref="B22:Q22"/>
    <mergeCell ref="R22:W22"/>
    <mergeCell ref="X22:AD22"/>
    <mergeCell ref="AE22:AI22"/>
    <mergeCell ref="B23:Q23"/>
    <mergeCell ref="R23:W23"/>
    <mergeCell ref="X23:AD23"/>
    <mergeCell ref="AE23:AI23"/>
    <mergeCell ref="B24:Q24"/>
    <mergeCell ref="R24:W24"/>
    <mergeCell ref="X24:AD24"/>
    <mergeCell ref="AE24:AI24"/>
    <mergeCell ref="B25:Q25"/>
    <mergeCell ref="R25:W25"/>
    <mergeCell ref="X25:AD25"/>
    <mergeCell ref="AE25:AI25"/>
    <mergeCell ref="B26:Q26"/>
    <mergeCell ref="R26:W26"/>
    <mergeCell ref="X26:AD26"/>
    <mergeCell ref="AE26:AI26"/>
    <mergeCell ref="B27:Q27"/>
    <mergeCell ref="R27:W27"/>
    <mergeCell ref="X27:AD27"/>
    <mergeCell ref="AE27:AI27"/>
    <mergeCell ref="A28:AI30"/>
  </mergeCells>
  <phoneticPr fontId="6"/>
  <printOptions horizontalCentered="1"/>
  <pageMargins left="0.63" right="0.39370078740157483" top="0.77" bottom="0.35433070866141736" header="0.31496062992125984" footer="0.27559055118110237"/>
  <pageSetup paperSize="9" orientation="portrait" r:id="rId3"/>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A1:AI30"/>
  <sheetViews>
    <sheetView view="pageBreakPreview" zoomScaleNormal="100" workbookViewId="0">
      <selection activeCell="B20" sqref="B20:Q20"/>
    </sheetView>
  </sheetViews>
  <sheetFormatPr defaultColWidth="9" defaultRowHeight="21" customHeight="1" x14ac:dyDescent="0.2"/>
  <cols>
    <col min="1" max="39" width="2.6640625" style="95" customWidth="1"/>
    <col min="40" max="16384" width="9" style="95"/>
  </cols>
  <sheetData>
    <row r="1" spans="1:35" ht="21" customHeight="1" x14ac:dyDescent="0.2">
      <c r="A1" s="1474" t="s">
        <v>273</v>
      </c>
      <c r="B1" s="1474"/>
      <c r="C1" s="1474"/>
      <c r="D1" s="1474"/>
      <c r="E1" s="1474"/>
      <c r="F1" s="1474"/>
      <c r="G1" s="1474"/>
      <c r="H1" s="1474"/>
      <c r="I1" s="1474"/>
      <c r="J1" s="1474"/>
      <c r="K1" s="1474"/>
      <c r="L1" s="1474"/>
      <c r="M1" s="1474"/>
      <c r="N1" s="1474"/>
      <c r="O1" s="1474"/>
      <c r="P1" s="1474"/>
      <c r="Q1" s="1474"/>
      <c r="R1" s="1474"/>
      <c r="S1" s="1474"/>
      <c r="T1" s="1474"/>
      <c r="U1" s="1474"/>
      <c r="V1" s="1474"/>
      <c r="W1" s="1474"/>
      <c r="X1" s="1474"/>
      <c r="Y1" s="1474"/>
      <c r="Z1" s="1474"/>
      <c r="AA1" s="1474"/>
      <c r="AB1" s="1474"/>
      <c r="AC1" s="1474"/>
      <c r="AD1" s="1474"/>
      <c r="AE1" s="1474"/>
      <c r="AF1" s="1474"/>
      <c r="AG1" s="1474"/>
      <c r="AH1" s="1474"/>
      <c r="AI1" s="1474"/>
    </row>
    <row r="2" spans="1:35" ht="21" customHeight="1" x14ac:dyDescent="0.2">
      <c r="A2" s="1475" t="s">
        <v>289</v>
      </c>
      <c r="B2" s="1475"/>
      <c r="C2" s="1475"/>
      <c r="D2" s="1475"/>
      <c r="E2" s="1475"/>
      <c r="F2" s="1475"/>
      <c r="G2" s="1475"/>
      <c r="H2" s="1475"/>
      <c r="I2" s="1475"/>
      <c r="J2" s="1475"/>
      <c r="K2" s="1475"/>
      <c r="L2" s="1475"/>
      <c r="M2" s="1475"/>
      <c r="N2" s="1475"/>
      <c r="O2" s="1475"/>
      <c r="P2" s="1475"/>
      <c r="Q2" s="1475"/>
      <c r="R2" s="1475"/>
      <c r="S2" s="1475"/>
      <c r="T2" s="1475"/>
      <c r="U2" s="1475"/>
      <c r="V2" s="1475"/>
      <c r="W2" s="1475"/>
      <c r="X2" s="1475"/>
      <c r="Y2" s="1475"/>
      <c r="Z2" s="1475"/>
      <c r="AA2" s="1475"/>
      <c r="AB2" s="1475"/>
      <c r="AC2" s="1475"/>
      <c r="AD2" s="1475"/>
      <c r="AE2" s="1475"/>
      <c r="AF2" s="1475"/>
      <c r="AG2" s="1475"/>
      <c r="AH2" s="1475"/>
      <c r="AI2" s="1475"/>
    </row>
    <row r="3" spans="1:35" ht="21" customHeight="1" thickBot="1" x14ac:dyDescent="0.25"/>
    <row r="4" spans="1:35" ht="21" customHeight="1" x14ac:dyDescent="0.2">
      <c r="A4" s="1476" t="s">
        <v>368</v>
      </c>
      <c r="B4" s="1477"/>
      <c r="C4" s="1477"/>
      <c r="D4" s="1477"/>
      <c r="E4" s="1477"/>
      <c r="F4" s="1477"/>
      <c r="G4" s="1477"/>
      <c r="H4" s="1477"/>
      <c r="I4" s="1477"/>
      <c r="J4" s="1477"/>
      <c r="K4" s="1477"/>
      <c r="L4" s="1477"/>
      <c r="M4" s="1477"/>
      <c r="N4" s="1477"/>
      <c r="O4" s="1477"/>
      <c r="P4" s="1477"/>
      <c r="Q4" s="1478"/>
      <c r="R4" s="1479">
        <v>28</v>
      </c>
      <c r="S4" s="1479"/>
      <c r="T4" s="1479"/>
      <c r="U4" s="1479"/>
      <c r="V4" s="1479"/>
      <c r="W4" s="1479"/>
      <c r="X4" s="1479"/>
      <c r="Y4" s="1479"/>
      <c r="Z4" s="1479"/>
      <c r="AA4" s="1479"/>
      <c r="AB4" s="1479"/>
      <c r="AC4" s="1479"/>
      <c r="AD4" s="1479"/>
      <c r="AE4" s="1479"/>
      <c r="AF4" s="1479"/>
      <c r="AG4" s="1479"/>
      <c r="AH4" s="1479"/>
      <c r="AI4" s="1480"/>
    </row>
    <row r="5" spans="1:35" ht="21" customHeight="1" x14ac:dyDescent="0.2">
      <c r="A5" s="151"/>
      <c r="B5" s="1481" t="s">
        <v>371</v>
      </c>
      <c r="C5" s="1481"/>
      <c r="D5" s="1481"/>
      <c r="E5" s="1481"/>
      <c r="F5" s="1481"/>
      <c r="G5" s="1481"/>
      <c r="H5" s="1481"/>
      <c r="I5" s="1481"/>
      <c r="J5" s="1481"/>
      <c r="K5" s="1481"/>
      <c r="L5" s="1481"/>
      <c r="M5" s="1481"/>
      <c r="N5" s="1481"/>
      <c r="O5" s="1481"/>
      <c r="P5" s="1481"/>
      <c r="Q5" s="1481"/>
      <c r="R5" s="1482">
        <f>ROUND(R4*0.2,2)</f>
        <v>5.6</v>
      </c>
      <c r="S5" s="1482"/>
      <c r="T5" s="1482"/>
      <c r="U5" s="1482"/>
      <c r="V5" s="1482"/>
      <c r="W5" s="1482"/>
      <c r="X5" s="1482"/>
      <c r="Y5" s="1482"/>
      <c r="Z5" s="1482"/>
      <c r="AA5" s="1482"/>
      <c r="AB5" s="1482"/>
      <c r="AC5" s="1482"/>
      <c r="AD5" s="1482"/>
      <c r="AE5" s="1482"/>
      <c r="AF5" s="1482"/>
      <c r="AG5" s="1482"/>
      <c r="AH5" s="1482"/>
      <c r="AI5" s="1483"/>
    </row>
    <row r="6" spans="1:35" ht="21" customHeight="1" x14ac:dyDescent="0.2">
      <c r="A6" s="1442" t="s">
        <v>369</v>
      </c>
      <c r="B6" s="1443"/>
      <c r="C6" s="1443"/>
      <c r="D6" s="1443"/>
      <c r="E6" s="1443"/>
      <c r="F6" s="1443"/>
      <c r="G6" s="1443"/>
      <c r="H6" s="1443"/>
      <c r="I6" s="1443"/>
      <c r="J6" s="1443"/>
      <c r="K6" s="1443"/>
      <c r="L6" s="1443"/>
      <c r="M6" s="1443"/>
      <c r="N6" s="1443"/>
      <c r="O6" s="1443"/>
      <c r="P6" s="1443"/>
      <c r="Q6" s="1444"/>
      <c r="R6" s="1445">
        <v>5.2</v>
      </c>
      <c r="S6" s="1445"/>
      <c r="T6" s="1445"/>
      <c r="U6" s="1445"/>
      <c r="V6" s="1445"/>
      <c r="W6" s="1445"/>
      <c r="X6" s="1445"/>
      <c r="Y6" s="1445"/>
      <c r="Z6" s="1445"/>
      <c r="AA6" s="1445"/>
      <c r="AB6" s="1445"/>
      <c r="AC6" s="1445"/>
      <c r="AD6" s="1445"/>
      <c r="AE6" s="1445"/>
      <c r="AF6" s="1445"/>
      <c r="AG6" s="1445"/>
      <c r="AH6" s="1445"/>
      <c r="AI6" s="1446"/>
    </row>
    <row r="7" spans="1:35" ht="21" customHeight="1" thickBot="1" x14ac:dyDescent="0.25">
      <c r="A7" s="1488" t="s">
        <v>374</v>
      </c>
      <c r="B7" s="1489"/>
      <c r="C7" s="1489"/>
      <c r="D7" s="1489"/>
      <c r="E7" s="1489"/>
      <c r="F7" s="1489"/>
      <c r="G7" s="1489"/>
      <c r="H7" s="1489"/>
      <c r="I7" s="1489"/>
      <c r="J7" s="1489"/>
      <c r="K7" s="1489"/>
      <c r="L7" s="1489"/>
      <c r="M7" s="1489"/>
      <c r="N7" s="1489"/>
      <c r="O7" s="1489"/>
      <c r="P7" s="1489"/>
      <c r="Q7" s="1490"/>
      <c r="R7" s="1450" t="s">
        <v>372</v>
      </c>
      <c r="S7" s="1451"/>
      <c r="T7" s="1451"/>
      <c r="U7" s="1451"/>
      <c r="V7" s="1451"/>
      <c r="W7" s="1451"/>
      <c r="X7" s="1451"/>
      <c r="Y7" s="1451"/>
      <c r="Z7" s="1451"/>
      <c r="AA7" s="1451"/>
      <c r="AB7" s="1451"/>
      <c r="AC7" s="1451"/>
      <c r="AD7" s="1451"/>
      <c r="AE7" s="1451"/>
      <c r="AF7" s="1451"/>
      <c r="AG7" s="1451"/>
      <c r="AH7" s="1451"/>
      <c r="AI7" s="1452"/>
    </row>
    <row r="8" spans="1:35" ht="21" customHeight="1" thickTop="1" x14ac:dyDescent="0.2">
      <c r="A8" s="1484" t="s">
        <v>54</v>
      </c>
      <c r="B8" s="1459"/>
      <c r="C8" s="1459"/>
      <c r="D8" s="1459"/>
      <c r="E8" s="1459"/>
      <c r="F8" s="1459"/>
      <c r="G8" s="1459"/>
      <c r="H8" s="1459"/>
      <c r="I8" s="1459"/>
      <c r="J8" s="1459"/>
      <c r="K8" s="1459"/>
      <c r="L8" s="1459"/>
      <c r="M8" s="1459"/>
      <c r="N8" s="1459"/>
      <c r="O8" s="1459"/>
      <c r="P8" s="1459"/>
      <c r="Q8" s="1459"/>
      <c r="R8" s="1459" t="s">
        <v>360</v>
      </c>
      <c r="S8" s="1459"/>
      <c r="T8" s="1459"/>
      <c r="U8" s="1459"/>
      <c r="V8" s="1459"/>
      <c r="W8" s="1459"/>
      <c r="X8" s="1461" t="s">
        <v>468</v>
      </c>
      <c r="Y8" s="1462"/>
      <c r="Z8" s="1462"/>
      <c r="AA8" s="1462"/>
      <c r="AB8" s="1462"/>
      <c r="AC8" s="1462"/>
      <c r="AD8" s="1463"/>
      <c r="AE8" s="1470" t="s">
        <v>290</v>
      </c>
      <c r="AF8" s="1470"/>
      <c r="AG8" s="1470"/>
      <c r="AH8" s="1470"/>
      <c r="AI8" s="1471"/>
    </row>
    <row r="9" spans="1:35" ht="21" customHeight="1" x14ac:dyDescent="0.2">
      <c r="A9" s="1485"/>
      <c r="B9" s="1486"/>
      <c r="C9" s="1486"/>
      <c r="D9" s="1486"/>
      <c r="E9" s="1486"/>
      <c r="F9" s="1486"/>
      <c r="G9" s="1486"/>
      <c r="H9" s="1486"/>
      <c r="I9" s="1486"/>
      <c r="J9" s="1486"/>
      <c r="K9" s="1486"/>
      <c r="L9" s="1486"/>
      <c r="M9" s="1486"/>
      <c r="N9" s="1486"/>
      <c r="O9" s="1486"/>
      <c r="P9" s="1486"/>
      <c r="Q9" s="1486"/>
      <c r="R9" s="1460"/>
      <c r="S9" s="1460"/>
      <c r="T9" s="1460"/>
      <c r="U9" s="1460"/>
      <c r="V9" s="1460"/>
      <c r="W9" s="1460"/>
      <c r="X9" s="1464"/>
      <c r="Y9" s="1465"/>
      <c r="Z9" s="1465"/>
      <c r="AA9" s="1465"/>
      <c r="AB9" s="1465"/>
      <c r="AC9" s="1465"/>
      <c r="AD9" s="1466"/>
      <c r="AE9" s="1472"/>
      <c r="AF9" s="1472"/>
      <c r="AG9" s="1472"/>
      <c r="AH9" s="1472"/>
      <c r="AI9" s="1473"/>
    </row>
    <row r="10" spans="1:35" ht="21" customHeight="1" x14ac:dyDescent="0.2">
      <c r="A10" s="1485"/>
      <c r="B10" s="1486"/>
      <c r="C10" s="1486"/>
      <c r="D10" s="1486"/>
      <c r="E10" s="1486"/>
      <c r="F10" s="1486"/>
      <c r="G10" s="1486"/>
      <c r="H10" s="1486"/>
      <c r="I10" s="1486"/>
      <c r="J10" s="1486"/>
      <c r="K10" s="1486"/>
      <c r="L10" s="1486"/>
      <c r="M10" s="1486"/>
      <c r="N10" s="1486"/>
      <c r="O10" s="1486"/>
      <c r="P10" s="1486"/>
      <c r="Q10" s="1486"/>
      <c r="R10" s="1460"/>
      <c r="S10" s="1460"/>
      <c r="T10" s="1460"/>
      <c r="U10" s="1460"/>
      <c r="V10" s="1460"/>
      <c r="W10" s="1460"/>
      <c r="X10" s="1464"/>
      <c r="Y10" s="1465"/>
      <c r="Z10" s="1465"/>
      <c r="AA10" s="1465"/>
      <c r="AB10" s="1465"/>
      <c r="AC10" s="1465"/>
      <c r="AD10" s="1466"/>
      <c r="AE10" s="1472"/>
      <c r="AF10" s="1472"/>
      <c r="AG10" s="1472"/>
      <c r="AH10" s="1472"/>
      <c r="AI10" s="1473"/>
    </row>
    <row r="11" spans="1:35" ht="21" customHeight="1" x14ac:dyDescent="0.2">
      <c r="A11" s="1485"/>
      <c r="B11" s="1486"/>
      <c r="C11" s="1486"/>
      <c r="D11" s="1486"/>
      <c r="E11" s="1486"/>
      <c r="F11" s="1486"/>
      <c r="G11" s="1486"/>
      <c r="H11" s="1486"/>
      <c r="I11" s="1486"/>
      <c r="J11" s="1486"/>
      <c r="K11" s="1486"/>
      <c r="L11" s="1486"/>
      <c r="M11" s="1486"/>
      <c r="N11" s="1486"/>
      <c r="O11" s="1486"/>
      <c r="P11" s="1486"/>
      <c r="Q11" s="1486"/>
      <c r="R11" s="1460"/>
      <c r="S11" s="1460"/>
      <c r="T11" s="1460"/>
      <c r="U11" s="1460"/>
      <c r="V11" s="1460"/>
      <c r="W11" s="1460"/>
      <c r="X11" s="1464"/>
      <c r="Y11" s="1465"/>
      <c r="Z11" s="1465"/>
      <c r="AA11" s="1465"/>
      <c r="AB11" s="1465"/>
      <c r="AC11" s="1465"/>
      <c r="AD11" s="1466"/>
      <c r="AE11" s="1472"/>
      <c r="AF11" s="1472"/>
      <c r="AG11" s="1472"/>
      <c r="AH11" s="1472"/>
      <c r="AI11" s="1473"/>
    </row>
    <row r="12" spans="1:35" ht="21" customHeight="1" x14ac:dyDescent="0.2">
      <c r="A12" s="1487"/>
      <c r="B12" s="1460"/>
      <c r="C12" s="1460"/>
      <c r="D12" s="1460"/>
      <c r="E12" s="1460"/>
      <c r="F12" s="1460"/>
      <c r="G12" s="1460"/>
      <c r="H12" s="1460"/>
      <c r="I12" s="1460"/>
      <c r="J12" s="1460"/>
      <c r="K12" s="1460"/>
      <c r="L12" s="1460"/>
      <c r="M12" s="1460"/>
      <c r="N12" s="1460"/>
      <c r="O12" s="1460"/>
      <c r="P12" s="1460"/>
      <c r="Q12" s="1460"/>
      <c r="R12" s="1460"/>
      <c r="S12" s="1460"/>
      <c r="T12" s="1460"/>
      <c r="U12" s="1460"/>
      <c r="V12" s="1460"/>
      <c r="W12" s="1460"/>
      <c r="X12" s="1467"/>
      <c r="Y12" s="1468"/>
      <c r="Z12" s="1468"/>
      <c r="AA12" s="1468"/>
      <c r="AB12" s="1468"/>
      <c r="AC12" s="1468"/>
      <c r="AD12" s="1469"/>
      <c r="AE12" s="1472"/>
      <c r="AF12" s="1472"/>
      <c r="AG12" s="1472"/>
      <c r="AH12" s="1472"/>
      <c r="AI12" s="1473"/>
    </row>
    <row r="13" spans="1:35" ht="21" customHeight="1" x14ac:dyDescent="0.2">
      <c r="A13" s="149">
        <v>1</v>
      </c>
      <c r="B13" s="1439" t="s">
        <v>375</v>
      </c>
      <c r="C13" s="1439"/>
      <c r="D13" s="1439"/>
      <c r="E13" s="1439"/>
      <c r="F13" s="1439"/>
      <c r="G13" s="1439"/>
      <c r="H13" s="1439"/>
      <c r="I13" s="1439"/>
      <c r="J13" s="1439"/>
      <c r="K13" s="1439"/>
      <c r="L13" s="1439"/>
      <c r="M13" s="1439"/>
      <c r="N13" s="1439"/>
      <c r="O13" s="1439"/>
      <c r="P13" s="1439"/>
      <c r="Q13" s="1440"/>
      <c r="R13" s="1439" t="s">
        <v>291</v>
      </c>
      <c r="S13" s="1439"/>
      <c r="T13" s="1439"/>
      <c r="U13" s="1439"/>
      <c r="V13" s="1439"/>
      <c r="W13" s="1439"/>
      <c r="X13" s="1439" t="s">
        <v>376</v>
      </c>
      <c r="Y13" s="1439"/>
      <c r="Z13" s="1439"/>
      <c r="AA13" s="1439"/>
      <c r="AB13" s="1439"/>
      <c r="AC13" s="1439"/>
      <c r="AD13" s="1439"/>
      <c r="AE13" s="1439"/>
      <c r="AF13" s="1439"/>
      <c r="AG13" s="1439"/>
      <c r="AH13" s="1439"/>
      <c r="AI13" s="1441"/>
    </row>
    <row r="14" spans="1:35" ht="21" customHeight="1" x14ac:dyDescent="0.2">
      <c r="A14" s="149">
        <v>2</v>
      </c>
      <c r="B14" s="1439" t="s">
        <v>377</v>
      </c>
      <c r="C14" s="1439"/>
      <c r="D14" s="1439"/>
      <c r="E14" s="1439"/>
      <c r="F14" s="1439"/>
      <c r="G14" s="1439"/>
      <c r="H14" s="1439"/>
      <c r="I14" s="1439"/>
      <c r="J14" s="1439"/>
      <c r="K14" s="1439"/>
      <c r="L14" s="1439"/>
      <c r="M14" s="1439"/>
      <c r="N14" s="1439"/>
      <c r="O14" s="1439"/>
      <c r="P14" s="1439"/>
      <c r="Q14" s="1440"/>
      <c r="R14" s="1439" t="s">
        <v>292</v>
      </c>
      <c r="S14" s="1439"/>
      <c r="T14" s="1439"/>
      <c r="U14" s="1439"/>
      <c r="V14" s="1439"/>
      <c r="W14" s="1439"/>
      <c r="X14" s="1439" t="s">
        <v>293</v>
      </c>
      <c r="Y14" s="1439"/>
      <c r="Z14" s="1439"/>
      <c r="AA14" s="1439"/>
      <c r="AB14" s="1439"/>
      <c r="AC14" s="1439"/>
      <c r="AD14" s="1439"/>
      <c r="AE14" s="1439" t="s">
        <v>378</v>
      </c>
      <c r="AF14" s="1439"/>
      <c r="AG14" s="1439"/>
      <c r="AH14" s="1439"/>
      <c r="AI14" s="1441"/>
    </row>
    <row r="15" spans="1:35" ht="21" customHeight="1" x14ac:dyDescent="0.2">
      <c r="A15" s="149">
        <v>3</v>
      </c>
      <c r="B15" s="1439" t="s">
        <v>379</v>
      </c>
      <c r="C15" s="1439"/>
      <c r="D15" s="1439"/>
      <c r="E15" s="1439"/>
      <c r="F15" s="1439"/>
      <c r="G15" s="1439"/>
      <c r="H15" s="1439"/>
      <c r="I15" s="1439"/>
      <c r="J15" s="1439"/>
      <c r="K15" s="1439"/>
      <c r="L15" s="1439"/>
      <c r="M15" s="1439"/>
      <c r="N15" s="1439"/>
      <c r="O15" s="1439"/>
      <c r="P15" s="1439"/>
      <c r="Q15" s="1440"/>
      <c r="R15" s="1439" t="s">
        <v>291</v>
      </c>
      <c r="S15" s="1439"/>
      <c r="T15" s="1439"/>
      <c r="U15" s="1439"/>
      <c r="V15" s="1439"/>
      <c r="W15" s="1439"/>
      <c r="X15" s="1439" t="s">
        <v>294</v>
      </c>
      <c r="Y15" s="1439"/>
      <c r="Z15" s="1439"/>
      <c r="AA15" s="1439"/>
      <c r="AB15" s="1439"/>
      <c r="AC15" s="1439"/>
      <c r="AD15" s="1439"/>
      <c r="AE15" s="1439"/>
      <c r="AF15" s="1439"/>
      <c r="AG15" s="1439"/>
      <c r="AH15" s="1439"/>
      <c r="AI15" s="1441"/>
    </row>
    <row r="16" spans="1:35" ht="21" customHeight="1" x14ac:dyDescent="0.2">
      <c r="A16" s="149">
        <v>4</v>
      </c>
      <c r="B16" s="1439" t="s">
        <v>380</v>
      </c>
      <c r="C16" s="1439"/>
      <c r="D16" s="1439"/>
      <c r="E16" s="1439"/>
      <c r="F16" s="1439"/>
      <c r="G16" s="1439"/>
      <c r="H16" s="1439"/>
      <c r="I16" s="1439"/>
      <c r="J16" s="1439"/>
      <c r="K16" s="1439"/>
      <c r="L16" s="1439"/>
      <c r="M16" s="1439"/>
      <c r="N16" s="1439"/>
      <c r="O16" s="1439"/>
      <c r="P16" s="1439"/>
      <c r="Q16" s="1440"/>
      <c r="R16" s="1439" t="s">
        <v>291</v>
      </c>
      <c r="S16" s="1439"/>
      <c r="T16" s="1439"/>
      <c r="U16" s="1439"/>
      <c r="V16" s="1439"/>
      <c r="W16" s="1439"/>
      <c r="X16" s="1439" t="s">
        <v>295</v>
      </c>
      <c r="Y16" s="1439"/>
      <c r="Z16" s="1439"/>
      <c r="AA16" s="1439"/>
      <c r="AB16" s="1439"/>
      <c r="AC16" s="1439"/>
      <c r="AD16" s="1439"/>
      <c r="AE16" s="1439"/>
      <c r="AF16" s="1439"/>
      <c r="AG16" s="1439"/>
      <c r="AH16" s="1439"/>
      <c r="AI16" s="1441"/>
    </row>
    <row r="17" spans="1:35" ht="21" customHeight="1" x14ac:dyDescent="0.2">
      <c r="A17" s="149">
        <v>5</v>
      </c>
      <c r="B17" s="1439" t="s">
        <v>381</v>
      </c>
      <c r="C17" s="1439"/>
      <c r="D17" s="1439"/>
      <c r="E17" s="1439"/>
      <c r="F17" s="1439"/>
      <c r="G17" s="1439"/>
      <c r="H17" s="1439"/>
      <c r="I17" s="1439"/>
      <c r="J17" s="1439"/>
      <c r="K17" s="1439"/>
      <c r="L17" s="1439"/>
      <c r="M17" s="1439"/>
      <c r="N17" s="1439"/>
      <c r="O17" s="1439"/>
      <c r="P17" s="1439"/>
      <c r="Q17" s="1440"/>
      <c r="R17" s="1439" t="s">
        <v>291</v>
      </c>
      <c r="S17" s="1439"/>
      <c r="T17" s="1439"/>
      <c r="U17" s="1439"/>
      <c r="V17" s="1439"/>
      <c r="W17" s="1439"/>
      <c r="X17" s="1439" t="s">
        <v>296</v>
      </c>
      <c r="Y17" s="1439"/>
      <c r="Z17" s="1439"/>
      <c r="AA17" s="1439"/>
      <c r="AB17" s="1439"/>
      <c r="AC17" s="1439"/>
      <c r="AD17" s="1439"/>
      <c r="AE17" s="1439"/>
      <c r="AF17" s="1439"/>
      <c r="AG17" s="1439"/>
      <c r="AH17" s="1439"/>
      <c r="AI17" s="1441"/>
    </row>
    <row r="18" spans="1:35" ht="21" customHeight="1" x14ac:dyDescent="0.2">
      <c r="A18" s="149">
        <v>6</v>
      </c>
      <c r="B18" s="1439" t="s">
        <v>382</v>
      </c>
      <c r="C18" s="1439"/>
      <c r="D18" s="1439"/>
      <c r="E18" s="1439"/>
      <c r="F18" s="1439"/>
      <c r="G18" s="1439"/>
      <c r="H18" s="1439"/>
      <c r="I18" s="1439"/>
      <c r="J18" s="1439"/>
      <c r="K18" s="1439"/>
      <c r="L18" s="1439"/>
      <c r="M18" s="1439"/>
      <c r="N18" s="1439"/>
      <c r="O18" s="1439"/>
      <c r="P18" s="1439"/>
      <c r="Q18" s="1440"/>
      <c r="R18" s="1439" t="s">
        <v>292</v>
      </c>
      <c r="S18" s="1439"/>
      <c r="T18" s="1439"/>
      <c r="U18" s="1439"/>
      <c r="V18" s="1439"/>
      <c r="W18" s="1439"/>
      <c r="X18" s="1439" t="s">
        <v>293</v>
      </c>
      <c r="Y18" s="1439"/>
      <c r="Z18" s="1439"/>
      <c r="AA18" s="1439"/>
      <c r="AB18" s="1439"/>
      <c r="AC18" s="1439"/>
      <c r="AD18" s="1439"/>
      <c r="AE18" s="1439" t="s">
        <v>378</v>
      </c>
      <c r="AF18" s="1439"/>
      <c r="AG18" s="1439"/>
      <c r="AH18" s="1439"/>
      <c r="AI18" s="1441"/>
    </row>
    <row r="19" spans="1:35" ht="21" customHeight="1" x14ac:dyDescent="0.2">
      <c r="A19" s="149">
        <v>7</v>
      </c>
      <c r="B19" s="1439"/>
      <c r="C19" s="1439"/>
      <c r="D19" s="1439"/>
      <c r="E19" s="1439"/>
      <c r="F19" s="1439"/>
      <c r="G19" s="1439"/>
      <c r="H19" s="1439"/>
      <c r="I19" s="1439"/>
      <c r="J19" s="1439"/>
      <c r="K19" s="1439"/>
      <c r="L19" s="1439"/>
      <c r="M19" s="1439"/>
      <c r="N19" s="1439"/>
      <c r="O19" s="1439"/>
      <c r="P19" s="1439"/>
      <c r="Q19" s="1440"/>
      <c r="R19" s="1439"/>
      <c r="S19" s="1439"/>
      <c r="T19" s="1439"/>
      <c r="U19" s="1439"/>
      <c r="V19" s="1439"/>
      <c r="W19" s="1439"/>
      <c r="X19" s="1439"/>
      <c r="Y19" s="1439"/>
      <c r="Z19" s="1439"/>
      <c r="AA19" s="1439"/>
      <c r="AB19" s="1439"/>
      <c r="AC19" s="1439"/>
      <c r="AD19" s="1439"/>
      <c r="AE19" s="1439"/>
      <c r="AF19" s="1439"/>
      <c r="AG19" s="1439"/>
      <c r="AH19" s="1439"/>
      <c r="AI19" s="1441"/>
    </row>
    <row r="20" spans="1:35" ht="21" customHeight="1" x14ac:dyDescent="0.2">
      <c r="A20" s="149">
        <v>8</v>
      </c>
      <c r="B20" s="1439"/>
      <c r="C20" s="1439"/>
      <c r="D20" s="1439"/>
      <c r="E20" s="1439"/>
      <c r="F20" s="1439"/>
      <c r="G20" s="1439"/>
      <c r="H20" s="1439"/>
      <c r="I20" s="1439"/>
      <c r="J20" s="1439"/>
      <c r="K20" s="1439"/>
      <c r="L20" s="1439"/>
      <c r="M20" s="1439"/>
      <c r="N20" s="1439"/>
      <c r="O20" s="1439"/>
      <c r="P20" s="1439"/>
      <c r="Q20" s="1440"/>
      <c r="R20" s="1439"/>
      <c r="S20" s="1439"/>
      <c r="T20" s="1439"/>
      <c r="U20" s="1439"/>
      <c r="V20" s="1439"/>
      <c r="W20" s="1439"/>
      <c r="X20" s="1439"/>
      <c r="Y20" s="1439"/>
      <c r="Z20" s="1439"/>
      <c r="AA20" s="1439"/>
      <c r="AB20" s="1439"/>
      <c r="AC20" s="1439"/>
      <c r="AD20" s="1439"/>
      <c r="AE20" s="1439"/>
      <c r="AF20" s="1439"/>
      <c r="AG20" s="1439"/>
      <c r="AH20" s="1439"/>
      <c r="AI20" s="1441"/>
    </row>
    <row r="21" spans="1:35" ht="21" customHeight="1" x14ac:dyDescent="0.2">
      <c r="A21" s="149">
        <v>9</v>
      </c>
      <c r="B21" s="1439"/>
      <c r="C21" s="1439"/>
      <c r="D21" s="1439"/>
      <c r="E21" s="1439"/>
      <c r="F21" s="1439"/>
      <c r="G21" s="1439"/>
      <c r="H21" s="1439"/>
      <c r="I21" s="1439"/>
      <c r="J21" s="1439"/>
      <c r="K21" s="1439"/>
      <c r="L21" s="1439"/>
      <c r="M21" s="1439"/>
      <c r="N21" s="1439"/>
      <c r="O21" s="1439"/>
      <c r="P21" s="1439"/>
      <c r="Q21" s="1440"/>
      <c r="R21" s="1439"/>
      <c r="S21" s="1439"/>
      <c r="T21" s="1439"/>
      <c r="U21" s="1439"/>
      <c r="V21" s="1439"/>
      <c r="W21" s="1439"/>
      <c r="X21" s="1439"/>
      <c r="Y21" s="1439"/>
      <c r="Z21" s="1439"/>
      <c r="AA21" s="1439"/>
      <c r="AB21" s="1439"/>
      <c r="AC21" s="1439"/>
      <c r="AD21" s="1439"/>
      <c r="AE21" s="1439"/>
      <c r="AF21" s="1439"/>
      <c r="AG21" s="1439"/>
      <c r="AH21" s="1439"/>
      <c r="AI21" s="1441"/>
    </row>
    <row r="22" spans="1:35" ht="21" customHeight="1" x14ac:dyDescent="0.2">
      <c r="A22" s="149">
        <v>10</v>
      </c>
      <c r="B22" s="1439"/>
      <c r="C22" s="1439"/>
      <c r="D22" s="1439"/>
      <c r="E22" s="1439"/>
      <c r="F22" s="1439"/>
      <c r="G22" s="1439"/>
      <c r="H22" s="1439"/>
      <c r="I22" s="1439"/>
      <c r="J22" s="1439"/>
      <c r="K22" s="1439"/>
      <c r="L22" s="1439"/>
      <c r="M22" s="1439"/>
      <c r="N22" s="1439"/>
      <c r="O22" s="1439"/>
      <c r="P22" s="1439"/>
      <c r="Q22" s="1440"/>
      <c r="R22" s="1439"/>
      <c r="S22" s="1439"/>
      <c r="T22" s="1439"/>
      <c r="U22" s="1439"/>
      <c r="V22" s="1439"/>
      <c r="W22" s="1439"/>
      <c r="X22" s="1439"/>
      <c r="Y22" s="1439"/>
      <c r="Z22" s="1439"/>
      <c r="AA22" s="1439"/>
      <c r="AB22" s="1439"/>
      <c r="AC22" s="1439"/>
      <c r="AD22" s="1439"/>
      <c r="AE22" s="1439"/>
      <c r="AF22" s="1439"/>
      <c r="AG22" s="1439"/>
      <c r="AH22" s="1439"/>
      <c r="AI22" s="1441"/>
    </row>
    <row r="23" spans="1:35" ht="21" customHeight="1" x14ac:dyDescent="0.2">
      <c r="A23" s="149">
        <v>11</v>
      </c>
      <c r="B23" s="1439"/>
      <c r="C23" s="1439"/>
      <c r="D23" s="1439"/>
      <c r="E23" s="1439"/>
      <c r="F23" s="1439"/>
      <c r="G23" s="1439"/>
      <c r="H23" s="1439"/>
      <c r="I23" s="1439"/>
      <c r="J23" s="1439"/>
      <c r="K23" s="1439"/>
      <c r="L23" s="1439"/>
      <c r="M23" s="1439"/>
      <c r="N23" s="1439"/>
      <c r="O23" s="1439"/>
      <c r="P23" s="1439"/>
      <c r="Q23" s="1440"/>
      <c r="R23" s="1439"/>
      <c r="S23" s="1439"/>
      <c r="T23" s="1439"/>
      <c r="U23" s="1439"/>
      <c r="V23" s="1439"/>
      <c r="W23" s="1439"/>
      <c r="X23" s="1439"/>
      <c r="Y23" s="1439"/>
      <c r="Z23" s="1439"/>
      <c r="AA23" s="1439"/>
      <c r="AB23" s="1439"/>
      <c r="AC23" s="1439"/>
      <c r="AD23" s="1439"/>
      <c r="AE23" s="1439"/>
      <c r="AF23" s="1439"/>
      <c r="AG23" s="1439"/>
      <c r="AH23" s="1439"/>
      <c r="AI23" s="1441"/>
    </row>
    <row r="24" spans="1:35" ht="21" customHeight="1" x14ac:dyDescent="0.2">
      <c r="A24" s="149">
        <v>12</v>
      </c>
      <c r="B24" s="1439"/>
      <c r="C24" s="1439"/>
      <c r="D24" s="1439"/>
      <c r="E24" s="1439"/>
      <c r="F24" s="1439"/>
      <c r="G24" s="1439"/>
      <c r="H24" s="1439"/>
      <c r="I24" s="1439"/>
      <c r="J24" s="1439"/>
      <c r="K24" s="1439"/>
      <c r="L24" s="1439"/>
      <c r="M24" s="1439"/>
      <c r="N24" s="1439"/>
      <c r="O24" s="1439"/>
      <c r="P24" s="1439"/>
      <c r="Q24" s="1440"/>
      <c r="R24" s="1439"/>
      <c r="S24" s="1439"/>
      <c r="T24" s="1439"/>
      <c r="U24" s="1439"/>
      <c r="V24" s="1439"/>
      <c r="W24" s="1439"/>
      <c r="X24" s="1439"/>
      <c r="Y24" s="1439"/>
      <c r="Z24" s="1439"/>
      <c r="AA24" s="1439"/>
      <c r="AB24" s="1439"/>
      <c r="AC24" s="1439"/>
      <c r="AD24" s="1439"/>
      <c r="AE24" s="1439"/>
      <c r="AF24" s="1439"/>
      <c r="AG24" s="1439"/>
      <c r="AH24" s="1439"/>
      <c r="AI24" s="1441"/>
    </row>
    <row r="25" spans="1:35" ht="21" customHeight="1" x14ac:dyDescent="0.2">
      <c r="A25" s="149">
        <v>13</v>
      </c>
      <c r="B25" s="1439"/>
      <c r="C25" s="1439"/>
      <c r="D25" s="1439"/>
      <c r="E25" s="1439"/>
      <c r="F25" s="1439"/>
      <c r="G25" s="1439"/>
      <c r="H25" s="1439"/>
      <c r="I25" s="1439"/>
      <c r="J25" s="1439"/>
      <c r="K25" s="1439"/>
      <c r="L25" s="1439"/>
      <c r="M25" s="1439"/>
      <c r="N25" s="1439"/>
      <c r="O25" s="1439"/>
      <c r="P25" s="1439"/>
      <c r="Q25" s="1440"/>
      <c r="R25" s="1439"/>
      <c r="S25" s="1439"/>
      <c r="T25" s="1439"/>
      <c r="U25" s="1439"/>
      <c r="V25" s="1439"/>
      <c r="W25" s="1439"/>
      <c r="X25" s="1439"/>
      <c r="Y25" s="1439"/>
      <c r="Z25" s="1439"/>
      <c r="AA25" s="1439"/>
      <c r="AB25" s="1439"/>
      <c r="AC25" s="1439"/>
      <c r="AD25" s="1439"/>
      <c r="AE25" s="1439"/>
      <c r="AF25" s="1439"/>
      <c r="AG25" s="1439"/>
      <c r="AH25" s="1439"/>
      <c r="AI25" s="1441"/>
    </row>
    <row r="26" spans="1:35" ht="21" customHeight="1" x14ac:dyDescent="0.2">
      <c r="A26" s="149">
        <v>14</v>
      </c>
      <c r="B26" s="1439"/>
      <c r="C26" s="1439"/>
      <c r="D26" s="1439"/>
      <c r="E26" s="1439"/>
      <c r="F26" s="1439"/>
      <c r="G26" s="1439"/>
      <c r="H26" s="1439"/>
      <c r="I26" s="1439"/>
      <c r="J26" s="1439"/>
      <c r="K26" s="1439"/>
      <c r="L26" s="1439"/>
      <c r="M26" s="1439"/>
      <c r="N26" s="1439"/>
      <c r="O26" s="1439"/>
      <c r="P26" s="1439"/>
      <c r="Q26" s="1440"/>
      <c r="R26" s="1439"/>
      <c r="S26" s="1439"/>
      <c r="T26" s="1439"/>
      <c r="U26" s="1439"/>
      <c r="V26" s="1439"/>
      <c r="W26" s="1439"/>
      <c r="X26" s="1439"/>
      <c r="Y26" s="1439"/>
      <c r="Z26" s="1439"/>
      <c r="AA26" s="1439"/>
      <c r="AB26" s="1439"/>
      <c r="AC26" s="1439"/>
      <c r="AD26" s="1439"/>
      <c r="AE26" s="1439"/>
      <c r="AF26" s="1439"/>
      <c r="AG26" s="1439"/>
      <c r="AH26" s="1439"/>
      <c r="AI26" s="1441"/>
    </row>
    <row r="27" spans="1:35" ht="21" customHeight="1" thickBot="1" x14ac:dyDescent="0.25">
      <c r="A27" s="150">
        <v>15</v>
      </c>
      <c r="B27" s="1434"/>
      <c r="C27" s="1434"/>
      <c r="D27" s="1434"/>
      <c r="E27" s="1434"/>
      <c r="F27" s="1434"/>
      <c r="G27" s="1434"/>
      <c r="H27" s="1434"/>
      <c r="I27" s="1434"/>
      <c r="J27" s="1434"/>
      <c r="K27" s="1434"/>
      <c r="L27" s="1434"/>
      <c r="M27" s="1434"/>
      <c r="N27" s="1434"/>
      <c r="O27" s="1434"/>
      <c r="P27" s="1434"/>
      <c r="Q27" s="1435"/>
      <c r="R27" s="1434"/>
      <c r="S27" s="1434"/>
      <c r="T27" s="1434"/>
      <c r="U27" s="1434"/>
      <c r="V27" s="1434"/>
      <c r="W27" s="1434"/>
      <c r="X27" s="1434"/>
      <c r="Y27" s="1434"/>
      <c r="Z27" s="1434"/>
      <c r="AA27" s="1434"/>
      <c r="AB27" s="1434"/>
      <c r="AC27" s="1434"/>
      <c r="AD27" s="1434"/>
      <c r="AE27" s="1434"/>
      <c r="AF27" s="1434"/>
      <c r="AG27" s="1434"/>
      <c r="AH27" s="1434"/>
      <c r="AI27" s="1436"/>
    </row>
    <row r="28" spans="1:35" ht="22.5" customHeight="1" x14ac:dyDescent="0.2">
      <c r="A28" s="1437" t="s">
        <v>469</v>
      </c>
      <c r="B28" s="1437"/>
      <c r="C28" s="1437"/>
      <c r="D28" s="1437"/>
      <c r="E28" s="1437"/>
      <c r="F28" s="1437"/>
      <c r="G28" s="1437"/>
      <c r="H28" s="1437"/>
      <c r="I28" s="1437"/>
      <c r="J28" s="1437"/>
      <c r="K28" s="1437"/>
      <c r="L28" s="1437"/>
      <c r="M28" s="1437"/>
      <c r="N28" s="1437"/>
      <c r="O28" s="1437"/>
      <c r="P28" s="1437"/>
      <c r="Q28" s="1437"/>
      <c r="R28" s="1437"/>
      <c r="S28" s="1437"/>
      <c r="T28" s="1437"/>
      <c r="U28" s="1437"/>
      <c r="V28" s="1437"/>
      <c r="W28" s="1437"/>
      <c r="X28" s="1437"/>
      <c r="Y28" s="1437"/>
      <c r="Z28" s="1437"/>
      <c r="AA28" s="1437"/>
      <c r="AB28" s="1437"/>
      <c r="AC28" s="1437"/>
      <c r="AD28" s="1437"/>
      <c r="AE28" s="1437"/>
      <c r="AF28" s="1437"/>
      <c r="AG28" s="1437"/>
      <c r="AH28" s="1437"/>
      <c r="AI28" s="1437"/>
    </row>
    <row r="29" spans="1:35" ht="22.5" customHeight="1" x14ac:dyDescent="0.2">
      <c r="A29" s="1438"/>
      <c r="B29" s="1438"/>
      <c r="C29" s="1438"/>
      <c r="D29" s="1438"/>
      <c r="E29" s="1438"/>
      <c r="F29" s="1438"/>
      <c r="G29" s="1438"/>
      <c r="H29" s="1438"/>
      <c r="I29" s="1438"/>
      <c r="J29" s="1438"/>
      <c r="K29" s="1438"/>
      <c r="L29" s="1438"/>
      <c r="M29" s="1438"/>
      <c r="N29" s="1438"/>
      <c r="O29" s="1438"/>
      <c r="P29" s="1438"/>
      <c r="Q29" s="1438"/>
      <c r="R29" s="1438"/>
      <c r="S29" s="1438"/>
      <c r="T29" s="1438"/>
      <c r="U29" s="1438"/>
      <c r="V29" s="1438"/>
      <c r="W29" s="1438"/>
      <c r="X29" s="1438"/>
      <c r="Y29" s="1438"/>
      <c r="Z29" s="1438"/>
      <c r="AA29" s="1438"/>
      <c r="AB29" s="1438"/>
      <c r="AC29" s="1438"/>
      <c r="AD29" s="1438"/>
      <c r="AE29" s="1438"/>
      <c r="AF29" s="1438"/>
      <c r="AG29" s="1438"/>
      <c r="AH29" s="1438"/>
      <c r="AI29" s="1438"/>
    </row>
    <row r="30" spans="1:35" ht="22.5" customHeight="1" x14ac:dyDescent="0.2">
      <c r="A30" s="1438"/>
      <c r="B30" s="1438"/>
      <c r="C30" s="1438"/>
      <c r="D30" s="1438"/>
      <c r="E30" s="1438"/>
      <c r="F30" s="1438"/>
      <c r="G30" s="1438"/>
      <c r="H30" s="1438"/>
      <c r="I30" s="1438"/>
      <c r="J30" s="1438"/>
      <c r="K30" s="1438"/>
      <c r="L30" s="1438"/>
      <c r="M30" s="1438"/>
      <c r="N30" s="1438"/>
      <c r="O30" s="1438"/>
      <c r="P30" s="1438"/>
      <c r="Q30" s="1438"/>
      <c r="R30" s="1438"/>
      <c r="S30" s="1438"/>
      <c r="T30" s="1438"/>
      <c r="U30" s="1438"/>
      <c r="V30" s="1438"/>
      <c r="W30" s="1438"/>
      <c r="X30" s="1438"/>
      <c r="Y30" s="1438"/>
      <c r="Z30" s="1438"/>
      <c r="AA30" s="1438"/>
      <c r="AB30" s="1438"/>
      <c r="AC30" s="1438"/>
      <c r="AD30" s="1438"/>
      <c r="AE30" s="1438"/>
      <c r="AF30" s="1438"/>
      <c r="AG30" s="1438"/>
      <c r="AH30" s="1438"/>
      <c r="AI30" s="1438"/>
    </row>
  </sheetData>
  <customSheetViews>
    <customSheetView guid="{FA98832E-F01A-4598-9960-E27C2FDAB118}" showPageBreaks="1" view="pageBreakPreview">
      <selection activeCell="J20" sqref="J20"/>
      <pageMargins left="0.63" right="0.39370078740157483" top="0.77" bottom="0.35433070866141736" header="0.31496062992125984" footer="0.27559055118110237"/>
      <printOptions horizontalCentered="1"/>
      <pageSetup paperSize="9" orientation="portrait" r:id="rId1"/>
      <headerFooter alignWithMargins="0"/>
    </customSheetView>
    <customSheetView guid="{8494577A-77FB-45FD-BD2B-C737BCFAD5B3}" showPageBreaks="1" view="pageBreakPreview">
      <selection activeCell="J20" sqref="J20"/>
      <pageMargins left="0.63" right="0.39370078740157483" top="0.77" bottom="0.35433070866141736" header="0.31496062992125984" footer="0.27559055118110237"/>
      <printOptions horizontalCentered="1"/>
      <pageSetup paperSize="9" orientation="portrait" r:id="rId2"/>
      <headerFooter alignWithMargins="0"/>
    </customSheetView>
  </customSheetViews>
  <mergeCells count="75">
    <mergeCell ref="A28:AI30"/>
    <mergeCell ref="B25:Q25"/>
    <mergeCell ref="R25:W25"/>
    <mergeCell ref="X25:AD25"/>
    <mergeCell ref="AE25:AI25"/>
    <mergeCell ref="B26:Q26"/>
    <mergeCell ref="B27:Q27"/>
    <mergeCell ref="R27:W27"/>
    <mergeCell ref="X27:AD27"/>
    <mergeCell ref="AE27:AI27"/>
    <mergeCell ref="R26:W26"/>
    <mergeCell ref="X26:AD26"/>
    <mergeCell ref="AE26:AI26"/>
    <mergeCell ref="B23:Q23"/>
    <mergeCell ref="R23:W23"/>
    <mergeCell ref="X23:AD23"/>
    <mergeCell ref="AE23:AI23"/>
    <mergeCell ref="B24:Q24"/>
    <mergeCell ref="R24:W24"/>
    <mergeCell ref="X24:AD24"/>
    <mergeCell ref="AE24:AI24"/>
    <mergeCell ref="B21:Q21"/>
    <mergeCell ref="R21:W21"/>
    <mergeCell ref="X21:AD21"/>
    <mergeCell ref="AE21:AI21"/>
    <mergeCell ref="B22:Q22"/>
    <mergeCell ref="R22:W22"/>
    <mergeCell ref="X22:AD22"/>
    <mergeCell ref="AE22:AI22"/>
    <mergeCell ref="B20:Q20"/>
    <mergeCell ref="R20:W20"/>
    <mergeCell ref="X20:AD20"/>
    <mergeCell ref="AE20:AI20"/>
    <mergeCell ref="B19:Q19"/>
    <mergeCell ref="R19:W19"/>
    <mergeCell ref="X19:AD19"/>
    <mergeCell ref="AE19:AI19"/>
    <mergeCell ref="B18:Q18"/>
    <mergeCell ref="R18:W18"/>
    <mergeCell ref="X18:AD18"/>
    <mergeCell ref="AE18:AI18"/>
    <mergeCell ref="B17:Q17"/>
    <mergeCell ref="R17:W17"/>
    <mergeCell ref="X17:AD17"/>
    <mergeCell ref="AE17:AI17"/>
    <mergeCell ref="B16:Q16"/>
    <mergeCell ref="R16:W16"/>
    <mergeCell ref="X16:AD16"/>
    <mergeCell ref="AE16:AI16"/>
    <mergeCell ref="B15:Q15"/>
    <mergeCell ref="R15:W15"/>
    <mergeCell ref="X15:AD15"/>
    <mergeCell ref="AE15:AI15"/>
    <mergeCell ref="B13:Q13"/>
    <mergeCell ref="R13:W13"/>
    <mergeCell ref="X13:AD13"/>
    <mergeCell ref="AE13:AI13"/>
    <mergeCell ref="B14:Q14"/>
    <mergeCell ref="R14:W14"/>
    <mergeCell ref="X14:AD14"/>
    <mergeCell ref="AE14:AI14"/>
    <mergeCell ref="A1:AI1"/>
    <mergeCell ref="A2:AI2"/>
    <mergeCell ref="A4:Q4"/>
    <mergeCell ref="R4:AI4"/>
    <mergeCell ref="B5:Q5"/>
    <mergeCell ref="R5:AI5"/>
    <mergeCell ref="A8:Q12"/>
    <mergeCell ref="R8:W12"/>
    <mergeCell ref="X8:AD12"/>
    <mergeCell ref="AE8:AI12"/>
    <mergeCell ref="A6:Q6"/>
    <mergeCell ref="R6:AI6"/>
    <mergeCell ref="A7:Q7"/>
    <mergeCell ref="R7:AI7"/>
  </mergeCells>
  <phoneticPr fontId="6"/>
  <printOptions horizontalCentered="1"/>
  <pageMargins left="0.63" right="0.39370078740157483" top="0.77" bottom="0.35433070866141736" header="0.31496062992125984" footer="0.27559055118110237"/>
  <pageSetup paperSize="9" orientation="portrait" r:id="rId3"/>
  <headerFooter alignWithMargins="0"/>
  <drawing r:id="rId4"/>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O18"/>
  <sheetViews>
    <sheetView zoomScaleNormal="100" workbookViewId="0">
      <selection activeCell="J20" sqref="J20"/>
    </sheetView>
  </sheetViews>
  <sheetFormatPr defaultRowHeight="13.2" x14ac:dyDescent="0.2"/>
  <cols>
    <col min="1" max="1" width="4.6640625" customWidth="1"/>
    <col min="2" max="2" width="24.21875" customWidth="1"/>
    <col min="3" max="3" width="6.77734375" customWidth="1"/>
    <col min="4" max="5" width="21.21875" customWidth="1"/>
    <col min="6" max="6" width="3.109375" customWidth="1"/>
    <col min="7" max="7" width="4" customWidth="1"/>
    <col min="8" max="8" width="2.44140625" customWidth="1"/>
  </cols>
  <sheetData>
    <row r="1" spans="1:15" ht="27.75" customHeight="1" x14ac:dyDescent="0.2">
      <c r="A1" s="244" t="s">
        <v>274</v>
      </c>
      <c r="B1" s="109"/>
      <c r="C1" s="109"/>
      <c r="D1" s="109"/>
      <c r="E1" s="109"/>
      <c r="F1" s="109"/>
      <c r="G1" s="109"/>
      <c r="H1" s="132"/>
      <c r="I1" s="106"/>
      <c r="J1" s="106"/>
      <c r="K1" s="106"/>
      <c r="L1" s="106"/>
      <c r="M1" s="106"/>
      <c r="N1" s="106"/>
      <c r="O1" s="106"/>
    </row>
    <row r="2" spans="1:15" ht="27.75" customHeight="1" x14ac:dyDescent="0.2">
      <c r="A2" s="14"/>
      <c r="E2" s="1496" t="s">
        <v>709</v>
      </c>
      <c r="F2" s="1496"/>
    </row>
    <row r="3" spans="1:15" ht="36" customHeight="1" x14ac:dyDescent="0.2">
      <c r="A3" s="1428" t="s">
        <v>64</v>
      </c>
      <c r="B3" s="1428"/>
      <c r="C3" s="1428"/>
      <c r="D3" s="1428"/>
      <c r="E3" s="1428"/>
      <c r="F3" s="1428"/>
    </row>
    <row r="4" spans="1:15" ht="36" customHeight="1" x14ac:dyDescent="0.2">
      <c r="A4" s="12"/>
      <c r="B4" s="12"/>
      <c r="C4" s="12"/>
      <c r="D4" s="12"/>
      <c r="E4" s="12"/>
      <c r="F4" s="12"/>
    </row>
    <row r="5" spans="1:15" ht="36" customHeight="1" x14ac:dyDescent="0.2">
      <c r="A5" s="12"/>
      <c r="B5" s="22" t="s">
        <v>60</v>
      </c>
      <c r="C5" s="16"/>
      <c r="D5" s="17"/>
      <c r="E5" s="17"/>
      <c r="F5" s="18"/>
    </row>
    <row r="6" spans="1:15" ht="46.5" customHeight="1" x14ac:dyDescent="0.2">
      <c r="B6" s="26" t="s">
        <v>46</v>
      </c>
      <c r="C6" s="1491" t="s">
        <v>70</v>
      </c>
      <c r="D6" s="1491"/>
      <c r="E6" s="1491"/>
      <c r="F6" s="1492"/>
    </row>
    <row r="7" spans="1:15" ht="46.5" customHeight="1" x14ac:dyDescent="0.2">
      <c r="B7" s="1493" t="s">
        <v>65</v>
      </c>
      <c r="C7" s="31">
        <v>1</v>
      </c>
      <c r="D7" s="29" t="s">
        <v>66</v>
      </c>
      <c r="E7" s="23"/>
      <c r="F7" s="24"/>
    </row>
    <row r="8" spans="1:15" ht="46.5" customHeight="1" x14ac:dyDescent="0.2">
      <c r="B8" s="1494"/>
      <c r="C8" s="31">
        <v>2</v>
      </c>
      <c r="D8" s="29" t="s">
        <v>67</v>
      </c>
      <c r="E8" s="23"/>
      <c r="F8" s="24"/>
    </row>
    <row r="9" spans="1:15" ht="46.5" customHeight="1" x14ac:dyDescent="0.2">
      <c r="B9" s="1495"/>
      <c r="C9" s="32">
        <v>3</v>
      </c>
      <c r="D9" s="30" t="s">
        <v>68</v>
      </c>
      <c r="E9" s="4"/>
      <c r="F9" s="5"/>
    </row>
    <row r="10" spans="1:15" x14ac:dyDescent="0.2">
      <c r="B10" s="26"/>
      <c r="C10" s="6"/>
      <c r="D10" s="6"/>
      <c r="E10" s="6"/>
      <c r="F10" s="7"/>
    </row>
    <row r="11" spans="1:15" ht="29.25" customHeight="1" x14ac:dyDescent="0.2">
      <c r="B11" s="27" t="s">
        <v>71</v>
      </c>
      <c r="C11" s="2"/>
      <c r="D11" s="8" t="s">
        <v>69</v>
      </c>
      <c r="E11" s="33"/>
      <c r="F11" s="3"/>
    </row>
    <row r="12" spans="1:15" x14ac:dyDescent="0.2">
      <c r="B12" s="28"/>
      <c r="C12" s="4"/>
      <c r="D12" s="4"/>
      <c r="E12" s="4"/>
      <c r="F12" s="5"/>
    </row>
    <row r="15" spans="1:15" ht="24.75" customHeight="1" x14ac:dyDescent="0.2">
      <c r="B15" t="s">
        <v>58</v>
      </c>
    </row>
    <row r="16" spans="1:15" ht="24.75" customHeight="1" x14ac:dyDescent="0.2">
      <c r="B16" t="s">
        <v>72</v>
      </c>
    </row>
    <row r="17" spans="2:2" ht="28.5" customHeight="1" x14ac:dyDescent="0.2">
      <c r="B17" s="25" t="s">
        <v>73</v>
      </c>
    </row>
    <row r="18" spans="2:2" ht="24" customHeight="1" x14ac:dyDescent="0.2">
      <c r="B18" s="15" t="s">
        <v>74</v>
      </c>
    </row>
  </sheetData>
  <customSheetViews>
    <customSheetView guid="{FA98832E-F01A-4598-9960-E27C2FDAB118}">
      <selection activeCell="J20" sqref="J20"/>
      <pageMargins left="0.55118110236220474" right="0.70866141732283472" top="0.98425196850393704" bottom="0.98425196850393704" header="0.51181102362204722" footer="0.51181102362204722"/>
      <printOptions horizontalCentered="1"/>
      <pageSetup paperSize="9" orientation="portrait" horizontalDpi="300" verticalDpi="300" r:id="rId1"/>
      <headerFooter alignWithMargins="0"/>
    </customSheetView>
    <customSheetView guid="{8494577A-77FB-45FD-BD2B-C737BCFAD5B3}">
      <selection activeCell="J20" sqref="J20"/>
      <pageMargins left="0.55118110236220474" right="0.70866141732283472" top="0.98425196850393704" bottom="0.98425196850393704" header="0.51181102362204722" footer="0.51181102362204722"/>
      <printOptions horizontalCentered="1"/>
      <pageSetup paperSize="9" orientation="portrait" horizontalDpi="300" verticalDpi="300" r:id="rId2"/>
      <headerFooter alignWithMargins="0"/>
    </customSheetView>
  </customSheetViews>
  <mergeCells count="4">
    <mergeCell ref="C6:F6"/>
    <mergeCell ref="A3:F3"/>
    <mergeCell ref="B7:B9"/>
    <mergeCell ref="E2:F2"/>
  </mergeCells>
  <phoneticPr fontId="6"/>
  <printOptions horizontalCentered="1"/>
  <pageMargins left="0.55118110236220474" right="0.70866141732283472" top="0.98425196850393704" bottom="0.98425196850393704" header="0.51181102362204722" footer="0.51181102362204722"/>
  <pageSetup paperSize="9" orientation="portrait" horizontalDpi="300" verticalDpi="300" r:id="rId3"/>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H16"/>
  <sheetViews>
    <sheetView zoomScale="90" zoomScaleNormal="90" workbookViewId="0">
      <selection activeCell="J20" sqref="J20"/>
    </sheetView>
  </sheetViews>
  <sheetFormatPr defaultRowHeight="13.2" x14ac:dyDescent="0.2"/>
  <cols>
    <col min="1" max="1" width="1" customWidth="1"/>
    <col min="2" max="2" width="22" customWidth="1"/>
    <col min="3" max="3" width="2.6640625" customWidth="1"/>
    <col min="4" max="6" width="19.33203125" customWidth="1"/>
    <col min="7" max="7" width="2.6640625" customWidth="1"/>
    <col min="8" max="8" width="1.109375" customWidth="1"/>
  </cols>
  <sheetData>
    <row r="1" spans="1:8" ht="27.75" customHeight="1" x14ac:dyDescent="0.2">
      <c r="A1" s="244" t="s">
        <v>275</v>
      </c>
      <c r="B1" s="106"/>
      <c r="C1" s="106"/>
      <c r="D1" s="106"/>
      <c r="E1" s="106"/>
      <c r="F1" s="106"/>
      <c r="G1" s="106"/>
      <c r="H1" s="106"/>
    </row>
    <row r="2" spans="1:8" ht="27.75" customHeight="1" x14ac:dyDescent="0.2">
      <c r="A2" s="14"/>
      <c r="F2" s="1496" t="s">
        <v>709</v>
      </c>
      <c r="G2" s="1496"/>
    </row>
    <row r="3" spans="1:8" ht="36" customHeight="1" x14ac:dyDescent="0.2">
      <c r="A3" s="1428" t="s">
        <v>75</v>
      </c>
      <c r="B3" s="1428"/>
      <c r="C3" s="1428"/>
      <c r="D3" s="1428"/>
      <c r="E3" s="1428"/>
      <c r="F3" s="1428"/>
      <c r="G3" s="1428"/>
    </row>
    <row r="4" spans="1:8" ht="36" customHeight="1" x14ac:dyDescent="0.2">
      <c r="A4" s="12"/>
      <c r="B4" s="12"/>
      <c r="C4" s="12"/>
      <c r="D4" s="12"/>
      <c r="E4" s="12"/>
      <c r="F4" s="12"/>
      <c r="G4" s="12"/>
    </row>
    <row r="5" spans="1:8" ht="36" customHeight="1" x14ac:dyDescent="0.2">
      <c r="A5" s="12"/>
      <c r="B5" s="145" t="s">
        <v>60</v>
      </c>
      <c r="C5" s="16"/>
      <c r="D5" s="17"/>
      <c r="E5" s="17"/>
      <c r="F5" s="17"/>
      <c r="G5" s="18"/>
    </row>
    <row r="6" spans="1:8" ht="46.5" customHeight="1" x14ac:dyDescent="0.2">
      <c r="B6" s="50" t="s">
        <v>46</v>
      </c>
      <c r="C6" s="1491" t="s">
        <v>62</v>
      </c>
      <c r="D6" s="1491"/>
      <c r="E6" s="1491"/>
      <c r="F6" s="1491"/>
      <c r="G6" s="1492"/>
    </row>
    <row r="7" spans="1:8" x14ac:dyDescent="0.2">
      <c r="B7" s="13"/>
      <c r="C7" s="6"/>
      <c r="D7" s="6"/>
      <c r="E7" s="6"/>
      <c r="F7" s="6"/>
      <c r="G7" s="7"/>
    </row>
    <row r="8" spans="1:8" ht="29.25" customHeight="1" x14ac:dyDescent="0.2">
      <c r="B8" s="148" t="s">
        <v>205</v>
      </c>
      <c r="C8" s="2"/>
      <c r="D8" s="9" t="s">
        <v>78</v>
      </c>
      <c r="E8" s="9" t="s">
        <v>76</v>
      </c>
      <c r="F8" s="19"/>
      <c r="G8" s="3"/>
    </row>
    <row r="9" spans="1:8" ht="29.25" customHeight="1" x14ac:dyDescent="0.2">
      <c r="B9" s="10"/>
      <c r="C9" s="2"/>
      <c r="D9" s="20" t="s">
        <v>69</v>
      </c>
      <c r="E9" s="35" t="s">
        <v>77</v>
      </c>
      <c r="F9" s="34"/>
      <c r="G9" s="3"/>
    </row>
    <row r="10" spans="1:8" x14ac:dyDescent="0.2">
      <c r="B10" s="11"/>
      <c r="C10" s="4"/>
      <c r="D10" s="4"/>
      <c r="E10" s="4"/>
      <c r="F10" s="4"/>
      <c r="G10" s="5"/>
    </row>
    <row r="11" spans="1:8" ht="9.75" customHeight="1" x14ac:dyDescent="0.2"/>
    <row r="12" spans="1:8" s="36" customFormat="1" ht="19.5" customHeight="1" x14ac:dyDescent="0.2">
      <c r="B12" s="36" t="s">
        <v>204</v>
      </c>
    </row>
    <row r="13" spans="1:8" s="36" customFormat="1" ht="19.5" customHeight="1" x14ac:dyDescent="0.2">
      <c r="B13" s="37" t="s">
        <v>366</v>
      </c>
    </row>
    <row r="14" spans="1:8" s="36" customFormat="1" ht="19.5" customHeight="1" x14ac:dyDescent="0.2">
      <c r="B14" s="51" t="s">
        <v>367</v>
      </c>
    </row>
    <row r="15" spans="1:8" s="36" customFormat="1" ht="19.5" customHeight="1" x14ac:dyDescent="0.2">
      <c r="B15" s="36" t="s">
        <v>37</v>
      </c>
    </row>
    <row r="16" spans="1:8" s="36" customFormat="1" ht="19.5" customHeight="1" x14ac:dyDescent="0.2"/>
  </sheetData>
  <customSheetViews>
    <customSheetView guid="{FA98832E-F01A-4598-9960-E27C2FDAB118}" scale="90">
      <selection activeCell="J20" sqref="J20"/>
      <pageMargins left="0.78740157480314965" right="0.57999999999999996" top="0.98425196850393704" bottom="0.98425196850393704" header="0.51181102362204722" footer="0.51181102362204722"/>
      <printOptions horizontalCentered="1"/>
      <pageSetup paperSize="9" orientation="portrait" horizontalDpi="300" verticalDpi="300" r:id="rId1"/>
      <headerFooter alignWithMargins="0"/>
    </customSheetView>
    <customSheetView guid="{8494577A-77FB-45FD-BD2B-C737BCFAD5B3}" scale="90">
      <selection activeCell="J20" sqref="J20"/>
      <pageMargins left="0.78740157480314965" right="0.57999999999999996" top="0.98425196850393704" bottom="0.98425196850393704" header="0.51181102362204722" footer="0.51181102362204722"/>
      <printOptions horizontalCentered="1"/>
      <pageSetup paperSize="9" orientation="portrait" horizontalDpi="300" verticalDpi="300" r:id="rId2"/>
      <headerFooter alignWithMargins="0"/>
    </customSheetView>
  </customSheetViews>
  <mergeCells count="3">
    <mergeCell ref="C6:G6"/>
    <mergeCell ref="A3:G3"/>
    <mergeCell ref="F2:G2"/>
  </mergeCells>
  <phoneticPr fontId="6"/>
  <printOptions horizontalCentered="1"/>
  <pageMargins left="0.78740157480314965" right="0.57999999999999996" top="0.98425196850393704" bottom="0.98425196850393704" header="0.51181102362204722" footer="0.51181102362204722"/>
  <pageSetup paperSize="9" orientation="portrait" horizontalDpi="300" verticalDpi="300" r:id="rId3"/>
  <headerFooter alignWithMargins="0"/>
  <drawing r:id="rId4"/>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H32"/>
  <sheetViews>
    <sheetView view="pageBreakPreview" zoomScaleNormal="100" zoomScaleSheetLayoutView="100" workbookViewId="0">
      <selection activeCell="J6" sqref="J6"/>
    </sheetView>
  </sheetViews>
  <sheetFormatPr defaultColWidth="9" defaultRowHeight="13.2" x14ac:dyDescent="0.2"/>
  <cols>
    <col min="1" max="1" width="11.21875" style="56" customWidth="1"/>
    <col min="2" max="2" width="19.33203125" style="56" customWidth="1"/>
    <col min="3" max="3" width="12.88671875" style="56" customWidth="1"/>
    <col min="4" max="7" width="11.21875" style="56" customWidth="1"/>
    <col min="8" max="8" width="18" style="56" customWidth="1"/>
    <col min="9" max="256" width="9" style="56"/>
    <col min="257" max="264" width="11.21875" style="56" customWidth="1"/>
    <col min="265" max="512" width="9" style="56"/>
    <col min="513" max="520" width="11.21875" style="56" customWidth="1"/>
    <col min="521" max="768" width="9" style="56"/>
    <col min="769" max="776" width="11.21875" style="56" customWidth="1"/>
    <col min="777" max="1024" width="9" style="56"/>
    <col min="1025" max="1032" width="11.21875" style="56" customWidth="1"/>
    <col min="1033" max="1280" width="9" style="56"/>
    <col min="1281" max="1288" width="11.21875" style="56" customWidth="1"/>
    <col min="1289" max="1536" width="9" style="56"/>
    <col min="1537" max="1544" width="11.21875" style="56" customWidth="1"/>
    <col min="1545" max="1792" width="9" style="56"/>
    <col min="1793" max="1800" width="11.21875" style="56" customWidth="1"/>
    <col min="1801" max="2048" width="9" style="56"/>
    <col min="2049" max="2056" width="11.21875" style="56" customWidth="1"/>
    <col min="2057" max="2304" width="9" style="56"/>
    <col min="2305" max="2312" width="11.21875" style="56" customWidth="1"/>
    <col min="2313" max="2560" width="9" style="56"/>
    <col min="2561" max="2568" width="11.21875" style="56" customWidth="1"/>
    <col min="2569" max="2816" width="9" style="56"/>
    <col min="2817" max="2824" width="11.21875" style="56" customWidth="1"/>
    <col min="2825" max="3072" width="9" style="56"/>
    <col min="3073" max="3080" width="11.21875" style="56" customWidth="1"/>
    <col min="3081" max="3328" width="9" style="56"/>
    <col min="3329" max="3336" width="11.21875" style="56" customWidth="1"/>
    <col min="3337" max="3584" width="9" style="56"/>
    <col min="3585" max="3592" width="11.21875" style="56" customWidth="1"/>
    <col min="3593" max="3840" width="9" style="56"/>
    <col min="3841" max="3848" width="11.21875" style="56" customWidth="1"/>
    <col min="3849" max="4096" width="9" style="56"/>
    <col min="4097" max="4104" width="11.21875" style="56" customWidth="1"/>
    <col min="4105" max="4352" width="9" style="56"/>
    <col min="4353" max="4360" width="11.21875" style="56" customWidth="1"/>
    <col min="4361" max="4608" width="9" style="56"/>
    <col min="4609" max="4616" width="11.21875" style="56" customWidth="1"/>
    <col min="4617" max="4864" width="9" style="56"/>
    <col min="4865" max="4872" width="11.21875" style="56" customWidth="1"/>
    <col min="4873" max="5120" width="9" style="56"/>
    <col min="5121" max="5128" width="11.21875" style="56" customWidth="1"/>
    <col min="5129" max="5376" width="9" style="56"/>
    <col min="5377" max="5384" width="11.21875" style="56" customWidth="1"/>
    <col min="5385" max="5632" width="9" style="56"/>
    <col min="5633" max="5640" width="11.21875" style="56" customWidth="1"/>
    <col min="5641" max="5888" width="9" style="56"/>
    <col min="5889" max="5896" width="11.21875" style="56" customWidth="1"/>
    <col min="5897" max="6144" width="9" style="56"/>
    <col min="6145" max="6152" width="11.21875" style="56" customWidth="1"/>
    <col min="6153" max="6400" width="9" style="56"/>
    <col min="6401" max="6408" width="11.21875" style="56" customWidth="1"/>
    <col min="6409" max="6656" width="9" style="56"/>
    <col min="6657" max="6664" width="11.21875" style="56" customWidth="1"/>
    <col min="6665" max="6912" width="9" style="56"/>
    <col min="6913" max="6920" width="11.21875" style="56" customWidth="1"/>
    <col min="6921" max="7168" width="9" style="56"/>
    <col min="7169" max="7176" width="11.21875" style="56" customWidth="1"/>
    <col min="7177" max="7424" width="9" style="56"/>
    <col min="7425" max="7432" width="11.21875" style="56" customWidth="1"/>
    <col min="7433" max="7680" width="9" style="56"/>
    <col min="7681" max="7688" width="11.21875" style="56" customWidth="1"/>
    <col min="7689" max="7936" width="9" style="56"/>
    <col min="7937" max="7944" width="11.21875" style="56" customWidth="1"/>
    <col min="7945" max="8192" width="9" style="56"/>
    <col min="8193" max="8200" width="11.21875" style="56" customWidth="1"/>
    <col min="8201" max="8448" width="9" style="56"/>
    <col min="8449" max="8456" width="11.21875" style="56" customWidth="1"/>
    <col min="8457" max="8704" width="9" style="56"/>
    <col min="8705" max="8712" width="11.21875" style="56" customWidth="1"/>
    <col min="8713" max="8960" width="9" style="56"/>
    <col min="8961" max="8968" width="11.21875" style="56" customWidth="1"/>
    <col min="8969" max="9216" width="9" style="56"/>
    <col min="9217" max="9224" width="11.21875" style="56" customWidth="1"/>
    <col min="9225" max="9472" width="9" style="56"/>
    <col min="9473" max="9480" width="11.21875" style="56" customWidth="1"/>
    <col min="9481" max="9728" width="9" style="56"/>
    <col min="9729" max="9736" width="11.21875" style="56" customWidth="1"/>
    <col min="9737" max="9984" width="9" style="56"/>
    <col min="9985" max="9992" width="11.21875" style="56" customWidth="1"/>
    <col min="9993" max="10240" width="9" style="56"/>
    <col min="10241" max="10248" width="11.21875" style="56" customWidth="1"/>
    <col min="10249" max="10496" width="9" style="56"/>
    <col min="10497" max="10504" width="11.21875" style="56" customWidth="1"/>
    <col min="10505" max="10752" width="9" style="56"/>
    <col min="10753" max="10760" width="11.21875" style="56" customWidth="1"/>
    <col min="10761" max="11008" width="9" style="56"/>
    <col min="11009" max="11016" width="11.21875" style="56" customWidth="1"/>
    <col min="11017" max="11264" width="9" style="56"/>
    <col min="11265" max="11272" width="11.21875" style="56" customWidth="1"/>
    <col min="11273" max="11520" width="9" style="56"/>
    <col min="11521" max="11528" width="11.21875" style="56" customWidth="1"/>
    <col min="11529" max="11776" width="9" style="56"/>
    <col min="11777" max="11784" width="11.21875" style="56" customWidth="1"/>
    <col min="11785" max="12032" width="9" style="56"/>
    <col min="12033" max="12040" width="11.21875" style="56" customWidth="1"/>
    <col min="12041" max="12288" width="9" style="56"/>
    <col min="12289" max="12296" width="11.21875" style="56" customWidth="1"/>
    <col min="12297" max="12544" width="9" style="56"/>
    <col min="12545" max="12552" width="11.21875" style="56" customWidth="1"/>
    <col min="12553" max="12800" width="9" style="56"/>
    <col min="12801" max="12808" width="11.21875" style="56" customWidth="1"/>
    <col min="12809" max="13056" width="9" style="56"/>
    <col min="13057" max="13064" width="11.21875" style="56" customWidth="1"/>
    <col min="13065" max="13312" width="9" style="56"/>
    <col min="13313" max="13320" width="11.21875" style="56" customWidth="1"/>
    <col min="13321" max="13568" width="9" style="56"/>
    <col min="13569" max="13576" width="11.21875" style="56" customWidth="1"/>
    <col min="13577" max="13824" width="9" style="56"/>
    <col min="13825" max="13832" width="11.21875" style="56" customWidth="1"/>
    <col min="13833" max="14080" width="9" style="56"/>
    <col min="14081" max="14088" width="11.21875" style="56" customWidth="1"/>
    <col min="14089" max="14336" width="9" style="56"/>
    <col min="14337" max="14344" width="11.21875" style="56" customWidth="1"/>
    <col min="14345" max="14592" width="9" style="56"/>
    <col min="14593" max="14600" width="11.21875" style="56" customWidth="1"/>
    <col min="14601" max="14848" width="9" style="56"/>
    <col min="14849" max="14856" width="11.21875" style="56" customWidth="1"/>
    <col min="14857" max="15104" width="9" style="56"/>
    <col min="15105" max="15112" width="11.21875" style="56" customWidth="1"/>
    <col min="15113" max="15360" width="9" style="56"/>
    <col min="15361" max="15368" width="11.21875" style="56" customWidth="1"/>
    <col min="15369" max="15616" width="9" style="56"/>
    <col min="15617" max="15624" width="11.21875" style="56" customWidth="1"/>
    <col min="15625" max="15872" width="9" style="56"/>
    <col min="15873" max="15880" width="11.21875" style="56" customWidth="1"/>
    <col min="15881" max="16128" width="9" style="56"/>
    <col min="16129" max="16136" width="11.21875" style="56" customWidth="1"/>
    <col min="16137" max="16384" width="9" style="56"/>
  </cols>
  <sheetData>
    <row r="1" spans="1:8" ht="20.100000000000001" customHeight="1" x14ac:dyDescent="0.2">
      <c r="A1" s="532" t="s">
        <v>1368</v>
      </c>
    </row>
    <row r="2" spans="1:8" ht="20.100000000000001" customHeight="1" x14ac:dyDescent="0.2">
      <c r="F2" s="1498" t="s">
        <v>1341</v>
      </c>
      <c r="G2" s="1498"/>
      <c r="H2" s="1498"/>
    </row>
    <row r="3" spans="1:8" ht="20.100000000000001" customHeight="1" x14ac:dyDescent="0.2"/>
    <row r="4" spans="1:8" s="69" customFormat="1" ht="20.100000000000001" customHeight="1" x14ac:dyDescent="0.2">
      <c r="A4" s="1499" t="s">
        <v>1342</v>
      </c>
      <c r="B4" s="1305"/>
      <c r="C4" s="1305"/>
      <c r="D4" s="1305"/>
      <c r="E4" s="1305"/>
      <c r="F4" s="1305"/>
      <c r="G4" s="1305"/>
      <c r="H4" s="1305"/>
    </row>
    <row r="5" spans="1:8" ht="20.100000000000001" customHeight="1" x14ac:dyDescent="0.2">
      <c r="A5" s="775"/>
      <c r="B5" s="775"/>
      <c r="C5" s="775"/>
      <c r="D5" s="775"/>
      <c r="E5" s="775"/>
      <c r="F5" s="775"/>
      <c r="G5" s="775"/>
      <c r="H5" s="775"/>
    </row>
    <row r="6" spans="1:8" ht="45" customHeight="1" x14ac:dyDescent="0.2">
      <c r="A6" s="1500" t="s">
        <v>60</v>
      </c>
      <c r="B6" s="1500"/>
      <c r="C6" s="1501"/>
      <c r="D6" s="1502"/>
      <c r="E6" s="1502"/>
      <c r="F6" s="1502"/>
      <c r="G6" s="1502"/>
      <c r="H6" s="1503"/>
    </row>
    <row r="7" spans="1:8" ht="45" customHeight="1" x14ac:dyDescent="0.2">
      <c r="A7" s="1504" t="s">
        <v>1343</v>
      </c>
      <c r="B7" s="1504"/>
      <c r="C7" s="1500" t="s">
        <v>1344</v>
      </c>
      <c r="D7" s="1500"/>
      <c r="E7" s="1500"/>
      <c r="F7" s="1500"/>
      <c r="G7" s="1500"/>
      <c r="H7" s="1500"/>
    </row>
    <row r="8" spans="1:8" ht="26.25" customHeight="1" x14ac:dyDescent="0.2">
      <c r="A8" s="1526" t="s">
        <v>1345</v>
      </c>
      <c r="B8" s="1527"/>
      <c r="C8" s="1532" t="s">
        <v>1346</v>
      </c>
      <c r="D8" s="1533"/>
      <c r="E8" s="1311" t="s">
        <v>1347</v>
      </c>
      <c r="F8" s="1312"/>
      <c r="G8" s="1313"/>
      <c r="H8" s="776"/>
    </row>
    <row r="9" spans="1:8" ht="26.25" customHeight="1" x14ac:dyDescent="0.2">
      <c r="A9" s="1528"/>
      <c r="B9" s="1529"/>
      <c r="C9" s="1497" t="s">
        <v>1348</v>
      </c>
      <c r="D9" s="1497"/>
      <c r="E9" s="1311" t="s">
        <v>1349</v>
      </c>
      <c r="F9" s="1312"/>
      <c r="G9" s="1313"/>
      <c r="H9" s="776"/>
    </row>
    <row r="10" spans="1:8" ht="26.25" customHeight="1" x14ac:dyDescent="0.2">
      <c r="A10" s="1528"/>
      <c r="B10" s="1529"/>
      <c r="C10" s="1497" t="s">
        <v>1350</v>
      </c>
      <c r="D10" s="1497"/>
      <c r="E10" s="1311" t="s">
        <v>1351</v>
      </c>
      <c r="F10" s="1312"/>
      <c r="G10" s="1313"/>
      <c r="H10" s="776"/>
    </row>
    <row r="11" spans="1:8" ht="26.25" customHeight="1" x14ac:dyDescent="0.2">
      <c r="A11" s="1528"/>
      <c r="B11" s="1529"/>
      <c r="C11" s="1497" t="s">
        <v>1352</v>
      </c>
      <c r="D11" s="1497"/>
      <c r="E11" s="1311" t="s">
        <v>1353</v>
      </c>
      <c r="F11" s="1312"/>
      <c r="G11" s="1313"/>
      <c r="H11" s="776"/>
    </row>
    <row r="12" spans="1:8" ht="26.25" customHeight="1" x14ac:dyDescent="0.2">
      <c r="A12" s="1530"/>
      <c r="B12" s="1531"/>
      <c r="C12" s="1497" t="s">
        <v>1354</v>
      </c>
      <c r="D12" s="1497"/>
      <c r="E12" s="1311" t="s">
        <v>1355</v>
      </c>
      <c r="F12" s="1312"/>
      <c r="G12" s="1313"/>
      <c r="H12" s="776"/>
    </row>
    <row r="13" spans="1:8" ht="14.25" customHeight="1" thickBot="1" x14ac:dyDescent="0.25">
      <c r="A13" s="777"/>
      <c r="B13" s="777"/>
      <c r="C13" s="777"/>
      <c r="D13" s="777"/>
      <c r="E13" s="777"/>
      <c r="F13" s="777"/>
      <c r="G13" s="775"/>
      <c r="H13" s="777"/>
    </row>
    <row r="14" spans="1:8" ht="45" customHeight="1" thickTop="1" x14ac:dyDescent="0.2">
      <c r="A14" s="1509" t="s">
        <v>1356</v>
      </c>
      <c r="B14" s="1510"/>
      <c r="C14" s="778" t="s">
        <v>220</v>
      </c>
      <c r="D14" s="779"/>
      <c r="E14" s="780" t="s">
        <v>69</v>
      </c>
      <c r="F14" s="1515" t="s">
        <v>1357</v>
      </c>
      <c r="G14" s="1516"/>
      <c r="H14" s="1521" t="s">
        <v>1358</v>
      </c>
    </row>
    <row r="15" spans="1:8" ht="45" customHeight="1" x14ac:dyDescent="0.2">
      <c r="A15" s="1511"/>
      <c r="B15" s="1512"/>
      <c r="C15" s="778" t="s">
        <v>56</v>
      </c>
      <c r="D15" s="781"/>
      <c r="E15" s="782" t="s">
        <v>69</v>
      </c>
      <c r="F15" s="1517"/>
      <c r="G15" s="1518"/>
      <c r="H15" s="1522"/>
    </row>
    <row r="16" spans="1:8" ht="45" customHeight="1" thickBot="1" x14ac:dyDescent="0.25">
      <c r="A16" s="1513"/>
      <c r="B16" s="1514"/>
      <c r="C16" s="783" t="s">
        <v>221</v>
      </c>
      <c r="D16" s="784"/>
      <c r="E16" s="785" t="s">
        <v>69</v>
      </c>
      <c r="F16" s="1519"/>
      <c r="G16" s="1520"/>
      <c r="H16" s="1523"/>
    </row>
    <row r="17" spans="1:8" ht="21" customHeight="1" thickTop="1" x14ac:dyDescent="0.2">
      <c r="A17" s="775"/>
      <c r="B17" s="775"/>
      <c r="C17" s="775"/>
      <c r="D17" s="777"/>
      <c r="E17" s="777"/>
      <c r="F17" s="786"/>
      <c r="G17" s="786"/>
      <c r="H17" s="775"/>
    </row>
    <row r="18" spans="1:8" ht="45" customHeight="1" x14ac:dyDescent="0.2">
      <c r="A18" s="1509" t="s">
        <v>1359</v>
      </c>
      <c r="B18" s="1510"/>
      <c r="C18" s="787" t="s">
        <v>1360</v>
      </c>
      <c r="D18" s="788"/>
      <c r="E18" s="789" t="s">
        <v>69</v>
      </c>
      <c r="F18" s="1524" t="s">
        <v>1361</v>
      </c>
      <c r="G18" s="1524"/>
      <c r="H18" s="1525" t="s">
        <v>1362</v>
      </c>
    </row>
    <row r="19" spans="1:8" ht="51.75" customHeight="1" x14ac:dyDescent="0.2">
      <c r="A19" s="1513"/>
      <c r="B19" s="1514"/>
      <c r="C19" s="790" t="s">
        <v>1363</v>
      </c>
      <c r="D19" s="788"/>
      <c r="E19" s="789" t="s">
        <v>69</v>
      </c>
      <c r="F19" s="1524"/>
      <c r="G19" s="1524"/>
      <c r="H19" s="1505"/>
    </row>
    <row r="20" spans="1:8" ht="15" customHeight="1" x14ac:dyDescent="0.2">
      <c r="A20" s="791"/>
      <c r="B20" s="777"/>
      <c r="C20" s="777"/>
      <c r="D20" s="777"/>
      <c r="E20" s="777"/>
      <c r="F20" s="777"/>
      <c r="G20" s="777"/>
      <c r="H20" s="777"/>
    </row>
    <row r="21" spans="1:8" ht="57.75" customHeight="1" x14ac:dyDescent="0.2">
      <c r="A21" s="1505" t="s">
        <v>1246</v>
      </c>
      <c r="B21" s="1505"/>
      <c r="C21" s="1506" t="s">
        <v>1364</v>
      </c>
      <c r="D21" s="1507"/>
      <c r="E21" s="1507"/>
      <c r="F21" s="1507"/>
      <c r="G21" s="1507"/>
      <c r="H21" s="1508"/>
    </row>
    <row r="22" spans="1:8" ht="15" customHeight="1" x14ac:dyDescent="0.2">
      <c r="A22" s="792"/>
      <c r="B22" s="792"/>
      <c r="C22" s="792"/>
      <c r="D22" s="792"/>
      <c r="E22" s="792"/>
      <c r="F22" s="792"/>
      <c r="G22" s="792"/>
      <c r="H22" s="792"/>
    </row>
    <row r="23" spans="1:8" ht="52.5" customHeight="1" x14ac:dyDescent="0.2">
      <c r="A23" s="1303" t="s">
        <v>1365</v>
      </c>
      <c r="B23" s="1303"/>
      <c r="C23" s="1303"/>
      <c r="D23" s="1303"/>
      <c r="E23" s="1303"/>
      <c r="F23" s="1303"/>
      <c r="G23" s="1303"/>
      <c r="H23" s="1303"/>
    </row>
    <row r="24" spans="1:8" ht="39" customHeight="1" x14ac:dyDescent="0.2">
      <c r="A24" s="1303" t="s">
        <v>1366</v>
      </c>
      <c r="B24" s="1303"/>
      <c r="C24" s="1303"/>
      <c r="D24" s="1303"/>
      <c r="E24" s="1303"/>
      <c r="F24" s="1303"/>
      <c r="G24" s="1303"/>
      <c r="H24" s="1303"/>
    </row>
    <row r="25" spans="1:8" ht="38.25" customHeight="1" x14ac:dyDescent="0.2">
      <c r="A25" s="1303" t="s">
        <v>1367</v>
      </c>
      <c r="B25" s="1303"/>
      <c r="C25" s="1303"/>
      <c r="D25" s="1303"/>
      <c r="E25" s="1303"/>
      <c r="F25" s="1303"/>
      <c r="G25" s="1303"/>
      <c r="H25" s="1303"/>
    </row>
    <row r="26" spans="1:8" ht="19.5" customHeight="1" x14ac:dyDescent="0.2"/>
    <row r="27" spans="1:8" ht="19.5" customHeight="1" x14ac:dyDescent="0.2"/>
    <row r="28" spans="1:8" ht="19.5" customHeight="1" x14ac:dyDescent="0.2"/>
    <row r="31" spans="1:8" ht="17.25" customHeight="1" x14ac:dyDescent="0.2"/>
    <row r="32" spans="1:8" ht="17.25" customHeight="1" x14ac:dyDescent="0.2"/>
  </sheetData>
  <mergeCells count="28">
    <mergeCell ref="A25:H25"/>
    <mergeCell ref="E11:G11"/>
    <mergeCell ref="A21:B21"/>
    <mergeCell ref="C21:H21"/>
    <mergeCell ref="A23:H23"/>
    <mergeCell ref="A24:H24"/>
    <mergeCell ref="A14:B16"/>
    <mergeCell ref="F14:G16"/>
    <mergeCell ref="H14:H16"/>
    <mergeCell ref="A18:B19"/>
    <mergeCell ref="F18:G19"/>
    <mergeCell ref="H18:H19"/>
    <mergeCell ref="C12:D12"/>
    <mergeCell ref="E12:G12"/>
    <mergeCell ref="A8:B12"/>
    <mergeCell ref="C8:D8"/>
    <mergeCell ref="F2:H2"/>
    <mergeCell ref="A4:H4"/>
    <mergeCell ref="A6:B6"/>
    <mergeCell ref="C6:H6"/>
    <mergeCell ref="A7:B7"/>
    <mergeCell ref="C7:H7"/>
    <mergeCell ref="C11:D11"/>
    <mergeCell ref="E8:G8"/>
    <mergeCell ref="C9:D9"/>
    <mergeCell ref="E9:G9"/>
    <mergeCell ref="C10:D10"/>
    <mergeCell ref="E10:G10"/>
  </mergeCells>
  <phoneticPr fontId="6"/>
  <dataValidations count="1">
    <dataValidation type="list" allowBlank="1" showInputMessage="1" showErrorMessage="1" sqref="H8:H12">
      <formula1>"○"</formula1>
    </dataValidation>
  </dataValidations>
  <printOptions horizontalCentered="1" verticalCentered="1"/>
  <pageMargins left="0.39370078740157483" right="0.39370078740157483" top="0.47" bottom="0.3" header="0.32" footer="0.33"/>
  <pageSetup paperSize="9" scale="91" orientation="portrait" blackAndWhite="1" r:id="rId1"/>
  <headerFooter alignWithMargins="0"/>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dimension ref="A1:H52"/>
  <sheetViews>
    <sheetView topLeftCell="A10" zoomScaleNormal="100" zoomScaleSheetLayoutView="100" workbookViewId="0">
      <selection activeCell="J20" sqref="J20"/>
    </sheetView>
  </sheetViews>
  <sheetFormatPr defaultColWidth="9" defaultRowHeight="13.2" x14ac:dyDescent="0.2"/>
  <cols>
    <col min="1" max="1" width="9" style="107"/>
    <col min="2" max="2" width="11.109375" style="107" customWidth="1"/>
    <col min="3" max="6" width="9" style="107"/>
    <col min="7" max="8" width="11.44140625" style="107" customWidth="1"/>
    <col min="9" max="16384" width="9" style="107"/>
  </cols>
  <sheetData>
    <row r="1" spans="1:8" ht="15" customHeight="1" x14ac:dyDescent="0.2">
      <c r="A1" s="243" t="s">
        <v>684</v>
      </c>
      <c r="G1" s="1592" t="s">
        <v>710</v>
      </c>
      <c r="H1" s="1592"/>
    </row>
    <row r="2" spans="1:8" ht="8.25" customHeight="1" x14ac:dyDescent="0.2">
      <c r="G2" s="108"/>
      <c r="H2" s="108"/>
    </row>
    <row r="3" spans="1:8" s="69" customFormat="1" ht="34.5" customHeight="1" x14ac:dyDescent="0.2">
      <c r="A3" s="1593" t="s">
        <v>303</v>
      </c>
      <c r="B3" s="1594"/>
      <c r="C3" s="1594"/>
      <c r="D3" s="1594"/>
      <c r="E3" s="1594"/>
      <c r="F3" s="1594"/>
      <c r="G3" s="1594"/>
      <c r="H3" s="1594"/>
    </row>
    <row r="4" spans="1:8" ht="2.25" customHeight="1" thickBot="1" x14ac:dyDescent="0.25"/>
    <row r="5" spans="1:8" ht="17.25" customHeight="1" thickBot="1" x14ac:dyDescent="0.25">
      <c r="A5" s="1577" t="s">
        <v>215</v>
      </c>
      <c r="B5" s="1578"/>
      <c r="C5" s="1579"/>
      <c r="D5" s="1580"/>
      <c r="E5" s="1580"/>
      <c r="F5" s="1580"/>
      <c r="G5" s="1580"/>
      <c r="H5" s="1581"/>
    </row>
    <row r="6" spans="1:8" ht="17.25" customHeight="1" x14ac:dyDescent="0.2">
      <c r="A6" s="1577" t="s">
        <v>133</v>
      </c>
      <c r="B6" s="1578"/>
      <c r="C6" s="1579"/>
      <c r="D6" s="1580"/>
      <c r="E6" s="1580"/>
      <c r="F6" s="1580"/>
      <c r="G6" s="1580"/>
      <c r="H6" s="1581"/>
    </row>
    <row r="7" spans="1:8" ht="17.25" customHeight="1" x14ac:dyDescent="0.2">
      <c r="A7" s="1575" t="s">
        <v>126</v>
      </c>
      <c r="B7" s="1576"/>
      <c r="C7" s="1549"/>
      <c r="D7" s="1536"/>
      <c r="E7" s="1536"/>
      <c r="F7" s="1536"/>
      <c r="G7" s="1536"/>
      <c r="H7" s="1537"/>
    </row>
    <row r="8" spans="1:8" ht="17.25" customHeight="1" x14ac:dyDescent="0.2">
      <c r="A8" s="1575" t="s">
        <v>150</v>
      </c>
      <c r="B8" s="1576"/>
      <c r="C8" s="1549" t="s">
        <v>45</v>
      </c>
      <c r="D8" s="1550"/>
      <c r="E8" s="1550"/>
      <c r="F8" s="1550"/>
      <c r="G8" s="1550"/>
      <c r="H8" s="1552"/>
    </row>
    <row r="9" spans="1:8" ht="17.25" customHeight="1" x14ac:dyDescent="0.2">
      <c r="A9" s="1582" t="s">
        <v>134</v>
      </c>
      <c r="B9" s="133" t="s">
        <v>128</v>
      </c>
      <c r="C9" s="1534"/>
      <c r="D9" s="1536"/>
      <c r="E9" s="1535"/>
      <c r="F9" s="1584" t="s">
        <v>135</v>
      </c>
      <c r="G9" s="1586"/>
      <c r="H9" s="1587"/>
    </row>
    <row r="10" spans="1:8" ht="17.25" customHeight="1" thickBot="1" x14ac:dyDescent="0.25">
      <c r="A10" s="1583"/>
      <c r="B10" s="134" t="s">
        <v>136</v>
      </c>
      <c r="C10" s="1586"/>
      <c r="D10" s="1590"/>
      <c r="E10" s="1591"/>
      <c r="F10" s="1585"/>
      <c r="G10" s="1588"/>
      <c r="H10" s="1589"/>
    </row>
    <row r="11" spans="1:8" ht="18" customHeight="1" thickTop="1" thickBot="1" x14ac:dyDescent="0.25">
      <c r="A11" s="1553" t="s">
        <v>137</v>
      </c>
      <c r="B11" s="1554"/>
      <c r="C11" s="1554"/>
      <c r="D11" s="1554"/>
      <c r="E11" s="1555"/>
      <c r="F11" s="1556"/>
      <c r="G11" s="1556"/>
      <c r="H11" s="1557"/>
    </row>
    <row r="12" spans="1:8" ht="18" customHeight="1" thickTop="1" x14ac:dyDescent="0.2">
      <c r="A12" s="1542" t="s">
        <v>138</v>
      </c>
      <c r="B12" s="1559" t="s">
        <v>139</v>
      </c>
      <c r="C12" s="1560"/>
      <c r="D12" s="1560"/>
      <c r="E12" s="1560"/>
      <c r="F12" s="1561"/>
      <c r="G12" s="1562" t="s">
        <v>140</v>
      </c>
      <c r="H12" s="1563"/>
    </row>
    <row r="13" spans="1:8" ht="18" customHeight="1" x14ac:dyDescent="0.2">
      <c r="A13" s="1543"/>
      <c r="B13" s="1564"/>
      <c r="C13" s="1566" t="s">
        <v>141</v>
      </c>
      <c r="D13" s="1567"/>
      <c r="E13" s="1549" t="s">
        <v>142</v>
      </c>
      <c r="F13" s="1551"/>
      <c r="G13" s="1549"/>
      <c r="H13" s="1552"/>
    </row>
    <row r="14" spans="1:8" ht="18" customHeight="1" x14ac:dyDescent="0.2">
      <c r="A14" s="1543"/>
      <c r="B14" s="1564"/>
      <c r="C14" s="1568"/>
      <c r="D14" s="1569"/>
      <c r="E14" s="1549" t="s">
        <v>143</v>
      </c>
      <c r="F14" s="1551"/>
      <c r="G14" s="1549"/>
      <c r="H14" s="1552"/>
    </row>
    <row r="15" spans="1:8" ht="18" customHeight="1" x14ac:dyDescent="0.2">
      <c r="A15" s="1543"/>
      <c r="B15" s="1564"/>
      <c r="C15" s="1549" t="s">
        <v>144</v>
      </c>
      <c r="D15" s="1550"/>
      <c r="E15" s="1550"/>
      <c r="F15" s="1551"/>
      <c r="G15" s="1549"/>
      <c r="H15" s="1552"/>
    </row>
    <row r="16" spans="1:8" ht="18" customHeight="1" thickBot="1" x14ac:dyDescent="0.25">
      <c r="A16" s="1558"/>
      <c r="B16" s="1565"/>
      <c r="C16" s="1570" t="s">
        <v>145</v>
      </c>
      <c r="D16" s="1571"/>
      <c r="E16" s="1571"/>
      <c r="F16" s="1572"/>
      <c r="G16" s="1573"/>
      <c r="H16" s="1574"/>
    </row>
    <row r="17" spans="1:8" ht="16.5" customHeight="1" thickTop="1" x14ac:dyDescent="0.2">
      <c r="A17" s="1542" t="s">
        <v>146</v>
      </c>
      <c r="B17" s="1545" t="s">
        <v>216</v>
      </c>
      <c r="C17" s="1546"/>
      <c r="D17" s="1546"/>
      <c r="E17" s="1546"/>
      <c r="F17" s="1546"/>
      <c r="G17" s="1547"/>
      <c r="H17" s="1548"/>
    </row>
    <row r="18" spans="1:8" ht="16.5" customHeight="1" x14ac:dyDescent="0.2">
      <c r="A18" s="1543"/>
      <c r="B18" s="1549" t="s">
        <v>148</v>
      </c>
      <c r="C18" s="1550"/>
      <c r="D18" s="1551"/>
      <c r="E18" s="1549" t="s">
        <v>149</v>
      </c>
      <c r="F18" s="1550"/>
      <c r="G18" s="1550"/>
      <c r="H18" s="1552"/>
    </row>
    <row r="19" spans="1:8" ht="16.5" customHeight="1" x14ac:dyDescent="0.2">
      <c r="A19" s="1543"/>
      <c r="B19" s="135">
        <v>1</v>
      </c>
      <c r="C19" s="1534"/>
      <c r="D19" s="1535"/>
      <c r="E19" s="1534"/>
      <c r="F19" s="1536"/>
      <c r="G19" s="1536"/>
      <c r="H19" s="1537"/>
    </row>
    <row r="20" spans="1:8" ht="16.5" customHeight="1" x14ac:dyDescent="0.2">
      <c r="A20" s="1543"/>
      <c r="B20" s="135">
        <v>2</v>
      </c>
      <c r="C20" s="1534"/>
      <c r="D20" s="1535"/>
      <c r="E20" s="1534"/>
      <c r="F20" s="1536"/>
      <c r="G20" s="1536"/>
      <c r="H20" s="1537"/>
    </row>
    <row r="21" spans="1:8" ht="16.5" customHeight="1" x14ac:dyDescent="0.2">
      <c r="A21" s="1543"/>
      <c r="B21" s="135">
        <v>3</v>
      </c>
      <c r="C21" s="1534"/>
      <c r="D21" s="1535"/>
      <c r="E21" s="1534"/>
      <c r="F21" s="1536"/>
      <c r="G21" s="1536"/>
      <c r="H21" s="1537"/>
    </row>
    <row r="22" spans="1:8" ht="16.5" customHeight="1" x14ac:dyDescent="0.2">
      <c r="A22" s="1543"/>
      <c r="B22" s="135">
        <v>4</v>
      </c>
      <c r="C22" s="1534"/>
      <c r="D22" s="1535"/>
      <c r="E22" s="1534"/>
      <c r="F22" s="1536"/>
      <c r="G22" s="1536"/>
      <c r="H22" s="1537"/>
    </row>
    <row r="23" spans="1:8" ht="16.5" customHeight="1" x14ac:dyDescent="0.2">
      <c r="A23" s="1543"/>
      <c r="B23" s="135">
        <v>5</v>
      </c>
      <c r="C23" s="1534"/>
      <c r="D23" s="1535"/>
      <c r="E23" s="1534"/>
      <c r="F23" s="1536"/>
      <c r="G23" s="1536"/>
      <c r="H23" s="1537"/>
    </row>
    <row r="24" spans="1:8" ht="16.5" customHeight="1" x14ac:dyDescent="0.2">
      <c r="A24" s="1543"/>
      <c r="B24" s="135">
        <v>6</v>
      </c>
      <c r="C24" s="1534"/>
      <c r="D24" s="1535"/>
      <c r="E24" s="1534"/>
      <c r="F24" s="1536"/>
      <c r="G24" s="1536"/>
      <c r="H24" s="1537"/>
    </row>
    <row r="25" spans="1:8" ht="16.5" customHeight="1" x14ac:dyDescent="0.2">
      <c r="A25" s="1543"/>
      <c r="B25" s="135">
        <v>7</v>
      </c>
      <c r="C25" s="1534"/>
      <c r="D25" s="1535"/>
      <c r="E25" s="1534"/>
      <c r="F25" s="1536"/>
      <c r="G25" s="1536"/>
      <c r="H25" s="1537"/>
    </row>
    <row r="26" spans="1:8" ht="16.5" customHeight="1" x14ac:dyDescent="0.2">
      <c r="A26" s="1543"/>
      <c r="B26" s="135">
        <v>8</v>
      </c>
      <c r="C26" s="1534"/>
      <c r="D26" s="1535"/>
      <c r="E26" s="1534"/>
      <c r="F26" s="1536"/>
      <c r="G26" s="1536"/>
      <c r="H26" s="1537"/>
    </row>
    <row r="27" spans="1:8" ht="16.5" customHeight="1" x14ac:dyDescent="0.2">
      <c r="A27" s="1543"/>
      <c r="B27" s="135">
        <v>9</v>
      </c>
      <c r="C27" s="1534"/>
      <c r="D27" s="1535"/>
      <c r="E27" s="1534"/>
      <c r="F27" s="1536"/>
      <c r="G27" s="1536"/>
      <c r="H27" s="1537"/>
    </row>
    <row r="28" spans="1:8" ht="16.5" customHeight="1" x14ac:dyDescent="0.2">
      <c r="A28" s="1543"/>
      <c r="B28" s="135">
        <v>10</v>
      </c>
      <c r="C28" s="1534"/>
      <c r="D28" s="1535"/>
      <c r="E28" s="1534"/>
      <c r="F28" s="1536"/>
      <c r="G28" s="1536"/>
      <c r="H28" s="1537"/>
    </row>
    <row r="29" spans="1:8" ht="16.5" customHeight="1" x14ac:dyDescent="0.2">
      <c r="A29" s="1543"/>
      <c r="B29" s="135">
        <v>11</v>
      </c>
      <c r="C29" s="1534"/>
      <c r="D29" s="1535"/>
      <c r="E29" s="1534"/>
      <c r="F29" s="1536"/>
      <c r="G29" s="1536"/>
      <c r="H29" s="1537"/>
    </row>
    <row r="30" spans="1:8" ht="16.5" customHeight="1" x14ac:dyDescent="0.2">
      <c r="A30" s="1543"/>
      <c r="B30" s="135">
        <v>12</v>
      </c>
      <c r="C30" s="1534"/>
      <c r="D30" s="1535"/>
      <c r="E30" s="1534"/>
      <c r="F30" s="1536"/>
      <c r="G30" s="1536"/>
      <c r="H30" s="1537"/>
    </row>
    <row r="31" spans="1:8" ht="16.5" customHeight="1" x14ac:dyDescent="0.2">
      <c r="A31" s="1543"/>
      <c r="B31" s="135">
        <v>13</v>
      </c>
      <c r="C31" s="1534"/>
      <c r="D31" s="1535"/>
      <c r="E31" s="1534"/>
      <c r="F31" s="1536"/>
      <c r="G31" s="1536"/>
      <c r="H31" s="1537"/>
    </row>
    <row r="32" spans="1:8" ht="16.5" customHeight="1" x14ac:dyDescent="0.2">
      <c r="A32" s="1543"/>
      <c r="B32" s="135">
        <v>14</v>
      </c>
      <c r="C32" s="1534"/>
      <c r="D32" s="1535"/>
      <c r="E32" s="1534"/>
      <c r="F32" s="1536"/>
      <c r="G32" s="1536"/>
      <c r="H32" s="1537"/>
    </row>
    <row r="33" spans="1:8" ht="16.5" customHeight="1" x14ac:dyDescent="0.2">
      <c r="A33" s="1543"/>
      <c r="B33" s="135">
        <v>15</v>
      </c>
      <c r="C33" s="1534"/>
      <c r="D33" s="1535"/>
      <c r="E33" s="1534"/>
      <c r="F33" s="1536"/>
      <c r="G33" s="1536"/>
      <c r="H33" s="1537"/>
    </row>
    <row r="34" spans="1:8" ht="16.5" customHeight="1" x14ac:dyDescent="0.2">
      <c r="A34" s="1543"/>
      <c r="B34" s="135">
        <v>16</v>
      </c>
      <c r="C34" s="1534"/>
      <c r="D34" s="1535"/>
      <c r="E34" s="1534"/>
      <c r="F34" s="1536"/>
      <c r="G34" s="1536"/>
      <c r="H34" s="1537"/>
    </row>
    <row r="35" spans="1:8" ht="16.5" customHeight="1" x14ac:dyDescent="0.2">
      <c r="A35" s="1543"/>
      <c r="B35" s="135">
        <v>17</v>
      </c>
      <c r="C35" s="1534"/>
      <c r="D35" s="1535"/>
      <c r="E35" s="1534"/>
      <c r="F35" s="1536"/>
      <c r="G35" s="1536"/>
      <c r="H35" s="1537"/>
    </row>
    <row r="36" spans="1:8" ht="16.5" customHeight="1" x14ac:dyDescent="0.2">
      <c r="A36" s="1543"/>
      <c r="B36" s="135">
        <v>18</v>
      </c>
      <c r="C36" s="1534"/>
      <c r="D36" s="1535"/>
      <c r="E36" s="1534"/>
      <c r="F36" s="1536"/>
      <c r="G36" s="1536"/>
      <c r="H36" s="1537"/>
    </row>
    <row r="37" spans="1:8" ht="16.5" customHeight="1" x14ac:dyDescent="0.2">
      <c r="A37" s="1543"/>
      <c r="B37" s="135">
        <v>19</v>
      </c>
      <c r="C37" s="1534"/>
      <c r="D37" s="1535"/>
      <c r="E37" s="1534"/>
      <c r="F37" s="1536"/>
      <c r="G37" s="1536"/>
      <c r="H37" s="1537"/>
    </row>
    <row r="38" spans="1:8" ht="16.5" customHeight="1" x14ac:dyDescent="0.2">
      <c r="A38" s="1543"/>
      <c r="B38" s="135">
        <v>20</v>
      </c>
      <c r="C38" s="1534"/>
      <c r="D38" s="1535"/>
      <c r="E38" s="1534"/>
      <c r="F38" s="1536"/>
      <c r="G38" s="1536"/>
      <c r="H38" s="1537"/>
    </row>
    <row r="39" spans="1:8" ht="16.5" customHeight="1" x14ac:dyDescent="0.2">
      <c r="A39" s="1543"/>
      <c r="B39" s="135">
        <v>21</v>
      </c>
      <c r="C39" s="1534"/>
      <c r="D39" s="1535"/>
      <c r="E39" s="1534"/>
      <c r="F39" s="1536"/>
      <c r="G39" s="1536"/>
      <c r="H39" s="1537"/>
    </row>
    <row r="40" spans="1:8" ht="16.5" customHeight="1" x14ac:dyDescent="0.2">
      <c r="A40" s="1543"/>
      <c r="B40" s="135">
        <v>22</v>
      </c>
      <c r="C40" s="1534"/>
      <c r="D40" s="1535"/>
      <c r="E40" s="1534"/>
      <c r="F40" s="1536"/>
      <c r="G40" s="1536"/>
      <c r="H40" s="1537"/>
    </row>
    <row r="41" spans="1:8" ht="16.5" customHeight="1" x14ac:dyDescent="0.2">
      <c r="A41" s="1543"/>
      <c r="B41" s="135">
        <v>23</v>
      </c>
      <c r="C41" s="1534"/>
      <c r="D41" s="1535"/>
      <c r="E41" s="1534"/>
      <c r="F41" s="1536"/>
      <c r="G41" s="1536"/>
      <c r="H41" s="1537"/>
    </row>
    <row r="42" spans="1:8" ht="16.5" customHeight="1" x14ac:dyDescent="0.2">
      <c r="A42" s="1543"/>
      <c r="B42" s="135">
        <v>24</v>
      </c>
      <c r="C42" s="1534"/>
      <c r="D42" s="1535"/>
      <c r="E42" s="1534"/>
      <c r="F42" s="1536"/>
      <c r="G42" s="1536"/>
      <c r="H42" s="1537"/>
    </row>
    <row r="43" spans="1:8" ht="16.5" customHeight="1" x14ac:dyDescent="0.2">
      <c r="A43" s="1543"/>
      <c r="B43" s="135">
        <v>25</v>
      </c>
      <c r="C43" s="1534"/>
      <c r="D43" s="1535"/>
      <c r="E43" s="1534"/>
      <c r="F43" s="1536"/>
      <c r="G43" s="1536"/>
      <c r="H43" s="1537"/>
    </row>
    <row r="44" spans="1:8" ht="16.5" customHeight="1" x14ac:dyDescent="0.2">
      <c r="A44" s="1543"/>
      <c r="B44" s="135">
        <v>26</v>
      </c>
      <c r="C44" s="1534"/>
      <c r="D44" s="1535"/>
      <c r="E44" s="1534"/>
      <c r="F44" s="1536"/>
      <c r="G44" s="1536"/>
      <c r="H44" s="1537"/>
    </row>
    <row r="45" spans="1:8" ht="16.5" customHeight="1" x14ac:dyDescent="0.2">
      <c r="A45" s="1543"/>
      <c r="B45" s="135">
        <v>27</v>
      </c>
      <c r="C45" s="1534"/>
      <c r="D45" s="1535"/>
      <c r="E45" s="1534"/>
      <c r="F45" s="1536"/>
      <c r="G45" s="1536"/>
      <c r="H45" s="1537"/>
    </row>
    <row r="46" spans="1:8" ht="16.5" customHeight="1" x14ac:dyDescent="0.2">
      <c r="A46" s="1543"/>
      <c r="B46" s="135">
        <v>28</v>
      </c>
      <c r="C46" s="1534"/>
      <c r="D46" s="1535"/>
      <c r="E46" s="1534"/>
      <c r="F46" s="1536"/>
      <c r="G46" s="1536"/>
      <c r="H46" s="1537"/>
    </row>
    <row r="47" spans="1:8" ht="16.5" customHeight="1" x14ac:dyDescent="0.2">
      <c r="A47" s="1543"/>
      <c r="B47" s="135">
        <v>29</v>
      </c>
      <c r="C47" s="1534"/>
      <c r="D47" s="1535"/>
      <c r="E47" s="1534"/>
      <c r="F47" s="1536"/>
      <c r="G47" s="1536"/>
      <c r="H47" s="1537"/>
    </row>
    <row r="48" spans="1:8" ht="16.5" customHeight="1" thickBot="1" x14ac:dyDescent="0.25">
      <c r="A48" s="1544"/>
      <c r="B48" s="136">
        <v>30</v>
      </c>
      <c r="C48" s="1538"/>
      <c r="D48" s="1539"/>
      <c r="E48" s="1538"/>
      <c r="F48" s="1540"/>
      <c r="G48" s="1540"/>
      <c r="H48" s="1541"/>
    </row>
    <row r="49" spans="1:1" ht="15" customHeight="1" x14ac:dyDescent="0.2">
      <c r="A49" s="74" t="s">
        <v>222</v>
      </c>
    </row>
    <row r="50" spans="1:1" ht="15" customHeight="1" x14ac:dyDescent="0.2">
      <c r="A50" s="74" t="s">
        <v>218</v>
      </c>
    </row>
    <row r="51" spans="1:1" ht="15" customHeight="1" x14ac:dyDescent="0.2">
      <c r="A51" s="74" t="s">
        <v>223</v>
      </c>
    </row>
    <row r="52" spans="1:1" ht="15" customHeight="1" x14ac:dyDescent="0.2">
      <c r="A52" s="74" t="s">
        <v>224</v>
      </c>
    </row>
  </sheetData>
  <customSheetViews>
    <customSheetView guid="{FA98832E-F01A-4598-9960-E27C2FDAB118}" topLeftCell="A10">
      <selection activeCell="J20" sqref="J20"/>
      <pageMargins left="0.39370078740157483" right="0.39370078740157483" top="0.63" bottom="0.25" header="0.51181102362204722" footer="0.23"/>
      <printOptions horizontalCentered="1"/>
      <pageSetup paperSize="9" orientation="portrait" r:id="rId1"/>
      <headerFooter alignWithMargins="0"/>
    </customSheetView>
    <customSheetView guid="{8494577A-77FB-45FD-BD2B-C737BCFAD5B3}" topLeftCell="A10">
      <selection activeCell="J20" sqref="J20"/>
      <pageMargins left="0.39370078740157483" right="0.39370078740157483" top="0.63" bottom="0.25" header="0.51181102362204722" footer="0.23"/>
      <printOptions horizontalCentered="1"/>
      <pageSetup paperSize="9" orientation="portrait" r:id="rId2"/>
      <headerFooter alignWithMargins="0"/>
    </customSheetView>
  </customSheetViews>
  <mergeCells count="95">
    <mergeCell ref="G1:H1"/>
    <mergeCell ref="A3:H3"/>
    <mergeCell ref="A5:B5"/>
    <mergeCell ref="C5:H5"/>
    <mergeCell ref="A7:B7"/>
    <mergeCell ref="C7:H7"/>
    <mergeCell ref="A8:B8"/>
    <mergeCell ref="C8:H8"/>
    <mergeCell ref="A6:B6"/>
    <mergeCell ref="C6:H6"/>
    <mergeCell ref="A9:A10"/>
    <mergeCell ref="C9:E9"/>
    <mergeCell ref="F9:F10"/>
    <mergeCell ref="G9:H10"/>
    <mergeCell ref="C10:E10"/>
    <mergeCell ref="A11:D11"/>
    <mergeCell ref="E11:H11"/>
    <mergeCell ref="A12:A16"/>
    <mergeCell ref="B12:F12"/>
    <mergeCell ref="G12:H12"/>
    <mergeCell ref="B13:B16"/>
    <mergeCell ref="C13:D14"/>
    <mergeCell ref="E13:F13"/>
    <mergeCell ref="G13:H13"/>
    <mergeCell ref="E14:F14"/>
    <mergeCell ref="G14:H14"/>
    <mergeCell ref="C15:F15"/>
    <mergeCell ref="G15:H15"/>
    <mergeCell ref="C16:F16"/>
    <mergeCell ref="G16:H16"/>
    <mergeCell ref="E20:H20"/>
    <mergeCell ref="A17:A48"/>
    <mergeCell ref="B17:F17"/>
    <mergeCell ref="G17:H17"/>
    <mergeCell ref="B18:D18"/>
    <mergeCell ref="E18:H18"/>
    <mergeCell ref="C24:D24"/>
    <mergeCell ref="E24:H24"/>
    <mergeCell ref="C19:D19"/>
    <mergeCell ref="E19:H19"/>
    <mergeCell ref="C20:D20"/>
    <mergeCell ref="C28:D28"/>
    <mergeCell ref="E28:H28"/>
    <mergeCell ref="C21:D21"/>
    <mergeCell ref="E21:H21"/>
    <mergeCell ref="C22:D22"/>
    <mergeCell ref="E22:H22"/>
    <mergeCell ref="C23:D23"/>
    <mergeCell ref="E23:H23"/>
    <mergeCell ref="C25:D25"/>
    <mergeCell ref="E25:H25"/>
    <mergeCell ref="C26:D26"/>
    <mergeCell ref="E26:H26"/>
    <mergeCell ref="C27:D27"/>
    <mergeCell ref="E27:H27"/>
    <mergeCell ref="C29:D29"/>
    <mergeCell ref="E29:H29"/>
    <mergeCell ref="C36:D36"/>
    <mergeCell ref="E36:H36"/>
    <mergeCell ref="C31:D31"/>
    <mergeCell ref="E31:H31"/>
    <mergeCell ref="C32:D32"/>
    <mergeCell ref="E32:H32"/>
    <mergeCell ref="C33:D33"/>
    <mergeCell ref="E33:H33"/>
    <mergeCell ref="C30:D30"/>
    <mergeCell ref="E30:H30"/>
    <mergeCell ref="C34:D34"/>
    <mergeCell ref="E34:H34"/>
    <mergeCell ref="C35:D35"/>
    <mergeCell ref="E35:H35"/>
    <mergeCell ref="C37:D37"/>
    <mergeCell ref="E37:H37"/>
    <mergeCell ref="C38:D38"/>
    <mergeCell ref="E38:H38"/>
    <mergeCell ref="C39:D39"/>
    <mergeCell ref="E39:H39"/>
    <mergeCell ref="C43:D43"/>
    <mergeCell ref="E43:H43"/>
    <mergeCell ref="C44:D44"/>
    <mergeCell ref="E44:H44"/>
    <mergeCell ref="C40:D40"/>
    <mergeCell ref="E40:H40"/>
    <mergeCell ref="C41:D41"/>
    <mergeCell ref="E41:H41"/>
    <mergeCell ref="C42:D42"/>
    <mergeCell ref="E42:H42"/>
    <mergeCell ref="C47:D47"/>
    <mergeCell ref="E47:H47"/>
    <mergeCell ref="C48:D48"/>
    <mergeCell ref="E48:H48"/>
    <mergeCell ref="C45:D45"/>
    <mergeCell ref="E45:H45"/>
    <mergeCell ref="C46:D46"/>
    <mergeCell ref="E46:H46"/>
  </mergeCells>
  <phoneticPr fontId="6"/>
  <printOptions horizontalCentered="1"/>
  <pageMargins left="0.39370078740157483" right="0.39370078740157483" top="0.63" bottom="0.25" header="0.51181102362204722" footer="0.23"/>
  <pageSetup paperSize="9" orientation="portrait" r:id="rId3"/>
  <headerFooter alignWithMargins="0"/>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J23"/>
  <sheetViews>
    <sheetView workbookViewId="0">
      <selection activeCell="J20" sqref="J20"/>
    </sheetView>
  </sheetViews>
  <sheetFormatPr defaultColWidth="9" defaultRowHeight="13.2" x14ac:dyDescent="0.2"/>
  <cols>
    <col min="1" max="1" width="1.88671875" style="153" customWidth="1"/>
    <col min="2" max="2" width="10.109375" style="153" customWidth="1"/>
    <col min="3" max="3" width="3.6640625" style="153" customWidth="1"/>
    <col min="4" max="4" width="18.77734375" style="153" customWidth="1"/>
    <col min="5" max="9" width="12.6640625" style="153" customWidth="1"/>
    <col min="10" max="12" width="9" style="153"/>
    <col min="13" max="13" width="9" style="153" customWidth="1"/>
    <col min="14" max="16384" width="9" style="153"/>
  </cols>
  <sheetData>
    <row r="1" spans="1:10" ht="14.4" x14ac:dyDescent="0.2">
      <c r="B1" s="245" t="s">
        <v>276</v>
      </c>
      <c r="C1" s="154"/>
      <c r="I1" s="155" t="s">
        <v>710</v>
      </c>
      <c r="J1" s="156"/>
    </row>
    <row r="2" spans="1:10" ht="19.8" thickBot="1" x14ac:dyDescent="0.25">
      <c r="B2" s="1595" t="s">
        <v>394</v>
      </c>
      <c r="C2" s="1595"/>
      <c r="D2" s="1595"/>
      <c r="E2" s="1595"/>
      <c r="F2" s="1595"/>
      <c r="G2" s="1595"/>
      <c r="H2" s="1595"/>
      <c r="I2" s="1595"/>
    </row>
    <row r="3" spans="1:10" ht="30" customHeight="1" thickBot="1" x14ac:dyDescent="0.25">
      <c r="B3" s="1596" t="s">
        <v>305</v>
      </c>
      <c r="C3" s="1597"/>
      <c r="D3" s="1598"/>
      <c r="E3" s="1599"/>
      <c r="F3" s="1599"/>
      <c r="G3" s="1599"/>
      <c r="H3" s="1599"/>
      <c r="I3" s="1600"/>
    </row>
    <row r="4" spans="1:10" ht="30" customHeight="1" x14ac:dyDescent="0.2">
      <c r="B4" s="1601" t="s">
        <v>306</v>
      </c>
      <c r="C4" s="1602"/>
      <c r="D4" s="1603"/>
      <c r="E4" s="1604"/>
      <c r="F4" s="1604"/>
      <c r="G4" s="1604"/>
      <c r="H4" s="1604"/>
      <c r="I4" s="1605"/>
    </row>
    <row r="5" spans="1:10" ht="30" customHeight="1" x14ac:dyDescent="0.2">
      <c r="B5" s="1606" t="s">
        <v>126</v>
      </c>
      <c r="C5" s="1607"/>
      <c r="D5" s="1608"/>
      <c r="E5" s="1609"/>
      <c r="F5" s="1609"/>
      <c r="G5" s="1609"/>
      <c r="H5" s="1609"/>
      <c r="I5" s="1610"/>
    </row>
    <row r="6" spans="1:10" ht="30" customHeight="1" x14ac:dyDescent="0.2">
      <c r="B6" s="1611" t="s">
        <v>127</v>
      </c>
      <c r="C6" s="1612"/>
      <c r="D6" s="157" t="s">
        <v>128</v>
      </c>
      <c r="E6" s="1615"/>
      <c r="F6" s="1616"/>
      <c r="G6" s="1617" t="s">
        <v>129</v>
      </c>
      <c r="H6" s="1619"/>
      <c r="I6" s="1620"/>
    </row>
    <row r="7" spans="1:10" ht="30" customHeight="1" thickBot="1" x14ac:dyDescent="0.25">
      <c r="B7" s="1613"/>
      <c r="C7" s="1614"/>
      <c r="D7" s="158" t="s">
        <v>130</v>
      </c>
      <c r="E7" s="1623"/>
      <c r="F7" s="1624"/>
      <c r="G7" s="1618"/>
      <c r="H7" s="1621"/>
      <c r="I7" s="1622"/>
    </row>
    <row r="8" spans="1:10" ht="30" customHeight="1" thickTop="1" thickBot="1" x14ac:dyDescent="0.25">
      <c r="B8" s="1625" t="s">
        <v>307</v>
      </c>
      <c r="C8" s="159">
        <v>1</v>
      </c>
      <c r="D8" s="160" t="s">
        <v>213</v>
      </c>
      <c r="E8" s="1627"/>
      <c r="F8" s="1627"/>
      <c r="G8" s="1627"/>
      <c r="H8" s="1627"/>
      <c r="I8" s="1628"/>
    </row>
    <row r="9" spans="1:10" ht="30" customHeight="1" x14ac:dyDescent="0.2">
      <c r="B9" s="1626"/>
      <c r="C9" s="1629">
        <v>2</v>
      </c>
      <c r="D9" s="1630" t="s">
        <v>308</v>
      </c>
      <c r="E9" s="1631" t="s">
        <v>310</v>
      </c>
      <c r="F9" s="1633" t="s">
        <v>311</v>
      </c>
      <c r="G9" s="1634"/>
      <c r="H9" s="1635"/>
      <c r="I9" s="1636" t="s">
        <v>396</v>
      </c>
      <c r="J9" s="161"/>
    </row>
    <row r="10" spans="1:10" ht="30" customHeight="1" x14ac:dyDescent="0.2">
      <c r="B10" s="1626"/>
      <c r="C10" s="1629"/>
      <c r="D10" s="1630"/>
      <c r="E10" s="1632"/>
      <c r="F10" s="162" t="s">
        <v>397</v>
      </c>
      <c r="G10" s="163" t="s">
        <v>398</v>
      </c>
      <c r="H10" s="164" t="s">
        <v>399</v>
      </c>
      <c r="I10" s="1637"/>
      <c r="J10" s="161"/>
    </row>
    <row r="11" spans="1:10" ht="49.5" customHeight="1" thickBot="1" x14ac:dyDescent="0.25">
      <c r="B11" s="1626"/>
      <c r="C11" s="1629"/>
      <c r="D11" s="1630"/>
      <c r="E11" s="165"/>
      <c r="F11" s="166"/>
      <c r="G11" s="167"/>
      <c r="H11" s="168"/>
      <c r="I11" s="169"/>
      <c r="J11" s="161"/>
    </row>
    <row r="12" spans="1:10" ht="30" customHeight="1" x14ac:dyDescent="0.2">
      <c r="B12" s="1626"/>
      <c r="C12" s="1638">
        <v>3</v>
      </c>
      <c r="D12" s="1629" t="s">
        <v>317</v>
      </c>
      <c r="E12" s="1639"/>
      <c r="F12" s="1639"/>
      <c r="G12" s="1639"/>
      <c r="H12" s="1639"/>
      <c r="I12" s="1640"/>
    </row>
    <row r="13" spans="1:10" ht="30" customHeight="1" x14ac:dyDescent="0.2">
      <c r="B13" s="1626"/>
      <c r="C13" s="1638"/>
      <c r="D13" s="1629"/>
      <c r="E13" s="1641"/>
      <c r="F13" s="1641"/>
      <c r="G13" s="1641"/>
      <c r="H13" s="1641"/>
      <c r="I13" s="1642"/>
    </row>
    <row r="14" spans="1:10" ht="30" customHeight="1" x14ac:dyDescent="0.2">
      <c r="B14" s="1626"/>
      <c r="C14" s="1643">
        <v>4</v>
      </c>
      <c r="D14" s="1644" t="s">
        <v>200</v>
      </c>
      <c r="E14" s="1646"/>
      <c r="F14" s="1646"/>
      <c r="G14" s="1646"/>
      <c r="H14" s="1646"/>
      <c r="I14" s="1647"/>
    </row>
    <row r="15" spans="1:10" ht="30" customHeight="1" thickBot="1" x14ac:dyDescent="0.25">
      <c r="B15" s="1626"/>
      <c r="C15" s="1643"/>
      <c r="D15" s="1645"/>
      <c r="E15" s="1648"/>
      <c r="F15" s="1648"/>
      <c r="G15" s="1648"/>
      <c r="H15" s="1648"/>
      <c r="I15" s="1649"/>
    </row>
    <row r="16" spans="1:10" ht="42" customHeight="1" x14ac:dyDescent="0.2">
      <c r="A16" s="161"/>
      <c r="B16" s="1652" t="s">
        <v>318</v>
      </c>
      <c r="C16" s="170">
        <v>1</v>
      </c>
      <c r="D16" s="170" t="s">
        <v>225</v>
      </c>
      <c r="E16" s="1654"/>
      <c r="F16" s="1654"/>
      <c r="G16" s="1654"/>
      <c r="H16" s="1654"/>
      <c r="I16" s="1655"/>
    </row>
    <row r="17" spans="1:9" ht="54" customHeight="1" x14ac:dyDescent="0.2">
      <c r="A17" s="161"/>
      <c r="B17" s="1626"/>
      <c r="C17" s="171">
        <v>2</v>
      </c>
      <c r="D17" s="171" t="s">
        <v>214</v>
      </c>
      <c r="E17" s="1656"/>
      <c r="F17" s="1656"/>
      <c r="G17" s="1656"/>
      <c r="H17" s="1656"/>
      <c r="I17" s="1657"/>
    </row>
    <row r="18" spans="1:9" ht="54" customHeight="1" thickBot="1" x14ac:dyDescent="0.25">
      <c r="A18" s="161"/>
      <c r="B18" s="1653"/>
      <c r="C18" s="172">
        <v>3</v>
      </c>
      <c r="D18" s="172" t="s">
        <v>200</v>
      </c>
      <c r="E18" s="1658"/>
      <c r="F18" s="1659"/>
      <c r="G18" s="1659"/>
      <c r="H18" s="1659"/>
      <c r="I18" s="1660"/>
    </row>
    <row r="19" spans="1:9" ht="24.75" customHeight="1" x14ac:dyDescent="0.2">
      <c r="B19" s="1661" t="s">
        <v>319</v>
      </c>
      <c r="C19" s="1661"/>
      <c r="D19" s="1661"/>
      <c r="E19" s="1661"/>
      <c r="F19" s="1661"/>
      <c r="G19" s="1661"/>
      <c r="H19" s="1661"/>
      <c r="I19" s="1661"/>
    </row>
    <row r="20" spans="1:9" ht="48" customHeight="1" x14ac:dyDescent="0.2">
      <c r="B20" s="1662" t="s">
        <v>400</v>
      </c>
      <c r="C20" s="1662"/>
      <c r="D20" s="1662"/>
      <c r="E20" s="1662"/>
      <c r="F20" s="1662"/>
      <c r="G20" s="1662"/>
      <c r="H20" s="1662"/>
      <c r="I20" s="1662"/>
    </row>
    <row r="21" spans="1:9" ht="39.75" customHeight="1" x14ac:dyDescent="0.2">
      <c r="B21" s="1650" t="s">
        <v>401</v>
      </c>
      <c r="C21" s="1650"/>
      <c r="D21" s="1650"/>
      <c r="E21" s="1650"/>
      <c r="F21" s="1650"/>
      <c r="G21" s="1650"/>
      <c r="H21" s="1650"/>
      <c r="I21" s="1650"/>
    </row>
    <row r="22" spans="1:9" ht="24.75" customHeight="1" x14ac:dyDescent="0.2">
      <c r="B22" s="1651" t="s">
        <v>402</v>
      </c>
      <c r="C22" s="1651"/>
      <c r="D22" s="1651"/>
      <c r="E22" s="1651"/>
      <c r="F22" s="1651"/>
      <c r="G22" s="1651"/>
      <c r="H22" s="1651"/>
      <c r="I22" s="1651"/>
    </row>
    <row r="23" spans="1:9" ht="24.75" customHeight="1" x14ac:dyDescent="0.2">
      <c r="B23" s="1651" t="s">
        <v>403</v>
      </c>
      <c r="C23" s="1651"/>
      <c r="D23" s="1651"/>
      <c r="E23" s="1651"/>
      <c r="F23" s="1651"/>
      <c r="G23" s="1651"/>
      <c r="H23" s="1651"/>
      <c r="I23" s="1651"/>
    </row>
  </sheetData>
  <customSheetViews>
    <customSheetView guid="{FA98832E-F01A-4598-9960-E27C2FDAB118}">
      <selection activeCell="J20" sqref="J20"/>
      <pageMargins left="0.7" right="0.7" top="0.75" bottom="0.75" header="0.3" footer="0.3"/>
      <pageSetup paperSize="9" scale="83" orientation="portrait" r:id="rId1"/>
    </customSheetView>
    <customSheetView guid="{8494577A-77FB-45FD-BD2B-C737BCFAD5B3}">
      <selection activeCell="J20" sqref="J20"/>
      <pageMargins left="0.7" right="0.7" top="0.75" bottom="0.75" header="0.3" footer="0.3"/>
      <pageSetup paperSize="9" scale="83" orientation="portrait" r:id="rId2"/>
    </customSheetView>
  </customSheetViews>
  <mergeCells count="34">
    <mergeCell ref="B21:I21"/>
    <mergeCell ref="B22:I22"/>
    <mergeCell ref="B23:I23"/>
    <mergeCell ref="B16:B18"/>
    <mergeCell ref="E16:I16"/>
    <mergeCell ref="E17:I17"/>
    <mergeCell ref="E18:I18"/>
    <mergeCell ref="B19:I19"/>
    <mergeCell ref="B20:I20"/>
    <mergeCell ref="B8:B15"/>
    <mergeCell ref="E8:I8"/>
    <mergeCell ref="C9:C11"/>
    <mergeCell ref="D9:D11"/>
    <mergeCell ref="E9:E10"/>
    <mergeCell ref="F9:H9"/>
    <mergeCell ref="I9:I10"/>
    <mergeCell ref="C12:C13"/>
    <mergeCell ref="D12:D13"/>
    <mergeCell ref="E12:I13"/>
    <mergeCell ref="C14:C15"/>
    <mergeCell ref="D14:D15"/>
    <mergeCell ref="E14:I15"/>
    <mergeCell ref="B5:D5"/>
    <mergeCell ref="E5:I5"/>
    <mergeCell ref="B6:C7"/>
    <mergeCell ref="E6:F6"/>
    <mergeCell ref="G6:G7"/>
    <mergeCell ref="H6:I7"/>
    <mergeCell ref="E7:F7"/>
    <mergeCell ref="B2:I2"/>
    <mergeCell ref="B3:D3"/>
    <mergeCell ref="E3:I3"/>
    <mergeCell ref="B4:D4"/>
    <mergeCell ref="E4:I4"/>
  </mergeCells>
  <phoneticPr fontId="6"/>
  <pageMargins left="0.7" right="0.7" top="0.75" bottom="0.75" header="0.3" footer="0.3"/>
  <pageSetup paperSize="9" scale="83" orientation="portrait"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A1:J24"/>
  <sheetViews>
    <sheetView view="pageBreakPreview" topLeftCell="B1" zoomScale="90" zoomScaleNormal="100" zoomScaleSheetLayoutView="90" workbookViewId="0">
      <selection activeCell="J20" sqref="J20"/>
    </sheetView>
  </sheetViews>
  <sheetFormatPr defaultColWidth="9" defaultRowHeight="13.2" x14ac:dyDescent="0.2"/>
  <cols>
    <col min="1" max="1" width="1.88671875" style="153" customWidth="1"/>
    <col min="2" max="2" width="10.109375" style="153" customWidth="1"/>
    <col min="3" max="3" width="3.6640625" style="153" customWidth="1"/>
    <col min="4" max="4" width="18.77734375" style="153" customWidth="1"/>
    <col min="5" max="9" width="12.6640625" style="153" customWidth="1"/>
    <col min="10" max="10" width="1.33203125" style="153" customWidth="1"/>
    <col min="11" max="16384" width="9" style="153"/>
  </cols>
  <sheetData>
    <row r="1" spans="2:10" ht="28.5" customHeight="1" x14ac:dyDescent="0.2"/>
    <row r="2" spans="2:10" ht="14.4" x14ac:dyDescent="0.2">
      <c r="B2" s="245" t="s">
        <v>276</v>
      </c>
      <c r="C2" s="154"/>
      <c r="I2" s="155" t="s">
        <v>710</v>
      </c>
      <c r="J2" s="156"/>
    </row>
    <row r="3" spans="2:10" ht="19.8" thickBot="1" x14ac:dyDescent="0.25">
      <c r="B3" s="1595" t="s">
        <v>394</v>
      </c>
      <c r="C3" s="1595"/>
      <c r="D3" s="1595"/>
      <c r="E3" s="1595"/>
      <c r="F3" s="1595"/>
      <c r="G3" s="1595"/>
      <c r="H3" s="1595"/>
      <c r="I3" s="1595"/>
    </row>
    <row r="4" spans="2:10" ht="30" customHeight="1" thickBot="1" x14ac:dyDescent="0.25">
      <c r="B4" s="1596" t="s">
        <v>305</v>
      </c>
      <c r="C4" s="1597"/>
      <c r="D4" s="1598"/>
      <c r="E4" s="1599" t="s">
        <v>321</v>
      </c>
      <c r="F4" s="1599"/>
      <c r="G4" s="1599"/>
      <c r="H4" s="1599"/>
      <c r="I4" s="1600"/>
    </row>
    <row r="5" spans="2:10" ht="30" customHeight="1" x14ac:dyDescent="0.2">
      <c r="B5" s="1601" t="s">
        <v>306</v>
      </c>
      <c r="C5" s="1602"/>
      <c r="D5" s="1603"/>
      <c r="E5" s="1604" t="s">
        <v>404</v>
      </c>
      <c r="F5" s="1604"/>
      <c r="G5" s="1604"/>
      <c r="H5" s="1604"/>
      <c r="I5" s="1605"/>
    </row>
    <row r="6" spans="2:10" ht="30" customHeight="1" x14ac:dyDescent="0.2">
      <c r="B6" s="1606" t="s">
        <v>126</v>
      </c>
      <c r="C6" s="1607"/>
      <c r="D6" s="1608"/>
      <c r="E6" s="1609" t="s">
        <v>322</v>
      </c>
      <c r="F6" s="1609"/>
      <c r="G6" s="1609"/>
      <c r="H6" s="1609"/>
      <c r="I6" s="1610"/>
    </row>
    <row r="7" spans="2:10" ht="30" customHeight="1" x14ac:dyDescent="0.2">
      <c r="B7" s="1611" t="s">
        <v>127</v>
      </c>
      <c r="C7" s="1612"/>
      <c r="D7" s="157" t="s">
        <v>128</v>
      </c>
      <c r="E7" s="1615" t="s">
        <v>323</v>
      </c>
      <c r="F7" s="1616"/>
      <c r="G7" s="1617" t="s">
        <v>129</v>
      </c>
      <c r="H7" s="1619" t="s">
        <v>324</v>
      </c>
      <c r="I7" s="1620"/>
    </row>
    <row r="8" spans="2:10" ht="30" customHeight="1" thickBot="1" x14ac:dyDescent="0.25">
      <c r="B8" s="1613"/>
      <c r="C8" s="1614"/>
      <c r="D8" s="158" t="s">
        <v>130</v>
      </c>
      <c r="E8" s="1623" t="s">
        <v>323</v>
      </c>
      <c r="F8" s="1624"/>
      <c r="G8" s="1618"/>
      <c r="H8" s="1621"/>
      <c r="I8" s="1622"/>
    </row>
    <row r="9" spans="2:10" ht="30" customHeight="1" thickTop="1" thickBot="1" x14ac:dyDescent="0.25">
      <c r="B9" s="1625" t="s">
        <v>307</v>
      </c>
      <c r="C9" s="159">
        <v>1</v>
      </c>
      <c r="D9" s="160" t="s">
        <v>213</v>
      </c>
      <c r="E9" s="1627" t="s">
        <v>395</v>
      </c>
      <c r="F9" s="1627"/>
      <c r="G9" s="1627"/>
      <c r="H9" s="1627"/>
      <c r="I9" s="1628"/>
    </row>
    <row r="10" spans="2:10" ht="30" customHeight="1" x14ac:dyDescent="0.2">
      <c r="B10" s="1626"/>
      <c r="C10" s="1629">
        <v>2</v>
      </c>
      <c r="D10" s="1630" t="s">
        <v>308</v>
      </c>
      <c r="E10" s="1631" t="s">
        <v>310</v>
      </c>
      <c r="F10" s="1633" t="s">
        <v>311</v>
      </c>
      <c r="G10" s="1634"/>
      <c r="H10" s="1635"/>
      <c r="I10" s="1636" t="s">
        <v>396</v>
      </c>
    </row>
    <row r="11" spans="2:10" ht="30" customHeight="1" x14ac:dyDescent="0.2">
      <c r="B11" s="1626"/>
      <c r="C11" s="1629"/>
      <c r="D11" s="1630"/>
      <c r="E11" s="1632"/>
      <c r="F11" s="162" t="s">
        <v>397</v>
      </c>
      <c r="G11" s="163" t="s">
        <v>398</v>
      </c>
      <c r="H11" s="164" t="s">
        <v>405</v>
      </c>
      <c r="I11" s="1637"/>
    </row>
    <row r="12" spans="2:10" ht="49.5" customHeight="1" thickBot="1" x14ac:dyDescent="0.25">
      <c r="B12" s="1626"/>
      <c r="C12" s="1629"/>
      <c r="D12" s="1630"/>
      <c r="E12" s="165">
        <v>20</v>
      </c>
      <c r="F12" s="166">
        <v>10</v>
      </c>
      <c r="G12" s="167">
        <v>10</v>
      </c>
      <c r="H12" s="168"/>
      <c r="I12" s="169" t="s">
        <v>406</v>
      </c>
    </row>
    <row r="13" spans="2:10" ht="30" customHeight="1" x14ac:dyDescent="0.2">
      <c r="B13" s="1626"/>
      <c r="C13" s="1638">
        <v>3</v>
      </c>
      <c r="D13" s="1629" t="s">
        <v>317</v>
      </c>
      <c r="E13" s="1639" t="s">
        <v>330</v>
      </c>
      <c r="F13" s="1639"/>
      <c r="G13" s="1639"/>
      <c r="H13" s="1639"/>
      <c r="I13" s="1640"/>
    </row>
    <row r="14" spans="2:10" ht="30" customHeight="1" x14ac:dyDescent="0.2">
      <c r="B14" s="1626"/>
      <c r="C14" s="1638"/>
      <c r="D14" s="1629"/>
      <c r="E14" s="1641"/>
      <c r="F14" s="1641"/>
      <c r="G14" s="1641"/>
      <c r="H14" s="1641"/>
      <c r="I14" s="1642"/>
    </row>
    <row r="15" spans="2:10" ht="30" customHeight="1" x14ac:dyDescent="0.2">
      <c r="B15" s="1626"/>
      <c r="C15" s="1643">
        <v>4</v>
      </c>
      <c r="D15" s="1644" t="s">
        <v>200</v>
      </c>
      <c r="E15" s="1646"/>
      <c r="F15" s="1646"/>
      <c r="G15" s="1646"/>
      <c r="H15" s="1646"/>
      <c r="I15" s="1647"/>
    </row>
    <row r="16" spans="2:10" ht="30" customHeight="1" thickBot="1" x14ac:dyDescent="0.25">
      <c r="B16" s="1626"/>
      <c r="C16" s="1643"/>
      <c r="D16" s="1645"/>
      <c r="E16" s="1648"/>
      <c r="F16" s="1648"/>
      <c r="G16" s="1648"/>
      <c r="H16" s="1648"/>
      <c r="I16" s="1649"/>
    </row>
    <row r="17" spans="1:9" ht="42" customHeight="1" x14ac:dyDescent="0.2">
      <c r="A17" s="161"/>
      <c r="B17" s="1663" t="s">
        <v>318</v>
      </c>
      <c r="C17" s="173">
        <v>1</v>
      </c>
      <c r="D17" s="173" t="s">
        <v>407</v>
      </c>
      <c r="E17" s="1666" t="s">
        <v>408</v>
      </c>
      <c r="F17" s="1666"/>
      <c r="G17" s="1666"/>
      <c r="H17" s="1666"/>
      <c r="I17" s="1667"/>
    </row>
    <row r="18" spans="1:9" ht="54" customHeight="1" x14ac:dyDescent="0.2">
      <c r="A18" s="161"/>
      <c r="B18" s="1664"/>
      <c r="C18" s="174">
        <v>2</v>
      </c>
      <c r="D18" s="174" t="s">
        <v>214</v>
      </c>
      <c r="E18" s="1668" t="s">
        <v>409</v>
      </c>
      <c r="F18" s="1668"/>
      <c r="G18" s="1668"/>
      <c r="H18" s="1668"/>
      <c r="I18" s="1669"/>
    </row>
    <row r="19" spans="1:9" ht="54" customHeight="1" thickBot="1" x14ac:dyDescent="0.25">
      <c r="A19" s="161"/>
      <c r="B19" s="1665"/>
      <c r="C19" s="172">
        <v>3</v>
      </c>
      <c r="D19" s="172" t="s">
        <v>200</v>
      </c>
      <c r="E19" s="1670"/>
      <c r="F19" s="1670"/>
      <c r="G19" s="1670"/>
      <c r="H19" s="1670"/>
      <c r="I19" s="1671"/>
    </row>
    <row r="20" spans="1:9" ht="24.75" customHeight="1" x14ac:dyDescent="0.2">
      <c r="B20" s="1661" t="s">
        <v>319</v>
      </c>
      <c r="C20" s="1661"/>
      <c r="D20" s="1661"/>
      <c r="E20" s="1661"/>
      <c r="F20" s="1661"/>
      <c r="G20" s="1661"/>
      <c r="H20" s="1661"/>
      <c r="I20" s="1661"/>
    </row>
    <row r="21" spans="1:9" ht="48" customHeight="1" x14ac:dyDescent="0.2">
      <c r="B21" s="1650" t="s">
        <v>400</v>
      </c>
      <c r="C21" s="1650"/>
      <c r="D21" s="1650"/>
      <c r="E21" s="1650"/>
      <c r="F21" s="1650"/>
      <c r="G21" s="1650"/>
      <c r="H21" s="1650"/>
      <c r="I21" s="1650"/>
    </row>
    <row r="22" spans="1:9" ht="39.75" customHeight="1" x14ac:dyDescent="0.2">
      <c r="B22" s="1650" t="s">
        <v>401</v>
      </c>
      <c r="C22" s="1650"/>
      <c r="D22" s="1650"/>
      <c r="E22" s="1650"/>
      <c r="F22" s="1650"/>
      <c r="G22" s="1650"/>
      <c r="H22" s="1650"/>
      <c r="I22" s="1650"/>
    </row>
    <row r="23" spans="1:9" ht="24.75" customHeight="1" x14ac:dyDescent="0.2">
      <c r="B23" s="1651" t="s">
        <v>402</v>
      </c>
      <c r="C23" s="1651"/>
      <c r="D23" s="1651"/>
      <c r="E23" s="1651"/>
      <c r="F23" s="1651"/>
      <c r="G23" s="1651"/>
      <c r="H23" s="1651"/>
      <c r="I23" s="1651"/>
    </row>
    <row r="24" spans="1:9" ht="24.75" customHeight="1" x14ac:dyDescent="0.2">
      <c r="B24" s="1651" t="s">
        <v>403</v>
      </c>
      <c r="C24" s="1651"/>
      <c r="D24" s="1651"/>
      <c r="E24" s="1651"/>
      <c r="F24" s="1651"/>
      <c r="G24" s="1651"/>
      <c r="H24" s="1651"/>
      <c r="I24" s="1651"/>
    </row>
  </sheetData>
  <customSheetViews>
    <customSheetView guid="{FA98832E-F01A-4598-9960-E27C2FDAB118}" scale="90" showPageBreaks="1" view="pageBreakPreview" topLeftCell="B1">
      <selection activeCell="J20" sqref="J20"/>
      <pageMargins left="0.70866141732283472" right="0.70866141732283472" top="0.74803149606299213" bottom="0.74803149606299213" header="0.31496062992125984" footer="0.31496062992125984"/>
      <printOptions horizontalCentered="1"/>
      <pageSetup paperSize="9" scale="85" orientation="portrait" r:id="rId1"/>
    </customSheetView>
    <customSheetView guid="{8494577A-77FB-45FD-BD2B-C737BCFAD5B3}" scale="90" showPageBreaks="1" view="pageBreakPreview" topLeftCell="B1">
      <selection activeCell="J20" sqref="J20"/>
      <pageMargins left="0.70866141732283472" right="0.70866141732283472" top="0.74803149606299213" bottom="0.74803149606299213" header="0.31496062992125984" footer="0.31496062992125984"/>
      <printOptions horizontalCentered="1"/>
      <pageSetup paperSize="9" scale="85" orientation="portrait" r:id="rId2"/>
    </customSheetView>
  </customSheetViews>
  <mergeCells count="34">
    <mergeCell ref="B22:I22"/>
    <mergeCell ref="B23:I23"/>
    <mergeCell ref="B24:I24"/>
    <mergeCell ref="B17:B19"/>
    <mergeCell ref="E17:I17"/>
    <mergeCell ref="E18:I18"/>
    <mergeCell ref="E19:I19"/>
    <mergeCell ref="B20:I20"/>
    <mergeCell ref="B21:I21"/>
    <mergeCell ref="B9:B16"/>
    <mergeCell ref="E9:I9"/>
    <mergeCell ref="C10:C12"/>
    <mergeCell ref="D10:D12"/>
    <mergeCell ref="E10:E11"/>
    <mergeCell ref="F10:H10"/>
    <mergeCell ref="I10:I11"/>
    <mergeCell ref="C13:C14"/>
    <mergeCell ref="D13:D14"/>
    <mergeCell ref="E13:I14"/>
    <mergeCell ref="C15:C16"/>
    <mergeCell ref="D15:D16"/>
    <mergeCell ref="E15:I16"/>
    <mergeCell ref="B6:D6"/>
    <mergeCell ref="E6:I6"/>
    <mergeCell ref="B7:C8"/>
    <mergeCell ref="E7:F7"/>
    <mergeCell ref="G7:G8"/>
    <mergeCell ref="H7:I8"/>
    <mergeCell ref="E8:F8"/>
    <mergeCell ref="B3:I3"/>
    <mergeCell ref="B4:D4"/>
    <mergeCell ref="E4:I4"/>
    <mergeCell ref="B5:D5"/>
    <mergeCell ref="E5:I5"/>
  </mergeCells>
  <phoneticPr fontId="6"/>
  <printOptions horizontalCentered="1"/>
  <pageMargins left="0.70866141732283472" right="0.70866141732283472" top="0.74803149606299213" bottom="0.74803149606299213" header="0.31496062992125984" footer="0.31496062992125984"/>
  <pageSetup paperSize="9" scale="85" orientation="portrait" r:id="rId3"/>
  <drawing r:id="rId4"/>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A1:J24"/>
  <sheetViews>
    <sheetView workbookViewId="0">
      <selection activeCell="J20" sqref="J20"/>
    </sheetView>
  </sheetViews>
  <sheetFormatPr defaultColWidth="9" defaultRowHeight="13.2" x14ac:dyDescent="0.2"/>
  <cols>
    <col min="1" max="1" width="1.88671875" style="153" customWidth="1"/>
    <col min="2" max="2" width="10.109375" style="153" customWidth="1"/>
    <col min="3" max="3" width="3.6640625" style="153" customWidth="1"/>
    <col min="4" max="4" width="18.77734375" style="153" customWidth="1"/>
    <col min="5" max="9" width="12.6640625" style="153" customWidth="1"/>
    <col min="10" max="12" width="9" style="153"/>
    <col min="13" max="13" width="9" style="153" customWidth="1"/>
    <col min="14" max="16384" width="9" style="153"/>
  </cols>
  <sheetData>
    <row r="1" spans="2:10" ht="28.5" customHeight="1" x14ac:dyDescent="0.2"/>
    <row r="2" spans="2:10" ht="14.4" x14ac:dyDescent="0.2">
      <c r="B2" s="245" t="s">
        <v>276</v>
      </c>
      <c r="C2" s="154"/>
      <c r="I2" s="155" t="s">
        <v>710</v>
      </c>
      <c r="J2" s="156"/>
    </row>
    <row r="3" spans="2:10" ht="19.8" thickBot="1" x14ac:dyDescent="0.25">
      <c r="B3" s="1672" t="s">
        <v>394</v>
      </c>
      <c r="C3" s="1672"/>
      <c r="D3" s="1672"/>
      <c r="E3" s="1672"/>
      <c r="F3" s="1672"/>
      <c r="G3" s="1672"/>
      <c r="H3" s="1672"/>
      <c r="I3" s="1672"/>
    </row>
    <row r="4" spans="2:10" ht="30" customHeight="1" thickTop="1" thickBot="1" x14ac:dyDescent="0.25">
      <c r="B4" s="1673" t="s">
        <v>305</v>
      </c>
      <c r="C4" s="1674"/>
      <c r="D4" s="1675"/>
      <c r="E4" s="1676" t="s">
        <v>321</v>
      </c>
      <c r="F4" s="1676"/>
      <c r="G4" s="1676"/>
      <c r="H4" s="1676"/>
      <c r="I4" s="1677"/>
    </row>
    <row r="5" spans="2:10" ht="30" customHeight="1" x14ac:dyDescent="0.2">
      <c r="B5" s="1678" t="s">
        <v>306</v>
      </c>
      <c r="C5" s="1602"/>
      <c r="D5" s="1603"/>
      <c r="E5" s="1604" t="s">
        <v>404</v>
      </c>
      <c r="F5" s="1604"/>
      <c r="G5" s="1604"/>
      <c r="H5" s="1604"/>
      <c r="I5" s="1679"/>
    </row>
    <row r="6" spans="2:10" ht="30" customHeight="1" x14ac:dyDescent="0.2">
      <c r="B6" s="1680" t="s">
        <v>126</v>
      </c>
      <c r="C6" s="1607"/>
      <c r="D6" s="1608"/>
      <c r="E6" s="1609" t="s">
        <v>322</v>
      </c>
      <c r="F6" s="1609"/>
      <c r="G6" s="1609"/>
      <c r="H6" s="1609"/>
      <c r="I6" s="1681"/>
    </row>
    <row r="7" spans="2:10" ht="30" customHeight="1" x14ac:dyDescent="0.2">
      <c r="B7" s="1682" t="s">
        <v>127</v>
      </c>
      <c r="C7" s="1612"/>
      <c r="D7" s="157" t="s">
        <v>128</v>
      </c>
      <c r="E7" s="1615" t="s">
        <v>323</v>
      </c>
      <c r="F7" s="1616"/>
      <c r="G7" s="1617" t="s">
        <v>129</v>
      </c>
      <c r="H7" s="1619" t="s">
        <v>324</v>
      </c>
      <c r="I7" s="1684"/>
    </row>
    <row r="8" spans="2:10" ht="30" customHeight="1" thickBot="1" x14ac:dyDescent="0.25">
      <c r="B8" s="1683"/>
      <c r="C8" s="1614"/>
      <c r="D8" s="158" t="s">
        <v>130</v>
      </c>
      <c r="E8" s="1623" t="s">
        <v>323</v>
      </c>
      <c r="F8" s="1624"/>
      <c r="G8" s="1618"/>
      <c r="H8" s="1621"/>
      <c r="I8" s="1685"/>
    </row>
    <row r="9" spans="2:10" ht="30" customHeight="1" thickTop="1" thickBot="1" x14ac:dyDescent="0.25">
      <c r="B9" s="1686" t="s">
        <v>307</v>
      </c>
      <c r="C9" s="159">
        <v>1</v>
      </c>
      <c r="D9" s="160" t="s">
        <v>213</v>
      </c>
      <c r="E9" s="1627" t="s">
        <v>395</v>
      </c>
      <c r="F9" s="1627"/>
      <c r="G9" s="1627"/>
      <c r="H9" s="1627"/>
      <c r="I9" s="1689"/>
    </row>
    <row r="10" spans="2:10" ht="30" customHeight="1" x14ac:dyDescent="0.2">
      <c r="B10" s="1687"/>
      <c r="C10" s="1629">
        <v>2</v>
      </c>
      <c r="D10" s="1630" t="s">
        <v>308</v>
      </c>
      <c r="E10" s="1631" t="s">
        <v>310</v>
      </c>
      <c r="F10" s="1633" t="s">
        <v>311</v>
      </c>
      <c r="G10" s="1634"/>
      <c r="H10" s="1635"/>
      <c r="I10" s="1690" t="s">
        <v>396</v>
      </c>
    </row>
    <row r="11" spans="2:10" ht="30" customHeight="1" x14ac:dyDescent="0.2">
      <c r="B11" s="1687"/>
      <c r="C11" s="1629"/>
      <c r="D11" s="1630"/>
      <c r="E11" s="1632"/>
      <c r="F11" s="162" t="s">
        <v>397</v>
      </c>
      <c r="G11" s="163" t="s">
        <v>410</v>
      </c>
      <c r="H11" s="164" t="s">
        <v>399</v>
      </c>
      <c r="I11" s="1691"/>
    </row>
    <row r="12" spans="2:10" ht="49.5" customHeight="1" thickBot="1" x14ac:dyDescent="0.25">
      <c r="B12" s="1687"/>
      <c r="C12" s="1629"/>
      <c r="D12" s="1630"/>
      <c r="E12" s="165">
        <v>20</v>
      </c>
      <c r="F12" s="166">
        <v>10</v>
      </c>
      <c r="G12" s="167">
        <v>10</v>
      </c>
      <c r="H12" s="168"/>
      <c r="I12" s="175" t="s">
        <v>406</v>
      </c>
    </row>
    <row r="13" spans="2:10" ht="30" customHeight="1" x14ac:dyDescent="0.2">
      <c r="B13" s="1687"/>
      <c r="C13" s="1638">
        <v>3</v>
      </c>
      <c r="D13" s="1629" t="s">
        <v>317</v>
      </c>
      <c r="E13" s="1639" t="s">
        <v>330</v>
      </c>
      <c r="F13" s="1639"/>
      <c r="G13" s="1639"/>
      <c r="H13" s="1639"/>
      <c r="I13" s="1692"/>
    </row>
    <row r="14" spans="2:10" ht="30" customHeight="1" x14ac:dyDescent="0.2">
      <c r="B14" s="1687"/>
      <c r="C14" s="1638"/>
      <c r="D14" s="1629"/>
      <c r="E14" s="1641"/>
      <c r="F14" s="1641"/>
      <c r="G14" s="1641"/>
      <c r="H14" s="1641"/>
      <c r="I14" s="1693"/>
    </row>
    <row r="15" spans="2:10" ht="30" customHeight="1" x14ac:dyDescent="0.2">
      <c r="B15" s="1687"/>
      <c r="C15" s="1643">
        <v>4</v>
      </c>
      <c r="D15" s="1644" t="s">
        <v>200</v>
      </c>
      <c r="E15" s="1646"/>
      <c r="F15" s="1646"/>
      <c r="G15" s="1646"/>
      <c r="H15" s="1646"/>
      <c r="I15" s="1696"/>
    </row>
    <row r="16" spans="2:10" ht="30" customHeight="1" thickBot="1" x14ac:dyDescent="0.25">
      <c r="B16" s="1688"/>
      <c r="C16" s="1694"/>
      <c r="D16" s="1695"/>
      <c r="E16" s="1697"/>
      <c r="F16" s="1697"/>
      <c r="G16" s="1697"/>
      <c r="H16" s="1697"/>
      <c r="I16" s="1698"/>
    </row>
    <row r="17" spans="1:9" ht="42" customHeight="1" x14ac:dyDescent="0.2">
      <c r="A17" s="161"/>
      <c r="B17" s="1663" t="s">
        <v>318</v>
      </c>
      <c r="C17" s="173">
        <v>1</v>
      </c>
      <c r="D17" s="173" t="s">
        <v>225</v>
      </c>
      <c r="E17" s="1666" t="s">
        <v>408</v>
      </c>
      <c r="F17" s="1666"/>
      <c r="G17" s="1666"/>
      <c r="H17" s="1666"/>
      <c r="I17" s="1667"/>
    </row>
    <row r="18" spans="1:9" ht="54" customHeight="1" x14ac:dyDescent="0.2">
      <c r="A18" s="161"/>
      <c r="B18" s="1664"/>
      <c r="C18" s="174">
        <v>2</v>
      </c>
      <c r="D18" s="174" t="s">
        <v>214</v>
      </c>
      <c r="E18" s="1668" t="s">
        <v>411</v>
      </c>
      <c r="F18" s="1668"/>
      <c r="G18" s="1668"/>
      <c r="H18" s="1668"/>
      <c r="I18" s="1669"/>
    </row>
    <row r="19" spans="1:9" ht="54" customHeight="1" thickBot="1" x14ac:dyDescent="0.25">
      <c r="A19" s="161"/>
      <c r="B19" s="1665"/>
      <c r="C19" s="172">
        <v>3</v>
      </c>
      <c r="D19" s="172" t="s">
        <v>200</v>
      </c>
      <c r="E19" s="1670"/>
      <c r="F19" s="1670"/>
      <c r="G19" s="1670"/>
      <c r="H19" s="1670"/>
      <c r="I19" s="1671"/>
    </row>
    <row r="20" spans="1:9" ht="24.75" customHeight="1" x14ac:dyDescent="0.2">
      <c r="B20" s="1661" t="s">
        <v>319</v>
      </c>
      <c r="C20" s="1661"/>
      <c r="D20" s="1661"/>
      <c r="E20" s="1661"/>
      <c r="F20" s="1661"/>
      <c r="G20" s="1661"/>
      <c r="H20" s="1661"/>
      <c r="I20" s="1661"/>
    </row>
    <row r="21" spans="1:9" ht="48" customHeight="1" x14ac:dyDescent="0.2">
      <c r="B21" s="1650" t="s">
        <v>400</v>
      </c>
      <c r="C21" s="1650"/>
      <c r="D21" s="1650"/>
      <c r="E21" s="1650"/>
      <c r="F21" s="1650"/>
      <c r="G21" s="1650"/>
      <c r="H21" s="1650"/>
      <c r="I21" s="1650"/>
    </row>
    <row r="22" spans="1:9" ht="39.75" customHeight="1" x14ac:dyDescent="0.2">
      <c r="B22" s="1650" t="s">
        <v>401</v>
      </c>
      <c r="C22" s="1650"/>
      <c r="D22" s="1650"/>
      <c r="E22" s="1650"/>
      <c r="F22" s="1650"/>
      <c r="G22" s="1650"/>
      <c r="H22" s="1650"/>
      <c r="I22" s="1650"/>
    </row>
    <row r="23" spans="1:9" ht="24.75" customHeight="1" x14ac:dyDescent="0.2">
      <c r="B23" s="1651" t="s">
        <v>412</v>
      </c>
      <c r="C23" s="1651"/>
      <c r="D23" s="1651"/>
      <c r="E23" s="1651"/>
      <c r="F23" s="1651"/>
      <c r="G23" s="1651"/>
      <c r="H23" s="1651"/>
      <c r="I23" s="1651"/>
    </row>
    <row r="24" spans="1:9" ht="24.75" customHeight="1" x14ac:dyDescent="0.2">
      <c r="B24" s="1651" t="s">
        <v>403</v>
      </c>
      <c r="C24" s="1651"/>
      <c r="D24" s="1651"/>
      <c r="E24" s="1651"/>
      <c r="F24" s="1651"/>
      <c r="G24" s="1651"/>
      <c r="H24" s="1651"/>
      <c r="I24" s="1651"/>
    </row>
  </sheetData>
  <customSheetViews>
    <customSheetView guid="{FA98832E-F01A-4598-9960-E27C2FDAB118}">
      <selection activeCell="J20" sqref="J20"/>
      <pageMargins left="0.70866141732283472" right="0.70866141732283472" top="0.74803149606299213" bottom="0.74803149606299213" header="0.31496062992125984" footer="0.31496062992125984"/>
      <printOptions horizontalCentered="1"/>
      <pageSetup paperSize="9" scale="83" orientation="portrait" r:id="rId1"/>
    </customSheetView>
    <customSheetView guid="{8494577A-77FB-45FD-BD2B-C737BCFAD5B3}">
      <selection activeCell="J20" sqref="J20"/>
      <pageMargins left="0.70866141732283472" right="0.70866141732283472" top="0.74803149606299213" bottom="0.74803149606299213" header="0.31496062992125984" footer="0.31496062992125984"/>
      <printOptions horizontalCentered="1"/>
      <pageSetup paperSize="9" scale="83" orientation="portrait" r:id="rId2"/>
    </customSheetView>
  </customSheetViews>
  <mergeCells count="34">
    <mergeCell ref="B22:I22"/>
    <mergeCell ref="B23:I23"/>
    <mergeCell ref="B24:I24"/>
    <mergeCell ref="B17:B19"/>
    <mergeCell ref="E17:I17"/>
    <mergeCell ref="E18:I18"/>
    <mergeCell ref="E19:I19"/>
    <mergeCell ref="B20:I20"/>
    <mergeCell ref="B21:I21"/>
    <mergeCell ref="B9:B16"/>
    <mergeCell ref="E9:I9"/>
    <mergeCell ref="C10:C12"/>
    <mergeCell ref="D10:D12"/>
    <mergeCell ref="E10:E11"/>
    <mergeCell ref="F10:H10"/>
    <mergeCell ref="I10:I11"/>
    <mergeCell ref="C13:C14"/>
    <mergeCell ref="D13:D14"/>
    <mergeCell ref="E13:I14"/>
    <mergeCell ref="C15:C16"/>
    <mergeCell ref="D15:D16"/>
    <mergeCell ref="E15:I16"/>
    <mergeCell ref="B6:D6"/>
    <mergeCell ref="E6:I6"/>
    <mergeCell ref="B7:C8"/>
    <mergeCell ref="E7:F7"/>
    <mergeCell ref="G7:G8"/>
    <mergeCell ref="H7:I8"/>
    <mergeCell ref="E8:F8"/>
    <mergeCell ref="B3:I3"/>
    <mergeCell ref="B4:D4"/>
    <mergeCell ref="E4:I4"/>
    <mergeCell ref="B5:D5"/>
    <mergeCell ref="E5:I5"/>
  </mergeCells>
  <phoneticPr fontId="6"/>
  <printOptions horizontalCentered="1"/>
  <pageMargins left="0.70866141732283472" right="0.70866141732283472" top="0.74803149606299213" bottom="0.74803149606299213" header="0.31496062992125984" footer="0.31496062992125984"/>
  <pageSetup paperSize="9" scale="83"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R67"/>
  <sheetViews>
    <sheetView view="pageBreakPreview" zoomScaleNormal="100" zoomScaleSheetLayoutView="100" workbookViewId="0">
      <selection activeCell="D22" sqref="D22:T23"/>
    </sheetView>
  </sheetViews>
  <sheetFormatPr defaultColWidth="4.44140625" defaultRowHeight="13.2" x14ac:dyDescent="0.2"/>
  <cols>
    <col min="1" max="1" width="3.21875" style="836" customWidth="1"/>
    <col min="2" max="2" width="2.88671875" style="836" customWidth="1"/>
    <col min="3" max="8" width="5.109375" style="836" customWidth="1"/>
    <col min="9" max="9" width="8.44140625" style="836" customWidth="1"/>
    <col min="10" max="18" width="5.109375" style="836" customWidth="1"/>
    <col min="19" max="20" width="8.44140625" style="836" customWidth="1"/>
    <col min="21" max="25" width="5.109375" style="836" customWidth="1"/>
    <col min="26" max="26" width="3.21875" style="836" customWidth="1"/>
    <col min="27" max="257" width="4.44140625" style="836"/>
    <col min="258" max="258" width="3.21875" style="836" customWidth="1"/>
    <col min="259" max="259" width="2.6640625" style="836" customWidth="1"/>
    <col min="260" max="265" width="4.44140625" style="836"/>
    <col min="266" max="266" width="8.21875" style="836" customWidth="1"/>
    <col min="267" max="275" width="4.44140625" style="836"/>
    <col min="276" max="277" width="7.44140625" style="836" customWidth="1"/>
    <col min="278" max="280" width="4.44140625" style="836"/>
    <col min="281" max="281" width="2.6640625" style="836" customWidth="1"/>
    <col min="282" max="282" width="3.77734375" style="836" customWidth="1"/>
    <col min="283" max="513" width="4.44140625" style="836"/>
    <col min="514" max="514" width="3.21875" style="836" customWidth="1"/>
    <col min="515" max="515" width="2.6640625" style="836" customWidth="1"/>
    <col min="516" max="521" width="4.44140625" style="836"/>
    <col min="522" max="522" width="8.21875" style="836" customWidth="1"/>
    <col min="523" max="531" width="4.44140625" style="836"/>
    <col min="532" max="533" width="7.44140625" style="836" customWidth="1"/>
    <col min="534" max="536" width="4.44140625" style="836"/>
    <col min="537" max="537" width="2.6640625" style="836" customWidth="1"/>
    <col min="538" max="538" width="3.77734375" style="836" customWidth="1"/>
    <col min="539" max="769" width="4.44140625" style="836"/>
    <col min="770" max="770" width="3.21875" style="836" customWidth="1"/>
    <col min="771" max="771" width="2.6640625" style="836" customWidth="1"/>
    <col min="772" max="777" width="4.44140625" style="836"/>
    <col min="778" max="778" width="8.21875" style="836" customWidth="1"/>
    <col min="779" max="787" width="4.44140625" style="836"/>
    <col min="788" max="789" width="7.44140625" style="836" customWidth="1"/>
    <col min="790" max="792" width="4.44140625" style="836"/>
    <col min="793" max="793" width="2.6640625" style="836" customWidth="1"/>
    <col min="794" max="794" width="3.77734375" style="836" customWidth="1"/>
    <col min="795" max="1025" width="4.44140625" style="836"/>
    <col min="1026" max="1026" width="3.21875" style="836" customWidth="1"/>
    <col min="1027" max="1027" width="2.6640625" style="836" customWidth="1"/>
    <col min="1028" max="1033" width="4.44140625" style="836"/>
    <col min="1034" max="1034" width="8.21875" style="836" customWidth="1"/>
    <col min="1035" max="1043" width="4.44140625" style="836"/>
    <col min="1044" max="1045" width="7.44140625" style="836" customWidth="1"/>
    <col min="1046" max="1048" width="4.44140625" style="836"/>
    <col min="1049" max="1049" width="2.6640625" style="836" customWidth="1"/>
    <col min="1050" max="1050" width="3.77734375" style="836" customWidth="1"/>
    <col min="1051" max="1281" width="4.44140625" style="836"/>
    <col min="1282" max="1282" width="3.21875" style="836" customWidth="1"/>
    <col min="1283" max="1283" width="2.6640625" style="836" customWidth="1"/>
    <col min="1284" max="1289" width="4.44140625" style="836"/>
    <col min="1290" max="1290" width="8.21875" style="836" customWidth="1"/>
    <col min="1291" max="1299" width="4.44140625" style="836"/>
    <col min="1300" max="1301" width="7.44140625" style="836" customWidth="1"/>
    <col min="1302" max="1304" width="4.44140625" style="836"/>
    <col min="1305" max="1305" width="2.6640625" style="836" customWidth="1"/>
    <col min="1306" max="1306" width="3.77734375" style="836" customWidth="1"/>
    <col min="1307" max="1537" width="4.44140625" style="836"/>
    <col min="1538" max="1538" width="3.21875" style="836" customWidth="1"/>
    <col min="1539" max="1539" width="2.6640625" style="836" customWidth="1"/>
    <col min="1540" max="1545" width="4.44140625" style="836"/>
    <col min="1546" max="1546" width="8.21875" style="836" customWidth="1"/>
    <col min="1547" max="1555" width="4.44140625" style="836"/>
    <col min="1556" max="1557" width="7.44140625" style="836" customWidth="1"/>
    <col min="1558" max="1560" width="4.44140625" style="836"/>
    <col min="1561" max="1561" width="2.6640625" style="836" customWidth="1"/>
    <col min="1562" max="1562" width="3.77734375" style="836" customWidth="1"/>
    <col min="1563" max="1793" width="4.44140625" style="836"/>
    <col min="1794" max="1794" width="3.21875" style="836" customWidth="1"/>
    <col min="1795" max="1795" width="2.6640625" style="836" customWidth="1"/>
    <col min="1796" max="1801" width="4.44140625" style="836"/>
    <col min="1802" max="1802" width="8.21875" style="836" customWidth="1"/>
    <col min="1803" max="1811" width="4.44140625" style="836"/>
    <col min="1812" max="1813" width="7.44140625" style="836" customWidth="1"/>
    <col min="1814" max="1816" width="4.44140625" style="836"/>
    <col min="1817" max="1817" width="2.6640625" style="836" customWidth="1"/>
    <col min="1818" max="1818" width="3.77734375" style="836" customWidth="1"/>
    <col min="1819" max="2049" width="4.44140625" style="836"/>
    <col min="2050" max="2050" width="3.21875" style="836" customWidth="1"/>
    <col min="2051" max="2051" width="2.6640625" style="836" customWidth="1"/>
    <col min="2052" max="2057" width="4.44140625" style="836"/>
    <col min="2058" max="2058" width="8.21875" style="836" customWidth="1"/>
    <col min="2059" max="2067" width="4.44140625" style="836"/>
    <col min="2068" max="2069" width="7.44140625" style="836" customWidth="1"/>
    <col min="2070" max="2072" width="4.44140625" style="836"/>
    <col min="2073" max="2073" width="2.6640625" style="836" customWidth="1"/>
    <col min="2074" max="2074" width="3.77734375" style="836" customWidth="1"/>
    <col min="2075" max="2305" width="4.44140625" style="836"/>
    <col min="2306" max="2306" width="3.21875" style="836" customWidth="1"/>
    <col min="2307" max="2307" width="2.6640625" style="836" customWidth="1"/>
    <col min="2308" max="2313" width="4.44140625" style="836"/>
    <col min="2314" max="2314" width="8.21875" style="836" customWidth="1"/>
    <col min="2315" max="2323" width="4.44140625" style="836"/>
    <col min="2324" max="2325" width="7.44140625" style="836" customWidth="1"/>
    <col min="2326" max="2328" width="4.44140625" style="836"/>
    <col min="2329" max="2329" width="2.6640625" style="836" customWidth="1"/>
    <col min="2330" max="2330" width="3.77734375" style="836" customWidth="1"/>
    <col min="2331" max="2561" width="4.44140625" style="836"/>
    <col min="2562" max="2562" width="3.21875" style="836" customWidth="1"/>
    <col min="2563" max="2563" width="2.6640625" style="836" customWidth="1"/>
    <col min="2564" max="2569" width="4.44140625" style="836"/>
    <col min="2570" max="2570" width="8.21875" style="836" customWidth="1"/>
    <col min="2571" max="2579" width="4.44140625" style="836"/>
    <col min="2580" max="2581" width="7.44140625" style="836" customWidth="1"/>
    <col min="2582" max="2584" width="4.44140625" style="836"/>
    <col min="2585" max="2585" width="2.6640625" style="836" customWidth="1"/>
    <col min="2586" max="2586" width="3.77734375" style="836" customWidth="1"/>
    <col min="2587" max="2817" width="4.44140625" style="836"/>
    <col min="2818" max="2818" width="3.21875" style="836" customWidth="1"/>
    <col min="2819" max="2819" width="2.6640625" style="836" customWidth="1"/>
    <col min="2820" max="2825" width="4.44140625" style="836"/>
    <col min="2826" max="2826" width="8.21875" style="836" customWidth="1"/>
    <col min="2827" max="2835" width="4.44140625" style="836"/>
    <col min="2836" max="2837" width="7.44140625" style="836" customWidth="1"/>
    <col min="2838" max="2840" width="4.44140625" style="836"/>
    <col min="2841" max="2841" width="2.6640625" style="836" customWidth="1"/>
    <col min="2842" max="2842" width="3.77734375" style="836" customWidth="1"/>
    <col min="2843" max="3073" width="4.44140625" style="836"/>
    <col min="3074" max="3074" width="3.21875" style="836" customWidth="1"/>
    <col min="3075" max="3075" width="2.6640625" style="836" customWidth="1"/>
    <col min="3076" max="3081" width="4.44140625" style="836"/>
    <col min="3082" max="3082" width="8.21875" style="836" customWidth="1"/>
    <col min="3083" max="3091" width="4.44140625" style="836"/>
    <col min="3092" max="3093" width="7.44140625" style="836" customWidth="1"/>
    <col min="3094" max="3096" width="4.44140625" style="836"/>
    <col min="3097" max="3097" width="2.6640625" style="836" customWidth="1"/>
    <col min="3098" max="3098" width="3.77734375" style="836" customWidth="1"/>
    <col min="3099" max="3329" width="4.44140625" style="836"/>
    <col min="3330" max="3330" width="3.21875" style="836" customWidth="1"/>
    <col min="3331" max="3331" width="2.6640625" style="836" customWidth="1"/>
    <col min="3332" max="3337" width="4.44140625" style="836"/>
    <col min="3338" max="3338" width="8.21875" style="836" customWidth="1"/>
    <col min="3339" max="3347" width="4.44140625" style="836"/>
    <col min="3348" max="3349" width="7.44140625" style="836" customWidth="1"/>
    <col min="3350" max="3352" width="4.44140625" style="836"/>
    <col min="3353" max="3353" width="2.6640625" style="836" customWidth="1"/>
    <col min="3354" max="3354" width="3.77734375" style="836" customWidth="1"/>
    <col min="3355" max="3585" width="4.44140625" style="836"/>
    <col min="3586" max="3586" width="3.21875" style="836" customWidth="1"/>
    <col min="3587" max="3587" width="2.6640625" style="836" customWidth="1"/>
    <col min="3588" max="3593" width="4.44140625" style="836"/>
    <col min="3594" max="3594" width="8.21875" style="836" customWidth="1"/>
    <col min="3595" max="3603" width="4.44140625" style="836"/>
    <col min="3604" max="3605" width="7.44140625" style="836" customWidth="1"/>
    <col min="3606" max="3608" width="4.44140625" style="836"/>
    <col min="3609" max="3609" width="2.6640625" style="836" customWidth="1"/>
    <col min="3610" max="3610" width="3.77734375" style="836" customWidth="1"/>
    <col min="3611" max="3841" width="4.44140625" style="836"/>
    <col min="3842" max="3842" width="3.21875" style="836" customWidth="1"/>
    <col min="3843" max="3843" width="2.6640625" style="836" customWidth="1"/>
    <col min="3844" max="3849" width="4.44140625" style="836"/>
    <col min="3850" max="3850" width="8.21875" style="836" customWidth="1"/>
    <col min="3851" max="3859" width="4.44140625" style="836"/>
    <col min="3860" max="3861" width="7.44140625" style="836" customWidth="1"/>
    <col min="3862" max="3864" width="4.44140625" style="836"/>
    <col min="3865" max="3865" width="2.6640625" style="836" customWidth="1"/>
    <col min="3866" max="3866" width="3.77734375" style="836" customWidth="1"/>
    <col min="3867" max="4097" width="4.44140625" style="836"/>
    <col min="4098" max="4098" width="3.21875" style="836" customWidth="1"/>
    <col min="4099" max="4099" width="2.6640625" style="836" customWidth="1"/>
    <col min="4100" max="4105" width="4.44140625" style="836"/>
    <col min="4106" max="4106" width="8.21875" style="836" customWidth="1"/>
    <col min="4107" max="4115" width="4.44140625" style="836"/>
    <col min="4116" max="4117" width="7.44140625" style="836" customWidth="1"/>
    <col min="4118" max="4120" width="4.44140625" style="836"/>
    <col min="4121" max="4121" width="2.6640625" style="836" customWidth="1"/>
    <col min="4122" max="4122" width="3.77734375" style="836" customWidth="1"/>
    <col min="4123" max="4353" width="4.44140625" style="836"/>
    <col min="4354" max="4354" width="3.21875" style="836" customWidth="1"/>
    <col min="4355" max="4355" width="2.6640625" style="836" customWidth="1"/>
    <col min="4356" max="4361" width="4.44140625" style="836"/>
    <col min="4362" max="4362" width="8.21875" style="836" customWidth="1"/>
    <col min="4363" max="4371" width="4.44140625" style="836"/>
    <col min="4372" max="4373" width="7.44140625" style="836" customWidth="1"/>
    <col min="4374" max="4376" width="4.44140625" style="836"/>
    <col min="4377" max="4377" width="2.6640625" style="836" customWidth="1"/>
    <col min="4378" max="4378" width="3.77734375" style="836" customWidth="1"/>
    <col min="4379" max="4609" width="4.44140625" style="836"/>
    <col min="4610" max="4610" width="3.21875" style="836" customWidth="1"/>
    <col min="4611" max="4611" width="2.6640625" style="836" customWidth="1"/>
    <col min="4612" max="4617" width="4.44140625" style="836"/>
    <col min="4618" max="4618" width="8.21875" style="836" customWidth="1"/>
    <col min="4619" max="4627" width="4.44140625" style="836"/>
    <col min="4628" max="4629" width="7.44140625" style="836" customWidth="1"/>
    <col min="4630" max="4632" width="4.44140625" style="836"/>
    <col min="4633" max="4633" width="2.6640625" style="836" customWidth="1"/>
    <col min="4634" max="4634" width="3.77734375" style="836" customWidth="1"/>
    <col min="4635" max="4865" width="4.44140625" style="836"/>
    <col min="4866" max="4866" width="3.21875" style="836" customWidth="1"/>
    <col min="4867" max="4867" width="2.6640625" style="836" customWidth="1"/>
    <col min="4868" max="4873" width="4.44140625" style="836"/>
    <col min="4874" max="4874" width="8.21875" style="836" customWidth="1"/>
    <col min="4875" max="4883" width="4.44140625" style="836"/>
    <col min="4884" max="4885" width="7.44140625" style="836" customWidth="1"/>
    <col min="4886" max="4888" width="4.44140625" style="836"/>
    <col min="4889" max="4889" width="2.6640625" style="836" customWidth="1"/>
    <col min="4890" max="4890" width="3.77734375" style="836" customWidth="1"/>
    <col min="4891" max="5121" width="4.44140625" style="836"/>
    <col min="5122" max="5122" width="3.21875" style="836" customWidth="1"/>
    <col min="5123" max="5123" width="2.6640625" style="836" customWidth="1"/>
    <col min="5124" max="5129" width="4.44140625" style="836"/>
    <col min="5130" max="5130" width="8.21875" style="836" customWidth="1"/>
    <col min="5131" max="5139" width="4.44140625" style="836"/>
    <col min="5140" max="5141" width="7.44140625" style="836" customWidth="1"/>
    <col min="5142" max="5144" width="4.44140625" style="836"/>
    <col min="5145" max="5145" width="2.6640625" style="836" customWidth="1"/>
    <col min="5146" max="5146" width="3.77734375" style="836" customWidth="1"/>
    <col min="5147" max="5377" width="4.44140625" style="836"/>
    <col min="5378" max="5378" width="3.21875" style="836" customWidth="1"/>
    <col min="5379" max="5379" width="2.6640625" style="836" customWidth="1"/>
    <col min="5380" max="5385" width="4.44140625" style="836"/>
    <col min="5386" max="5386" width="8.21875" style="836" customWidth="1"/>
    <col min="5387" max="5395" width="4.44140625" style="836"/>
    <col min="5396" max="5397" width="7.44140625" style="836" customWidth="1"/>
    <col min="5398" max="5400" width="4.44140625" style="836"/>
    <col min="5401" max="5401" width="2.6640625" style="836" customWidth="1"/>
    <col min="5402" max="5402" width="3.77734375" style="836" customWidth="1"/>
    <col min="5403" max="5633" width="4.44140625" style="836"/>
    <col min="5634" max="5634" width="3.21875" style="836" customWidth="1"/>
    <col min="5635" max="5635" width="2.6640625" style="836" customWidth="1"/>
    <col min="5636" max="5641" width="4.44140625" style="836"/>
    <col min="5642" max="5642" width="8.21875" style="836" customWidth="1"/>
    <col min="5643" max="5651" width="4.44140625" style="836"/>
    <col min="5652" max="5653" width="7.44140625" style="836" customWidth="1"/>
    <col min="5654" max="5656" width="4.44140625" style="836"/>
    <col min="5657" max="5657" width="2.6640625" style="836" customWidth="1"/>
    <col min="5658" max="5658" width="3.77734375" style="836" customWidth="1"/>
    <col min="5659" max="5889" width="4.44140625" style="836"/>
    <col min="5890" max="5890" width="3.21875" style="836" customWidth="1"/>
    <col min="5891" max="5891" width="2.6640625" style="836" customWidth="1"/>
    <col min="5892" max="5897" width="4.44140625" style="836"/>
    <col min="5898" max="5898" width="8.21875" style="836" customWidth="1"/>
    <col min="5899" max="5907" width="4.44140625" style="836"/>
    <col min="5908" max="5909" width="7.44140625" style="836" customWidth="1"/>
    <col min="5910" max="5912" width="4.44140625" style="836"/>
    <col min="5913" max="5913" width="2.6640625" style="836" customWidth="1"/>
    <col min="5914" max="5914" width="3.77734375" style="836" customWidth="1"/>
    <col min="5915" max="6145" width="4.44140625" style="836"/>
    <col min="6146" max="6146" width="3.21875" style="836" customWidth="1"/>
    <col min="6147" max="6147" width="2.6640625" style="836" customWidth="1"/>
    <col min="6148" max="6153" width="4.44140625" style="836"/>
    <col min="6154" max="6154" width="8.21875" style="836" customWidth="1"/>
    <col min="6155" max="6163" width="4.44140625" style="836"/>
    <col min="6164" max="6165" width="7.44140625" style="836" customWidth="1"/>
    <col min="6166" max="6168" width="4.44140625" style="836"/>
    <col min="6169" max="6169" width="2.6640625" style="836" customWidth="1"/>
    <col min="6170" max="6170" width="3.77734375" style="836" customWidth="1"/>
    <col min="6171" max="6401" width="4.44140625" style="836"/>
    <col min="6402" max="6402" width="3.21875" style="836" customWidth="1"/>
    <col min="6403" max="6403" width="2.6640625" style="836" customWidth="1"/>
    <col min="6404" max="6409" width="4.44140625" style="836"/>
    <col min="6410" max="6410" width="8.21875" style="836" customWidth="1"/>
    <col min="6411" max="6419" width="4.44140625" style="836"/>
    <col min="6420" max="6421" width="7.44140625" style="836" customWidth="1"/>
    <col min="6422" max="6424" width="4.44140625" style="836"/>
    <col min="6425" max="6425" width="2.6640625" style="836" customWidth="1"/>
    <col min="6426" max="6426" width="3.77734375" style="836" customWidth="1"/>
    <col min="6427" max="6657" width="4.44140625" style="836"/>
    <col min="6658" max="6658" width="3.21875" style="836" customWidth="1"/>
    <col min="6659" max="6659" width="2.6640625" style="836" customWidth="1"/>
    <col min="6660" max="6665" width="4.44140625" style="836"/>
    <col min="6666" max="6666" width="8.21875" style="836" customWidth="1"/>
    <col min="6667" max="6675" width="4.44140625" style="836"/>
    <col min="6676" max="6677" width="7.44140625" style="836" customWidth="1"/>
    <col min="6678" max="6680" width="4.44140625" style="836"/>
    <col min="6681" max="6681" width="2.6640625" style="836" customWidth="1"/>
    <col min="6682" max="6682" width="3.77734375" style="836" customWidth="1"/>
    <col min="6683" max="6913" width="4.44140625" style="836"/>
    <col min="6914" max="6914" width="3.21875" style="836" customWidth="1"/>
    <col min="6915" max="6915" width="2.6640625" style="836" customWidth="1"/>
    <col min="6916" max="6921" width="4.44140625" style="836"/>
    <col min="6922" max="6922" width="8.21875" style="836" customWidth="1"/>
    <col min="6923" max="6931" width="4.44140625" style="836"/>
    <col min="6932" max="6933" width="7.44140625" style="836" customWidth="1"/>
    <col min="6934" max="6936" width="4.44140625" style="836"/>
    <col min="6937" max="6937" width="2.6640625" style="836" customWidth="1"/>
    <col min="6938" max="6938" width="3.77734375" style="836" customWidth="1"/>
    <col min="6939" max="7169" width="4.44140625" style="836"/>
    <col min="7170" max="7170" width="3.21875" style="836" customWidth="1"/>
    <col min="7171" max="7171" width="2.6640625" style="836" customWidth="1"/>
    <col min="7172" max="7177" width="4.44140625" style="836"/>
    <col min="7178" max="7178" width="8.21875" style="836" customWidth="1"/>
    <col min="7179" max="7187" width="4.44140625" style="836"/>
    <col min="7188" max="7189" width="7.44140625" style="836" customWidth="1"/>
    <col min="7190" max="7192" width="4.44140625" style="836"/>
    <col min="7193" max="7193" width="2.6640625" style="836" customWidth="1"/>
    <col min="7194" max="7194" width="3.77734375" style="836" customWidth="1"/>
    <col min="7195" max="7425" width="4.44140625" style="836"/>
    <col min="7426" max="7426" width="3.21875" style="836" customWidth="1"/>
    <col min="7427" max="7427" width="2.6640625" style="836" customWidth="1"/>
    <col min="7428" max="7433" width="4.44140625" style="836"/>
    <col min="7434" max="7434" width="8.21875" style="836" customWidth="1"/>
    <col min="7435" max="7443" width="4.44140625" style="836"/>
    <col min="7444" max="7445" width="7.44140625" style="836" customWidth="1"/>
    <col min="7446" max="7448" width="4.44140625" style="836"/>
    <col min="7449" max="7449" width="2.6640625" style="836" customWidth="1"/>
    <col min="7450" max="7450" width="3.77734375" style="836" customWidth="1"/>
    <col min="7451" max="7681" width="4.44140625" style="836"/>
    <col min="7682" max="7682" width="3.21875" style="836" customWidth="1"/>
    <col min="7683" max="7683" width="2.6640625" style="836" customWidth="1"/>
    <col min="7684" max="7689" width="4.44140625" style="836"/>
    <col min="7690" max="7690" width="8.21875" style="836" customWidth="1"/>
    <col min="7691" max="7699" width="4.44140625" style="836"/>
    <col min="7700" max="7701" width="7.44140625" style="836" customWidth="1"/>
    <col min="7702" max="7704" width="4.44140625" style="836"/>
    <col min="7705" max="7705" width="2.6640625" style="836" customWidth="1"/>
    <col min="7706" max="7706" width="3.77734375" style="836" customWidth="1"/>
    <col min="7707" max="7937" width="4.44140625" style="836"/>
    <col min="7938" max="7938" width="3.21875" style="836" customWidth="1"/>
    <col min="7939" max="7939" width="2.6640625" style="836" customWidth="1"/>
    <col min="7940" max="7945" width="4.44140625" style="836"/>
    <col min="7946" max="7946" width="8.21875" style="836" customWidth="1"/>
    <col min="7947" max="7955" width="4.44140625" style="836"/>
    <col min="7956" max="7957" width="7.44140625" style="836" customWidth="1"/>
    <col min="7958" max="7960" width="4.44140625" style="836"/>
    <col min="7961" max="7961" width="2.6640625" style="836" customWidth="1"/>
    <col min="7962" max="7962" width="3.77734375" style="836" customWidth="1"/>
    <col min="7963" max="8193" width="4.44140625" style="836"/>
    <col min="8194" max="8194" width="3.21875" style="836" customWidth="1"/>
    <col min="8195" max="8195" width="2.6640625" style="836" customWidth="1"/>
    <col min="8196" max="8201" width="4.44140625" style="836"/>
    <col min="8202" max="8202" width="8.21875" style="836" customWidth="1"/>
    <col min="8203" max="8211" width="4.44140625" style="836"/>
    <col min="8212" max="8213" width="7.44140625" style="836" customWidth="1"/>
    <col min="8214" max="8216" width="4.44140625" style="836"/>
    <col min="8217" max="8217" width="2.6640625" style="836" customWidth="1"/>
    <col min="8218" max="8218" width="3.77734375" style="836" customWidth="1"/>
    <col min="8219" max="8449" width="4.44140625" style="836"/>
    <col min="8450" max="8450" width="3.21875" style="836" customWidth="1"/>
    <col min="8451" max="8451" width="2.6640625" style="836" customWidth="1"/>
    <col min="8452" max="8457" width="4.44140625" style="836"/>
    <col min="8458" max="8458" width="8.21875" style="836" customWidth="1"/>
    <col min="8459" max="8467" width="4.44140625" style="836"/>
    <col min="8468" max="8469" width="7.44140625" style="836" customWidth="1"/>
    <col min="8470" max="8472" width="4.44140625" style="836"/>
    <col min="8473" max="8473" width="2.6640625" style="836" customWidth="1"/>
    <col min="8474" max="8474" width="3.77734375" style="836" customWidth="1"/>
    <col min="8475" max="8705" width="4.44140625" style="836"/>
    <col min="8706" max="8706" width="3.21875" style="836" customWidth="1"/>
    <col min="8707" max="8707" width="2.6640625" style="836" customWidth="1"/>
    <col min="8708" max="8713" width="4.44140625" style="836"/>
    <col min="8714" max="8714" width="8.21875" style="836" customWidth="1"/>
    <col min="8715" max="8723" width="4.44140625" style="836"/>
    <col min="8724" max="8725" width="7.44140625" style="836" customWidth="1"/>
    <col min="8726" max="8728" width="4.44140625" style="836"/>
    <col min="8729" max="8729" width="2.6640625" style="836" customWidth="1"/>
    <col min="8730" max="8730" width="3.77734375" style="836" customWidth="1"/>
    <col min="8731" max="8961" width="4.44140625" style="836"/>
    <col min="8962" max="8962" width="3.21875" style="836" customWidth="1"/>
    <col min="8963" max="8963" width="2.6640625" style="836" customWidth="1"/>
    <col min="8964" max="8969" width="4.44140625" style="836"/>
    <col min="8970" max="8970" width="8.21875" style="836" customWidth="1"/>
    <col min="8971" max="8979" width="4.44140625" style="836"/>
    <col min="8980" max="8981" width="7.44140625" style="836" customWidth="1"/>
    <col min="8982" max="8984" width="4.44140625" style="836"/>
    <col min="8985" max="8985" width="2.6640625" style="836" customWidth="1"/>
    <col min="8986" max="8986" width="3.77734375" style="836" customWidth="1"/>
    <col min="8987" max="9217" width="4.44140625" style="836"/>
    <col min="9218" max="9218" width="3.21875" style="836" customWidth="1"/>
    <col min="9219" max="9219" width="2.6640625" style="836" customWidth="1"/>
    <col min="9220" max="9225" width="4.44140625" style="836"/>
    <col min="9226" max="9226" width="8.21875" style="836" customWidth="1"/>
    <col min="9227" max="9235" width="4.44140625" style="836"/>
    <col min="9236" max="9237" width="7.44140625" style="836" customWidth="1"/>
    <col min="9238" max="9240" width="4.44140625" style="836"/>
    <col min="9241" max="9241" width="2.6640625" style="836" customWidth="1"/>
    <col min="9242" max="9242" width="3.77734375" style="836" customWidth="1"/>
    <col min="9243" max="9473" width="4.44140625" style="836"/>
    <col min="9474" max="9474" width="3.21875" style="836" customWidth="1"/>
    <col min="9475" max="9475" width="2.6640625" style="836" customWidth="1"/>
    <col min="9476" max="9481" width="4.44140625" style="836"/>
    <col min="9482" max="9482" width="8.21875" style="836" customWidth="1"/>
    <col min="9483" max="9491" width="4.44140625" style="836"/>
    <col min="9492" max="9493" width="7.44140625" style="836" customWidth="1"/>
    <col min="9494" max="9496" width="4.44140625" style="836"/>
    <col min="9497" max="9497" width="2.6640625" style="836" customWidth="1"/>
    <col min="9498" max="9498" width="3.77734375" style="836" customWidth="1"/>
    <col min="9499" max="9729" width="4.44140625" style="836"/>
    <col min="9730" max="9730" width="3.21875" style="836" customWidth="1"/>
    <col min="9731" max="9731" width="2.6640625" style="836" customWidth="1"/>
    <col min="9732" max="9737" width="4.44140625" style="836"/>
    <col min="9738" max="9738" width="8.21875" style="836" customWidth="1"/>
    <col min="9739" max="9747" width="4.44140625" style="836"/>
    <col min="9748" max="9749" width="7.44140625" style="836" customWidth="1"/>
    <col min="9750" max="9752" width="4.44140625" style="836"/>
    <col min="9753" max="9753" width="2.6640625" style="836" customWidth="1"/>
    <col min="9754" max="9754" width="3.77734375" style="836" customWidth="1"/>
    <col min="9755" max="9985" width="4.44140625" style="836"/>
    <col min="9986" max="9986" width="3.21875" style="836" customWidth="1"/>
    <col min="9987" max="9987" width="2.6640625" style="836" customWidth="1"/>
    <col min="9988" max="9993" width="4.44140625" style="836"/>
    <col min="9994" max="9994" width="8.21875" style="836" customWidth="1"/>
    <col min="9995" max="10003" width="4.44140625" style="836"/>
    <col min="10004" max="10005" width="7.44140625" style="836" customWidth="1"/>
    <col min="10006" max="10008" width="4.44140625" style="836"/>
    <col min="10009" max="10009" width="2.6640625" style="836" customWidth="1"/>
    <col min="10010" max="10010" width="3.77734375" style="836" customWidth="1"/>
    <col min="10011" max="10241" width="4.44140625" style="836"/>
    <col min="10242" max="10242" width="3.21875" style="836" customWidth="1"/>
    <col min="10243" max="10243" width="2.6640625" style="836" customWidth="1"/>
    <col min="10244" max="10249" width="4.44140625" style="836"/>
    <col min="10250" max="10250" width="8.21875" style="836" customWidth="1"/>
    <col min="10251" max="10259" width="4.44140625" style="836"/>
    <col min="10260" max="10261" width="7.44140625" style="836" customWidth="1"/>
    <col min="10262" max="10264" width="4.44140625" style="836"/>
    <col min="10265" max="10265" width="2.6640625" style="836" customWidth="1"/>
    <col min="10266" max="10266" width="3.77734375" style="836" customWidth="1"/>
    <col min="10267" max="10497" width="4.44140625" style="836"/>
    <col min="10498" max="10498" width="3.21875" style="836" customWidth="1"/>
    <col min="10499" max="10499" width="2.6640625" style="836" customWidth="1"/>
    <col min="10500" max="10505" width="4.44140625" style="836"/>
    <col min="10506" max="10506" width="8.21875" style="836" customWidth="1"/>
    <col min="10507" max="10515" width="4.44140625" style="836"/>
    <col min="10516" max="10517" width="7.44140625" style="836" customWidth="1"/>
    <col min="10518" max="10520" width="4.44140625" style="836"/>
    <col min="10521" max="10521" width="2.6640625" style="836" customWidth="1"/>
    <col min="10522" max="10522" width="3.77734375" style="836" customWidth="1"/>
    <col min="10523" max="10753" width="4.44140625" style="836"/>
    <col min="10754" max="10754" width="3.21875" style="836" customWidth="1"/>
    <col min="10755" max="10755" width="2.6640625" style="836" customWidth="1"/>
    <col min="10756" max="10761" width="4.44140625" style="836"/>
    <col min="10762" max="10762" width="8.21875" style="836" customWidth="1"/>
    <col min="10763" max="10771" width="4.44140625" style="836"/>
    <col min="10772" max="10773" width="7.44140625" style="836" customWidth="1"/>
    <col min="10774" max="10776" width="4.44140625" style="836"/>
    <col min="10777" max="10777" width="2.6640625" style="836" customWidth="1"/>
    <col min="10778" max="10778" width="3.77734375" style="836" customWidth="1"/>
    <col min="10779" max="11009" width="4.44140625" style="836"/>
    <col min="11010" max="11010" width="3.21875" style="836" customWidth="1"/>
    <col min="11011" max="11011" width="2.6640625" style="836" customWidth="1"/>
    <col min="11012" max="11017" width="4.44140625" style="836"/>
    <col min="11018" max="11018" width="8.21875" style="836" customWidth="1"/>
    <col min="11019" max="11027" width="4.44140625" style="836"/>
    <col min="11028" max="11029" width="7.44140625" style="836" customWidth="1"/>
    <col min="11030" max="11032" width="4.44140625" style="836"/>
    <col min="11033" max="11033" width="2.6640625" style="836" customWidth="1"/>
    <col min="11034" max="11034" width="3.77734375" style="836" customWidth="1"/>
    <col min="11035" max="11265" width="4.44140625" style="836"/>
    <col min="11266" max="11266" width="3.21875" style="836" customWidth="1"/>
    <col min="11267" max="11267" width="2.6640625" style="836" customWidth="1"/>
    <col min="11268" max="11273" width="4.44140625" style="836"/>
    <col min="11274" max="11274" width="8.21875" style="836" customWidth="1"/>
    <col min="11275" max="11283" width="4.44140625" style="836"/>
    <col min="11284" max="11285" width="7.44140625" style="836" customWidth="1"/>
    <col min="11286" max="11288" width="4.44140625" style="836"/>
    <col min="11289" max="11289" width="2.6640625" style="836" customWidth="1"/>
    <col min="11290" max="11290" width="3.77734375" style="836" customWidth="1"/>
    <col min="11291" max="11521" width="4.44140625" style="836"/>
    <col min="11522" max="11522" width="3.21875" style="836" customWidth="1"/>
    <col min="11523" max="11523" width="2.6640625" style="836" customWidth="1"/>
    <col min="11524" max="11529" width="4.44140625" style="836"/>
    <col min="11530" max="11530" width="8.21875" style="836" customWidth="1"/>
    <col min="11531" max="11539" width="4.44140625" style="836"/>
    <col min="11540" max="11541" width="7.44140625" style="836" customWidth="1"/>
    <col min="11542" max="11544" width="4.44140625" style="836"/>
    <col min="11545" max="11545" width="2.6640625" style="836" customWidth="1"/>
    <col min="11546" max="11546" width="3.77734375" style="836" customWidth="1"/>
    <col min="11547" max="11777" width="4.44140625" style="836"/>
    <col min="11778" max="11778" width="3.21875" style="836" customWidth="1"/>
    <col min="11779" max="11779" width="2.6640625" style="836" customWidth="1"/>
    <col min="11780" max="11785" width="4.44140625" style="836"/>
    <col min="11786" max="11786" width="8.21875" style="836" customWidth="1"/>
    <col min="11787" max="11795" width="4.44140625" style="836"/>
    <col min="11796" max="11797" width="7.44140625" style="836" customWidth="1"/>
    <col min="11798" max="11800" width="4.44140625" style="836"/>
    <col min="11801" max="11801" width="2.6640625" style="836" customWidth="1"/>
    <col min="11802" max="11802" width="3.77734375" style="836" customWidth="1"/>
    <col min="11803" max="12033" width="4.44140625" style="836"/>
    <col min="12034" max="12034" width="3.21875" style="836" customWidth="1"/>
    <col min="12035" max="12035" width="2.6640625" style="836" customWidth="1"/>
    <col min="12036" max="12041" width="4.44140625" style="836"/>
    <col min="12042" max="12042" width="8.21875" style="836" customWidth="1"/>
    <col min="12043" max="12051" width="4.44140625" style="836"/>
    <col min="12052" max="12053" width="7.44140625" style="836" customWidth="1"/>
    <col min="12054" max="12056" width="4.44140625" style="836"/>
    <col min="12057" max="12057" width="2.6640625" style="836" customWidth="1"/>
    <col min="12058" max="12058" width="3.77734375" style="836" customWidth="1"/>
    <col min="12059" max="12289" width="4.44140625" style="836"/>
    <col min="12290" max="12290" width="3.21875" style="836" customWidth="1"/>
    <col min="12291" max="12291" width="2.6640625" style="836" customWidth="1"/>
    <col min="12292" max="12297" width="4.44140625" style="836"/>
    <col min="12298" max="12298" width="8.21875" style="836" customWidth="1"/>
    <col min="12299" max="12307" width="4.44140625" style="836"/>
    <col min="12308" max="12309" width="7.44140625" style="836" customWidth="1"/>
    <col min="12310" max="12312" width="4.44140625" style="836"/>
    <col min="12313" max="12313" width="2.6640625" style="836" customWidth="1"/>
    <col min="12314" max="12314" width="3.77734375" style="836" customWidth="1"/>
    <col min="12315" max="12545" width="4.44140625" style="836"/>
    <col min="12546" max="12546" width="3.21875" style="836" customWidth="1"/>
    <col min="12547" max="12547" width="2.6640625" style="836" customWidth="1"/>
    <col min="12548" max="12553" width="4.44140625" style="836"/>
    <col min="12554" max="12554" width="8.21875" style="836" customWidth="1"/>
    <col min="12555" max="12563" width="4.44140625" style="836"/>
    <col min="12564" max="12565" width="7.44140625" style="836" customWidth="1"/>
    <col min="12566" max="12568" width="4.44140625" style="836"/>
    <col min="12569" max="12569" width="2.6640625" style="836" customWidth="1"/>
    <col min="12570" max="12570" width="3.77734375" style="836" customWidth="1"/>
    <col min="12571" max="12801" width="4.44140625" style="836"/>
    <col min="12802" max="12802" width="3.21875" style="836" customWidth="1"/>
    <col min="12803" max="12803" width="2.6640625" style="836" customWidth="1"/>
    <col min="12804" max="12809" width="4.44140625" style="836"/>
    <col min="12810" max="12810" width="8.21875" style="836" customWidth="1"/>
    <col min="12811" max="12819" width="4.44140625" style="836"/>
    <col min="12820" max="12821" width="7.44140625" style="836" customWidth="1"/>
    <col min="12822" max="12824" width="4.44140625" style="836"/>
    <col min="12825" max="12825" width="2.6640625" style="836" customWidth="1"/>
    <col min="12826" max="12826" width="3.77734375" style="836" customWidth="1"/>
    <col min="12827" max="13057" width="4.44140625" style="836"/>
    <col min="13058" max="13058" width="3.21875" style="836" customWidth="1"/>
    <col min="13059" max="13059" width="2.6640625" style="836" customWidth="1"/>
    <col min="13060" max="13065" width="4.44140625" style="836"/>
    <col min="13066" max="13066" width="8.21875" style="836" customWidth="1"/>
    <col min="13067" max="13075" width="4.44140625" style="836"/>
    <col min="13076" max="13077" width="7.44140625" style="836" customWidth="1"/>
    <col min="13078" max="13080" width="4.44140625" style="836"/>
    <col min="13081" max="13081" width="2.6640625" style="836" customWidth="1"/>
    <col min="13082" max="13082" width="3.77734375" style="836" customWidth="1"/>
    <col min="13083" max="13313" width="4.44140625" style="836"/>
    <col min="13314" max="13314" width="3.21875" style="836" customWidth="1"/>
    <col min="13315" max="13315" width="2.6640625" style="836" customWidth="1"/>
    <col min="13316" max="13321" width="4.44140625" style="836"/>
    <col min="13322" max="13322" width="8.21875" style="836" customWidth="1"/>
    <col min="13323" max="13331" width="4.44140625" style="836"/>
    <col min="13332" max="13333" width="7.44140625" style="836" customWidth="1"/>
    <col min="13334" max="13336" width="4.44140625" style="836"/>
    <col min="13337" max="13337" width="2.6640625" style="836" customWidth="1"/>
    <col min="13338" max="13338" width="3.77734375" style="836" customWidth="1"/>
    <col min="13339" max="13569" width="4.44140625" style="836"/>
    <col min="13570" max="13570" width="3.21875" style="836" customWidth="1"/>
    <col min="13571" max="13571" width="2.6640625" style="836" customWidth="1"/>
    <col min="13572" max="13577" width="4.44140625" style="836"/>
    <col min="13578" max="13578" width="8.21875" style="836" customWidth="1"/>
    <col min="13579" max="13587" width="4.44140625" style="836"/>
    <col min="13588" max="13589" width="7.44140625" style="836" customWidth="1"/>
    <col min="13590" max="13592" width="4.44140625" style="836"/>
    <col min="13593" max="13593" width="2.6640625" style="836" customWidth="1"/>
    <col min="13594" max="13594" width="3.77734375" style="836" customWidth="1"/>
    <col min="13595" max="13825" width="4.44140625" style="836"/>
    <col min="13826" max="13826" width="3.21875" style="836" customWidth="1"/>
    <col min="13827" max="13827" width="2.6640625" style="836" customWidth="1"/>
    <col min="13828" max="13833" width="4.44140625" style="836"/>
    <col min="13834" max="13834" width="8.21875" style="836" customWidth="1"/>
    <col min="13835" max="13843" width="4.44140625" style="836"/>
    <col min="13844" max="13845" width="7.44140625" style="836" customWidth="1"/>
    <col min="13846" max="13848" width="4.44140625" style="836"/>
    <col min="13849" max="13849" width="2.6640625" style="836" customWidth="1"/>
    <col min="13850" max="13850" width="3.77734375" style="836" customWidth="1"/>
    <col min="13851" max="14081" width="4.44140625" style="836"/>
    <col min="14082" max="14082" width="3.21875" style="836" customWidth="1"/>
    <col min="14083" max="14083" width="2.6640625" style="836" customWidth="1"/>
    <col min="14084" max="14089" width="4.44140625" style="836"/>
    <col min="14090" max="14090" width="8.21875" style="836" customWidth="1"/>
    <col min="14091" max="14099" width="4.44140625" style="836"/>
    <col min="14100" max="14101" width="7.44140625" style="836" customWidth="1"/>
    <col min="14102" max="14104" width="4.44140625" style="836"/>
    <col min="14105" max="14105" width="2.6640625" style="836" customWidth="1"/>
    <col min="14106" max="14106" width="3.77734375" style="836" customWidth="1"/>
    <col min="14107" max="14337" width="4.44140625" style="836"/>
    <col min="14338" max="14338" width="3.21875" style="836" customWidth="1"/>
    <col min="14339" max="14339" width="2.6640625" style="836" customWidth="1"/>
    <col min="14340" max="14345" width="4.44140625" style="836"/>
    <col min="14346" max="14346" width="8.21875" style="836" customWidth="1"/>
    <col min="14347" max="14355" width="4.44140625" style="836"/>
    <col min="14356" max="14357" width="7.44140625" style="836" customWidth="1"/>
    <col min="14358" max="14360" width="4.44140625" style="836"/>
    <col min="14361" max="14361" width="2.6640625" style="836" customWidth="1"/>
    <col min="14362" max="14362" width="3.77734375" style="836" customWidth="1"/>
    <col min="14363" max="14593" width="4.44140625" style="836"/>
    <col min="14594" max="14594" width="3.21875" style="836" customWidth="1"/>
    <col min="14595" max="14595" width="2.6640625" style="836" customWidth="1"/>
    <col min="14596" max="14601" width="4.44140625" style="836"/>
    <col min="14602" max="14602" width="8.21875" style="836" customWidth="1"/>
    <col min="14603" max="14611" width="4.44140625" style="836"/>
    <col min="14612" max="14613" width="7.44140625" style="836" customWidth="1"/>
    <col min="14614" max="14616" width="4.44140625" style="836"/>
    <col min="14617" max="14617" width="2.6640625" style="836" customWidth="1"/>
    <col min="14618" max="14618" width="3.77734375" style="836" customWidth="1"/>
    <col min="14619" max="14849" width="4.44140625" style="836"/>
    <col min="14850" max="14850" width="3.21875" style="836" customWidth="1"/>
    <col min="14851" max="14851" width="2.6640625" style="836" customWidth="1"/>
    <col min="14852" max="14857" width="4.44140625" style="836"/>
    <col min="14858" max="14858" width="8.21875" style="836" customWidth="1"/>
    <col min="14859" max="14867" width="4.44140625" style="836"/>
    <col min="14868" max="14869" width="7.44140625" style="836" customWidth="1"/>
    <col min="14870" max="14872" width="4.44140625" style="836"/>
    <col min="14873" max="14873" width="2.6640625" style="836" customWidth="1"/>
    <col min="14874" max="14874" width="3.77734375" style="836" customWidth="1"/>
    <col min="14875" max="15105" width="4.44140625" style="836"/>
    <col min="15106" max="15106" width="3.21875" style="836" customWidth="1"/>
    <col min="15107" max="15107" width="2.6640625" style="836" customWidth="1"/>
    <col min="15108" max="15113" width="4.44140625" style="836"/>
    <col min="15114" max="15114" width="8.21875" style="836" customWidth="1"/>
    <col min="15115" max="15123" width="4.44140625" style="836"/>
    <col min="15124" max="15125" width="7.44140625" style="836" customWidth="1"/>
    <col min="15126" max="15128" width="4.44140625" style="836"/>
    <col min="15129" max="15129" width="2.6640625" style="836" customWidth="1"/>
    <col min="15130" max="15130" width="3.77734375" style="836" customWidth="1"/>
    <col min="15131" max="15361" width="4.44140625" style="836"/>
    <col min="15362" max="15362" width="3.21875" style="836" customWidth="1"/>
    <col min="15363" max="15363" width="2.6640625" style="836" customWidth="1"/>
    <col min="15364" max="15369" width="4.44140625" style="836"/>
    <col min="15370" max="15370" width="8.21875" style="836" customWidth="1"/>
    <col min="15371" max="15379" width="4.44140625" style="836"/>
    <col min="15380" max="15381" width="7.44140625" style="836" customWidth="1"/>
    <col min="15382" max="15384" width="4.44140625" style="836"/>
    <col min="15385" max="15385" width="2.6640625" style="836" customWidth="1"/>
    <col min="15386" max="15386" width="3.77734375" style="836" customWidth="1"/>
    <col min="15387" max="15617" width="4.44140625" style="836"/>
    <col min="15618" max="15618" width="3.21875" style="836" customWidth="1"/>
    <col min="15619" max="15619" width="2.6640625" style="836" customWidth="1"/>
    <col min="15620" max="15625" width="4.44140625" style="836"/>
    <col min="15626" max="15626" width="8.21875" style="836" customWidth="1"/>
    <col min="15627" max="15635" width="4.44140625" style="836"/>
    <col min="15636" max="15637" width="7.44140625" style="836" customWidth="1"/>
    <col min="15638" max="15640" width="4.44140625" style="836"/>
    <col min="15641" max="15641" width="2.6640625" style="836" customWidth="1"/>
    <col min="15642" max="15642" width="3.77734375" style="836" customWidth="1"/>
    <col min="15643" max="15873" width="4.44140625" style="836"/>
    <col min="15874" max="15874" width="3.21875" style="836" customWidth="1"/>
    <col min="15875" max="15875" width="2.6640625" style="836" customWidth="1"/>
    <col min="15876" max="15881" width="4.44140625" style="836"/>
    <col min="15882" max="15882" width="8.21875" style="836" customWidth="1"/>
    <col min="15883" max="15891" width="4.44140625" style="836"/>
    <col min="15892" max="15893" width="7.44140625" style="836" customWidth="1"/>
    <col min="15894" max="15896" width="4.44140625" style="836"/>
    <col min="15897" max="15897" width="2.6640625" style="836" customWidth="1"/>
    <col min="15898" max="15898" width="3.77734375" style="836" customWidth="1"/>
    <col min="15899" max="16129" width="4.44140625" style="836"/>
    <col min="16130" max="16130" width="3.21875" style="836" customWidth="1"/>
    <col min="16131" max="16131" width="2.6640625" style="836" customWidth="1"/>
    <col min="16132" max="16137" width="4.44140625" style="836"/>
    <col min="16138" max="16138" width="8.21875" style="836" customWidth="1"/>
    <col min="16139" max="16147" width="4.44140625" style="836"/>
    <col min="16148" max="16149" width="7.44140625" style="836" customWidth="1"/>
    <col min="16150" max="16152" width="4.44140625" style="836"/>
    <col min="16153" max="16153" width="2.6640625" style="836" customWidth="1"/>
    <col min="16154" max="16154" width="3.77734375" style="836" customWidth="1"/>
    <col min="16155" max="16384" width="4.44140625" style="836"/>
  </cols>
  <sheetData>
    <row r="1" spans="1:26" x14ac:dyDescent="0.2">
      <c r="A1" s="627"/>
      <c r="B1" s="627"/>
      <c r="C1" s="627"/>
      <c r="D1" s="627"/>
      <c r="E1" s="627"/>
      <c r="F1" s="627"/>
      <c r="G1" s="627"/>
      <c r="H1" s="627"/>
      <c r="I1" s="627"/>
      <c r="J1" s="627"/>
      <c r="K1" s="627"/>
      <c r="L1" s="627"/>
      <c r="M1" s="627"/>
      <c r="N1" s="627"/>
      <c r="O1" s="627"/>
      <c r="P1" s="627"/>
      <c r="Q1" s="627"/>
      <c r="R1" s="627"/>
      <c r="S1" s="627"/>
      <c r="T1" s="627"/>
      <c r="U1" s="627"/>
      <c r="V1" s="627"/>
      <c r="W1" s="627"/>
      <c r="X1" s="627"/>
      <c r="Y1" s="627"/>
      <c r="Z1" s="627"/>
    </row>
    <row r="2" spans="1:26" ht="15" customHeight="1" x14ac:dyDescent="0.2">
      <c r="A2" s="627"/>
      <c r="B2" s="627"/>
      <c r="C2" s="559" t="s">
        <v>269</v>
      </c>
      <c r="D2" s="722"/>
      <c r="E2" s="627"/>
      <c r="F2" s="627"/>
      <c r="G2" s="627"/>
      <c r="H2" s="627"/>
      <c r="I2" s="627"/>
      <c r="J2" s="627"/>
      <c r="K2" s="627"/>
      <c r="L2" s="627"/>
      <c r="M2" s="627"/>
      <c r="N2" s="627"/>
      <c r="O2" s="627"/>
      <c r="P2" s="627"/>
      <c r="Q2" s="1191" t="s">
        <v>1448</v>
      </c>
      <c r="R2" s="1191"/>
      <c r="S2" s="1191"/>
      <c r="T2" s="1191"/>
      <c r="U2" s="1191"/>
      <c r="V2" s="1191"/>
      <c r="W2" s="1191"/>
      <c r="X2" s="1191"/>
      <c r="Y2" s="1191"/>
      <c r="Z2" s="627"/>
    </row>
    <row r="3" spans="1:26" ht="15" customHeight="1" x14ac:dyDescent="0.2">
      <c r="A3" s="627"/>
      <c r="B3" s="627"/>
      <c r="C3" s="627"/>
      <c r="D3" s="627"/>
      <c r="E3" s="627"/>
      <c r="F3" s="627"/>
      <c r="G3" s="627"/>
      <c r="H3" s="627"/>
      <c r="I3" s="627"/>
      <c r="J3" s="627"/>
      <c r="K3" s="627"/>
      <c r="L3" s="627"/>
      <c r="M3" s="627"/>
      <c r="N3" s="627"/>
      <c r="O3" s="627"/>
      <c r="P3" s="627"/>
      <c r="Q3" s="627"/>
      <c r="R3" s="627"/>
      <c r="S3" s="711"/>
      <c r="T3" s="627"/>
      <c r="U3" s="627"/>
      <c r="V3" s="627"/>
      <c r="W3" s="627"/>
      <c r="X3" s="627"/>
      <c r="Y3" s="627"/>
      <c r="Z3" s="627"/>
    </row>
    <row r="4" spans="1:26" ht="15" customHeight="1" x14ac:dyDescent="0.2">
      <c r="A4" s="627"/>
      <c r="B4" s="1192" t="s">
        <v>117</v>
      </c>
      <c r="C4" s="1192"/>
      <c r="D4" s="1192"/>
      <c r="E4" s="1192"/>
      <c r="F4" s="1192"/>
      <c r="G4" s="1192"/>
      <c r="H4" s="1192"/>
      <c r="I4" s="1192"/>
      <c r="J4" s="1192"/>
      <c r="K4" s="1192"/>
      <c r="L4" s="1192"/>
      <c r="M4" s="1192"/>
      <c r="N4" s="1192"/>
      <c r="O4" s="1192"/>
      <c r="P4" s="1192"/>
      <c r="Q4" s="1192"/>
      <c r="R4" s="1192"/>
      <c r="S4" s="1192"/>
      <c r="T4" s="1192"/>
      <c r="U4" s="1192"/>
      <c r="V4" s="1192"/>
      <c r="W4" s="1192"/>
      <c r="X4" s="1192"/>
      <c r="Y4" s="1192"/>
      <c r="Z4" s="627"/>
    </row>
    <row r="5" spans="1:26" ht="15" customHeight="1" x14ac:dyDescent="0.2">
      <c r="A5" s="627"/>
      <c r="B5" s="627"/>
      <c r="C5" s="627"/>
      <c r="D5" s="627"/>
      <c r="E5" s="627"/>
      <c r="F5" s="627"/>
      <c r="G5" s="627"/>
      <c r="H5" s="627"/>
      <c r="I5" s="627"/>
      <c r="J5" s="627"/>
      <c r="K5" s="627"/>
      <c r="L5" s="627"/>
      <c r="M5" s="627"/>
      <c r="N5" s="627"/>
      <c r="O5" s="627"/>
      <c r="P5" s="627"/>
      <c r="Q5" s="627"/>
      <c r="R5" s="627"/>
      <c r="S5" s="627"/>
      <c r="T5" s="627"/>
      <c r="U5" s="627"/>
      <c r="V5" s="627"/>
      <c r="W5" s="627"/>
      <c r="X5" s="627"/>
      <c r="Y5" s="627"/>
      <c r="Z5" s="627"/>
    </row>
    <row r="6" spans="1:26" ht="22.5" customHeight="1" x14ac:dyDescent="0.2">
      <c r="A6" s="625"/>
      <c r="B6" s="1193" t="s">
        <v>101</v>
      </c>
      <c r="C6" s="1194"/>
      <c r="D6" s="1194"/>
      <c r="E6" s="1194"/>
      <c r="F6" s="1195"/>
      <c r="G6" s="1193"/>
      <c r="H6" s="1194"/>
      <c r="I6" s="1194"/>
      <c r="J6" s="1194"/>
      <c r="K6" s="1194"/>
      <c r="L6" s="1194"/>
      <c r="M6" s="1194"/>
      <c r="N6" s="1194"/>
      <c r="O6" s="1194"/>
      <c r="P6" s="1194"/>
      <c r="Q6" s="1194"/>
      <c r="R6" s="1194"/>
      <c r="S6" s="1194"/>
      <c r="T6" s="1194"/>
      <c r="U6" s="1194"/>
      <c r="V6" s="1194"/>
      <c r="W6" s="1194"/>
      <c r="X6" s="1194"/>
      <c r="Y6" s="1195"/>
    </row>
    <row r="7" spans="1:26" ht="22.5" customHeight="1" x14ac:dyDescent="0.2">
      <c r="A7" s="625"/>
      <c r="B7" s="1193" t="s">
        <v>1394</v>
      </c>
      <c r="C7" s="1194"/>
      <c r="D7" s="1194"/>
      <c r="E7" s="1194"/>
      <c r="F7" s="1195"/>
      <c r="G7" s="1193" t="s">
        <v>1449</v>
      </c>
      <c r="H7" s="1194"/>
      <c r="I7" s="1194"/>
      <c r="J7" s="1194"/>
      <c r="K7" s="1194"/>
      <c r="L7" s="1194"/>
      <c r="M7" s="1194"/>
      <c r="N7" s="1194"/>
      <c r="O7" s="1194"/>
      <c r="P7" s="1194"/>
      <c r="Q7" s="1194"/>
      <c r="R7" s="1194"/>
      <c r="S7" s="1194"/>
      <c r="T7" s="1194"/>
      <c r="U7" s="1194"/>
      <c r="V7" s="1194"/>
      <c r="W7" s="1194"/>
      <c r="X7" s="1194"/>
      <c r="Y7" s="1195"/>
    </row>
    <row r="8" spans="1:26" ht="22.5" customHeight="1" x14ac:dyDescent="0.2">
      <c r="A8" s="625"/>
      <c r="B8" s="1193" t="s">
        <v>1450</v>
      </c>
      <c r="C8" s="1194"/>
      <c r="D8" s="1194"/>
      <c r="E8" s="1194"/>
      <c r="F8" s="1195"/>
      <c r="G8" s="1197" t="s">
        <v>1451</v>
      </c>
      <c r="H8" s="1198"/>
      <c r="I8" s="1198"/>
      <c r="J8" s="1198"/>
      <c r="K8" s="1198"/>
      <c r="L8" s="1198"/>
      <c r="M8" s="1198"/>
      <c r="N8" s="1198"/>
      <c r="O8" s="1198"/>
      <c r="P8" s="1198"/>
      <c r="Q8" s="1198"/>
      <c r="R8" s="1198"/>
      <c r="S8" s="1198"/>
      <c r="T8" s="1198"/>
      <c r="U8" s="1198"/>
      <c r="V8" s="1198"/>
      <c r="W8" s="1198"/>
      <c r="X8" s="1198"/>
      <c r="Y8" s="1199"/>
    </row>
    <row r="9" spans="1:26" ht="15" customHeight="1" x14ac:dyDescent="0.2">
      <c r="A9" s="627"/>
      <c r="B9" s="627"/>
      <c r="C9" s="627"/>
      <c r="D9" s="627"/>
      <c r="E9" s="627"/>
      <c r="F9" s="627"/>
      <c r="G9" s="627"/>
      <c r="H9" s="627"/>
      <c r="I9" s="627"/>
      <c r="J9" s="627"/>
      <c r="K9" s="627"/>
      <c r="L9" s="627"/>
      <c r="M9" s="627"/>
      <c r="N9" s="627"/>
      <c r="O9" s="627"/>
      <c r="P9" s="627"/>
      <c r="Q9" s="627"/>
      <c r="R9" s="627"/>
      <c r="S9" s="627"/>
      <c r="T9" s="627"/>
      <c r="U9" s="627"/>
      <c r="V9" s="627"/>
      <c r="W9" s="627"/>
      <c r="X9" s="627"/>
      <c r="Y9" s="627"/>
      <c r="Z9" s="627"/>
    </row>
    <row r="10" spans="1:26" ht="15" customHeight="1" x14ac:dyDescent="0.2">
      <c r="A10" s="627"/>
      <c r="B10" s="714"/>
      <c r="C10" s="715"/>
      <c r="D10" s="715"/>
      <c r="E10" s="715"/>
      <c r="F10" s="715"/>
      <c r="G10" s="715"/>
      <c r="H10" s="715"/>
      <c r="I10" s="715"/>
      <c r="J10" s="715"/>
      <c r="K10" s="715"/>
      <c r="L10" s="715"/>
      <c r="M10" s="715"/>
      <c r="N10" s="715"/>
      <c r="O10" s="715"/>
      <c r="P10" s="715"/>
      <c r="Q10" s="715"/>
      <c r="R10" s="715"/>
      <c r="S10" s="715"/>
      <c r="T10" s="715"/>
      <c r="U10" s="860"/>
      <c r="V10" s="861"/>
      <c r="W10" s="861"/>
      <c r="X10" s="861"/>
      <c r="Y10" s="862"/>
      <c r="Z10" s="627"/>
    </row>
    <row r="11" spans="1:26" ht="15" customHeight="1" x14ac:dyDescent="0.2">
      <c r="A11" s="627"/>
      <c r="B11" s="717" t="s">
        <v>102</v>
      </c>
      <c r="C11" s="627"/>
      <c r="D11" s="627"/>
      <c r="E11" s="627"/>
      <c r="F11" s="627"/>
      <c r="G11" s="627"/>
      <c r="H11" s="627"/>
      <c r="I11" s="627"/>
      <c r="J11" s="627"/>
      <c r="K11" s="627"/>
      <c r="L11" s="627"/>
      <c r="M11" s="627"/>
      <c r="N11" s="627"/>
      <c r="O11" s="627"/>
      <c r="P11" s="627"/>
      <c r="Q11" s="627"/>
      <c r="R11" s="627"/>
      <c r="S11" s="627"/>
      <c r="T11" s="627"/>
      <c r="U11" s="1205" t="s">
        <v>1452</v>
      </c>
      <c r="V11" s="1206"/>
      <c r="W11" s="1206"/>
      <c r="X11" s="1206"/>
      <c r="Y11" s="1207"/>
      <c r="Z11" s="627"/>
    </row>
    <row r="12" spans="1:26" ht="15" customHeight="1" x14ac:dyDescent="0.2">
      <c r="A12" s="627"/>
      <c r="B12" s="717"/>
      <c r="C12" s="627"/>
      <c r="D12" s="627"/>
      <c r="E12" s="627"/>
      <c r="F12" s="627"/>
      <c r="G12" s="627"/>
      <c r="H12" s="627"/>
      <c r="I12" s="627"/>
      <c r="J12" s="627"/>
      <c r="K12" s="627"/>
      <c r="L12" s="627"/>
      <c r="M12" s="627"/>
      <c r="N12" s="627"/>
      <c r="O12" s="627"/>
      <c r="P12" s="627"/>
      <c r="Q12" s="627"/>
      <c r="R12" s="627"/>
      <c r="S12" s="627"/>
      <c r="T12" s="627"/>
      <c r="U12" s="840"/>
      <c r="V12" s="841"/>
      <c r="W12" s="841"/>
      <c r="X12" s="841"/>
      <c r="Y12" s="843"/>
      <c r="Z12" s="627"/>
    </row>
    <row r="13" spans="1:26" ht="15" customHeight="1" x14ac:dyDescent="0.2">
      <c r="A13" s="627"/>
      <c r="B13" s="717"/>
      <c r="C13" s="839" t="s">
        <v>1453</v>
      </c>
      <c r="D13" s="1201" t="s">
        <v>1454</v>
      </c>
      <c r="E13" s="1201"/>
      <c r="F13" s="1201"/>
      <c r="G13" s="1201"/>
      <c r="H13" s="1201"/>
      <c r="I13" s="1201"/>
      <c r="J13" s="1201"/>
      <c r="K13" s="1201"/>
      <c r="L13" s="1201"/>
      <c r="M13" s="1201"/>
      <c r="N13" s="1201"/>
      <c r="O13" s="1201"/>
      <c r="P13" s="1201"/>
      <c r="Q13" s="1201"/>
      <c r="R13" s="1201"/>
      <c r="S13" s="1201"/>
      <c r="T13" s="1202"/>
      <c r="U13" s="840"/>
      <c r="V13" s="841" t="s">
        <v>1400</v>
      </c>
      <c r="W13" s="841" t="s">
        <v>1407</v>
      </c>
      <c r="X13" s="841" t="s">
        <v>1400</v>
      </c>
      <c r="Y13" s="843"/>
      <c r="Z13" s="627"/>
    </row>
    <row r="14" spans="1:26" ht="15" customHeight="1" x14ac:dyDescent="0.2">
      <c r="A14" s="627"/>
      <c r="B14" s="717"/>
      <c r="C14" s="839"/>
      <c r="D14" s="1201"/>
      <c r="E14" s="1201"/>
      <c r="F14" s="1201"/>
      <c r="G14" s="1201"/>
      <c r="H14" s="1201"/>
      <c r="I14" s="1201"/>
      <c r="J14" s="1201"/>
      <c r="K14" s="1201"/>
      <c r="L14" s="1201"/>
      <c r="M14" s="1201"/>
      <c r="N14" s="1201"/>
      <c r="O14" s="1201"/>
      <c r="P14" s="1201"/>
      <c r="Q14" s="1201"/>
      <c r="R14" s="1201"/>
      <c r="S14" s="1201"/>
      <c r="T14" s="1202"/>
      <c r="U14" s="840"/>
      <c r="V14" s="841"/>
      <c r="W14" s="841"/>
      <c r="X14" s="841"/>
      <c r="Y14" s="843"/>
      <c r="Z14" s="627"/>
    </row>
    <row r="15" spans="1:26" ht="7.5" customHeight="1" x14ac:dyDescent="0.2">
      <c r="A15" s="627"/>
      <c r="B15" s="717"/>
      <c r="C15" s="627"/>
      <c r="D15" s="627"/>
      <c r="E15" s="627"/>
      <c r="F15" s="627"/>
      <c r="G15" s="627"/>
      <c r="H15" s="627"/>
      <c r="I15" s="627"/>
      <c r="J15" s="627"/>
      <c r="K15" s="627"/>
      <c r="L15" s="627"/>
      <c r="M15" s="627"/>
      <c r="N15" s="627"/>
      <c r="O15" s="627"/>
      <c r="P15" s="627"/>
      <c r="Q15" s="627"/>
      <c r="R15" s="627"/>
      <c r="S15" s="627"/>
      <c r="T15" s="627"/>
      <c r="U15" s="840"/>
      <c r="V15" s="841"/>
      <c r="W15" s="841"/>
      <c r="X15" s="841"/>
      <c r="Y15" s="843"/>
      <c r="Z15" s="627"/>
    </row>
    <row r="16" spans="1:26" ht="15" customHeight="1" x14ac:dyDescent="0.2">
      <c r="A16" s="627"/>
      <c r="B16" s="717"/>
      <c r="C16" s="627" t="s">
        <v>1455</v>
      </c>
      <c r="D16" s="1203" t="s">
        <v>1456</v>
      </c>
      <c r="E16" s="1203"/>
      <c r="F16" s="1203"/>
      <c r="G16" s="1203"/>
      <c r="H16" s="1203"/>
      <c r="I16" s="1203"/>
      <c r="J16" s="1203"/>
      <c r="K16" s="1203"/>
      <c r="L16" s="1203"/>
      <c r="M16" s="1203"/>
      <c r="N16" s="1203"/>
      <c r="O16" s="1203"/>
      <c r="P16" s="1203"/>
      <c r="Q16" s="1203"/>
      <c r="R16" s="1203"/>
      <c r="S16" s="1203"/>
      <c r="T16" s="1204"/>
      <c r="U16" s="840"/>
      <c r="V16" s="841" t="s">
        <v>1400</v>
      </c>
      <c r="W16" s="841" t="s">
        <v>1407</v>
      </c>
      <c r="X16" s="841" t="s">
        <v>1400</v>
      </c>
      <c r="Y16" s="843"/>
      <c r="Z16" s="627"/>
    </row>
    <row r="17" spans="1:44" ht="15" customHeight="1" x14ac:dyDescent="0.2">
      <c r="A17" s="627"/>
      <c r="B17" s="717"/>
      <c r="C17" s="627"/>
      <c r="D17" s="1203"/>
      <c r="E17" s="1203"/>
      <c r="F17" s="1203"/>
      <c r="G17" s="1203"/>
      <c r="H17" s="1203"/>
      <c r="I17" s="1203"/>
      <c r="J17" s="1203"/>
      <c r="K17" s="1203"/>
      <c r="L17" s="1203"/>
      <c r="M17" s="1203"/>
      <c r="N17" s="1203"/>
      <c r="O17" s="1203"/>
      <c r="P17" s="1203"/>
      <c r="Q17" s="1203"/>
      <c r="R17" s="1203"/>
      <c r="S17" s="1203"/>
      <c r="T17" s="1204"/>
      <c r="U17" s="840"/>
      <c r="V17" s="841"/>
      <c r="W17" s="841"/>
      <c r="X17" s="841"/>
      <c r="Y17" s="843"/>
      <c r="Z17" s="627"/>
    </row>
    <row r="18" spans="1:44" ht="7.5" customHeight="1" x14ac:dyDescent="0.2">
      <c r="A18" s="627"/>
      <c r="B18" s="717"/>
      <c r="C18" s="627"/>
      <c r="D18" s="627"/>
      <c r="E18" s="627"/>
      <c r="F18" s="627"/>
      <c r="G18" s="627"/>
      <c r="H18" s="627"/>
      <c r="I18" s="627"/>
      <c r="J18" s="627"/>
      <c r="K18" s="627"/>
      <c r="L18" s="627"/>
      <c r="M18" s="627"/>
      <c r="N18" s="627"/>
      <c r="O18" s="627"/>
      <c r="P18" s="627"/>
      <c r="Q18" s="627"/>
      <c r="R18" s="627"/>
      <c r="S18" s="627"/>
      <c r="T18" s="627"/>
      <c r="U18" s="840"/>
      <c r="V18" s="841"/>
      <c r="W18" s="841"/>
      <c r="X18" s="841"/>
      <c r="Y18" s="843"/>
      <c r="Z18" s="627"/>
      <c r="AE18" s="1235"/>
      <c r="AF18" s="1235"/>
      <c r="AG18" s="1235"/>
      <c r="AH18" s="1235"/>
      <c r="AI18" s="1235"/>
      <c r="AJ18" s="1235"/>
      <c r="AK18" s="1235"/>
      <c r="AL18" s="1235"/>
      <c r="AM18" s="1235"/>
      <c r="AN18" s="1235"/>
      <c r="AO18" s="1235"/>
      <c r="AP18" s="1235"/>
      <c r="AQ18" s="1235"/>
      <c r="AR18" s="1235"/>
    </row>
    <row r="19" spans="1:44" ht="15" customHeight="1" x14ac:dyDescent="0.2">
      <c r="A19" s="627"/>
      <c r="B19" s="717"/>
      <c r="C19" s="711" t="s">
        <v>1405</v>
      </c>
      <c r="D19" s="1201" t="s">
        <v>1457</v>
      </c>
      <c r="E19" s="1201"/>
      <c r="F19" s="1201"/>
      <c r="G19" s="1201"/>
      <c r="H19" s="1201"/>
      <c r="I19" s="1201"/>
      <c r="J19" s="1201"/>
      <c r="K19" s="1201"/>
      <c r="L19" s="1201"/>
      <c r="M19" s="1201"/>
      <c r="N19" s="1201"/>
      <c r="O19" s="1201"/>
      <c r="P19" s="1201"/>
      <c r="Q19" s="1201"/>
      <c r="R19" s="1201"/>
      <c r="S19" s="1201"/>
      <c r="T19" s="1202"/>
      <c r="U19" s="840"/>
      <c r="V19" s="841" t="s">
        <v>1400</v>
      </c>
      <c r="W19" s="841" t="s">
        <v>1407</v>
      </c>
      <c r="X19" s="841" t="s">
        <v>1400</v>
      </c>
      <c r="Y19" s="843"/>
      <c r="Z19" s="627"/>
      <c r="AE19" s="1235"/>
      <c r="AF19" s="1235"/>
      <c r="AG19" s="1235"/>
      <c r="AH19" s="1235"/>
      <c r="AI19" s="1235"/>
      <c r="AJ19" s="1235"/>
      <c r="AK19" s="1235"/>
      <c r="AL19" s="1235"/>
      <c r="AM19" s="1235"/>
      <c r="AN19" s="1235"/>
      <c r="AO19" s="1235"/>
      <c r="AP19" s="1235"/>
      <c r="AQ19" s="1235"/>
      <c r="AR19" s="1235"/>
    </row>
    <row r="20" spans="1:44" ht="15" customHeight="1" x14ac:dyDescent="0.2">
      <c r="A20" s="627"/>
      <c r="B20" s="717"/>
      <c r="C20" s="711"/>
      <c r="D20" s="1201"/>
      <c r="E20" s="1201"/>
      <c r="F20" s="1201"/>
      <c r="G20" s="1201"/>
      <c r="H20" s="1201"/>
      <c r="I20" s="1201"/>
      <c r="J20" s="1201"/>
      <c r="K20" s="1201"/>
      <c r="L20" s="1201"/>
      <c r="M20" s="1201"/>
      <c r="N20" s="1201"/>
      <c r="O20" s="1201"/>
      <c r="P20" s="1201"/>
      <c r="Q20" s="1201"/>
      <c r="R20" s="1201"/>
      <c r="S20" s="1201"/>
      <c r="T20" s="1202"/>
      <c r="U20" s="840"/>
      <c r="V20" s="841"/>
      <c r="W20" s="841"/>
      <c r="X20" s="841"/>
      <c r="Y20" s="843"/>
      <c r="Z20" s="627"/>
      <c r="AE20" s="1235"/>
      <c r="AF20" s="1235"/>
      <c r="AG20" s="1235"/>
      <c r="AH20" s="1235"/>
      <c r="AI20" s="1235"/>
      <c r="AJ20" s="1235"/>
      <c r="AK20" s="1235"/>
      <c r="AL20" s="1235"/>
      <c r="AM20" s="1235"/>
      <c r="AN20" s="1235"/>
      <c r="AO20" s="1235"/>
      <c r="AP20" s="1235"/>
      <c r="AQ20" s="1235"/>
      <c r="AR20" s="1235"/>
    </row>
    <row r="21" spans="1:44" ht="7.5" customHeight="1" x14ac:dyDescent="0.2">
      <c r="A21" s="627"/>
      <c r="B21" s="717"/>
      <c r="C21" s="711"/>
      <c r="D21" s="852"/>
      <c r="E21" s="852"/>
      <c r="F21" s="852"/>
      <c r="G21" s="852"/>
      <c r="H21" s="852"/>
      <c r="I21" s="852"/>
      <c r="J21" s="852"/>
      <c r="K21" s="852"/>
      <c r="L21" s="852"/>
      <c r="M21" s="852"/>
      <c r="N21" s="852"/>
      <c r="O21" s="852"/>
      <c r="P21" s="852"/>
      <c r="Q21" s="852"/>
      <c r="R21" s="852"/>
      <c r="S21" s="852"/>
      <c r="T21" s="863"/>
      <c r="U21" s="840"/>
      <c r="V21" s="841"/>
      <c r="W21" s="841"/>
      <c r="X21" s="841"/>
      <c r="Y21" s="843"/>
      <c r="Z21" s="627"/>
      <c r="AE21" s="1235"/>
      <c r="AF21" s="1235"/>
      <c r="AG21" s="1235"/>
      <c r="AH21" s="1235"/>
      <c r="AI21" s="1235"/>
      <c r="AJ21" s="1235"/>
      <c r="AK21" s="1235"/>
      <c r="AL21" s="1235"/>
      <c r="AM21" s="1235"/>
      <c r="AN21" s="1235"/>
      <c r="AO21" s="1235"/>
      <c r="AP21" s="1235"/>
      <c r="AQ21" s="1235"/>
      <c r="AR21" s="1235"/>
    </row>
    <row r="22" spans="1:44" ht="15" customHeight="1" x14ac:dyDescent="0.2">
      <c r="A22" s="627"/>
      <c r="B22" s="717"/>
      <c r="C22" s="627" t="s">
        <v>1408</v>
      </c>
      <c r="D22" s="1236" t="s">
        <v>1458</v>
      </c>
      <c r="E22" s="1236"/>
      <c r="F22" s="1236"/>
      <c r="G22" s="1236"/>
      <c r="H22" s="1236"/>
      <c r="I22" s="1236"/>
      <c r="J22" s="1236"/>
      <c r="K22" s="1236"/>
      <c r="L22" s="1236"/>
      <c r="M22" s="1236"/>
      <c r="N22" s="1236"/>
      <c r="O22" s="1236"/>
      <c r="P22" s="1236"/>
      <c r="Q22" s="1236"/>
      <c r="R22" s="1236"/>
      <c r="S22" s="1236"/>
      <c r="T22" s="1237"/>
      <c r="U22" s="840"/>
      <c r="V22" s="841" t="s">
        <v>1400</v>
      </c>
      <c r="W22" s="841" t="s">
        <v>1459</v>
      </c>
      <c r="X22" s="841" t="s">
        <v>1400</v>
      </c>
      <c r="Y22" s="843"/>
      <c r="Z22" s="627"/>
    </row>
    <row r="23" spans="1:44" ht="7.5" customHeight="1" x14ac:dyDescent="0.2">
      <c r="A23" s="627"/>
      <c r="B23" s="717"/>
      <c r="C23" s="627"/>
      <c r="D23" s="627"/>
      <c r="E23" s="627"/>
      <c r="F23" s="627"/>
      <c r="G23" s="627"/>
      <c r="H23" s="627"/>
      <c r="I23" s="627"/>
      <c r="J23" s="627"/>
      <c r="K23" s="627"/>
      <c r="L23" s="627"/>
      <c r="M23" s="627"/>
      <c r="N23" s="627"/>
      <c r="O23" s="627"/>
      <c r="P23" s="627"/>
      <c r="Q23" s="627"/>
      <c r="R23" s="627"/>
      <c r="S23" s="627"/>
      <c r="T23" s="627"/>
      <c r="U23" s="840"/>
      <c r="V23" s="841"/>
      <c r="W23" s="841"/>
      <c r="X23" s="841"/>
      <c r="Y23" s="843"/>
      <c r="Z23" s="627"/>
    </row>
    <row r="24" spans="1:44" ht="15" customHeight="1" x14ac:dyDescent="0.2">
      <c r="A24" s="627"/>
      <c r="B24" s="717"/>
      <c r="C24" s="627" t="s">
        <v>1410</v>
      </c>
      <c r="D24" s="1189" t="s">
        <v>1460</v>
      </c>
      <c r="E24" s="1189"/>
      <c r="F24" s="1189"/>
      <c r="G24" s="1189"/>
      <c r="H24" s="1189"/>
      <c r="I24" s="1189"/>
      <c r="J24" s="1189"/>
      <c r="K24" s="1189"/>
      <c r="L24" s="1189"/>
      <c r="M24" s="1189"/>
      <c r="N24" s="1189"/>
      <c r="O24" s="1189"/>
      <c r="P24" s="1189"/>
      <c r="Q24" s="1189"/>
      <c r="R24" s="1189"/>
      <c r="S24" s="1189"/>
      <c r="T24" s="1190"/>
      <c r="U24" s="840"/>
      <c r="V24" s="841" t="s">
        <v>1400</v>
      </c>
      <c r="W24" s="841" t="s">
        <v>1407</v>
      </c>
      <c r="X24" s="841" t="s">
        <v>1400</v>
      </c>
      <c r="Y24" s="843"/>
      <c r="Z24" s="627"/>
    </row>
    <row r="25" spans="1:44" ht="7.5" customHeight="1" x14ac:dyDescent="0.2">
      <c r="A25" s="627"/>
      <c r="B25" s="717"/>
      <c r="C25" s="627"/>
      <c r="D25" s="627"/>
      <c r="E25" s="627"/>
      <c r="F25" s="627"/>
      <c r="G25" s="627"/>
      <c r="H25" s="627"/>
      <c r="I25" s="627"/>
      <c r="J25" s="627"/>
      <c r="K25" s="627"/>
      <c r="L25" s="627"/>
      <c r="M25" s="627"/>
      <c r="N25" s="627"/>
      <c r="O25" s="627"/>
      <c r="P25" s="627"/>
      <c r="Q25" s="627"/>
      <c r="R25" s="627"/>
      <c r="S25" s="627"/>
      <c r="T25" s="627"/>
      <c r="U25" s="840"/>
      <c r="V25" s="841"/>
      <c r="W25" s="841"/>
      <c r="X25" s="841"/>
      <c r="Y25" s="843"/>
      <c r="Z25" s="627"/>
    </row>
    <row r="26" spans="1:44" ht="15" customHeight="1" x14ac:dyDescent="0.2">
      <c r="A26" s="627"/>
      <c r="B26" s="717"/>
      <c r="C26" s="627" t="s">
        <v>1461</v>
      </c>
      <c r="D26" s="1203" t="s">
        <v>1462</v>
      </c>
      <c r="E26" s="1203"/>
      <c r="F26" s="1203"/>
      <c r="G26" s="1203"/>
      <c r="H26" s="1203"/>
      <c r="I26" s="1203"/>
      <c r="J26" s="1203"/>
      <c r="K26" s="1203"/>
      <c r="L26" s="1203"/>
      <c r="M26" s="1203"/>
      <c r="N26" s="1203"/>
      <c r="O26" s="1203"/>
      <c r="P26" s="1203"/>
      <c r="Q26" s="1203"/>
      <c r="R26" s="1203"/>
      <c r="S26" s="1203"/>
      <c r="T26" s="1204"/>
      <c r="U26" s="840"/>
      <c r="V26" s="841" t="s">
        <v>1400</v>
      </c>
      <c r="W26" s="841" t="s">
        <v>1407</v>
      </c>
      <c r="X26" s="841" t="s">
        <v>1400</v>
      </c>
      <c r="Y26" s="843"/>
      <c r="Z26" s="627"/>
    </row>
    <row r="27" spans="1:44" ht="15" customHeight="1" x14ac:dyDescent="0.2">
      <c r="A27" s="627"/>
      <c r="B27" s="717"/>
      <c r="C27" s="627" t="s">
        <v>1463</v>
      </c>
      <c r="D27" s="1203"/>
      <c r="E27" s="1203"/>
      <c r="F27" s="1203"/>
      <c r="G27" s="1203"/>
      <c r="H27" s="1203"/>
      <c r="I27" s="1203"/>
      <c r="J27" s="1203"/>
      <c r="K27" s="1203"/>
      <c r="L27" s="1203"/>
      <c r="M27" s="1203"/>
      <c r="N27" s="1203"/>
      <c r="O27" s="1203"/>
      <c r="P27" s="1203"/>
      <c r="Q27" s="1203"/>
      <c r="R27" s="1203"/>
      <c r="S27" s="1203"/>
      <c r="T27" s="1204"/>
      <c r="U27" s="840"/>
      <c r="V27" s="841"/>
      <c r="W27" s="841"/>
      <c r="X27" s="841"/>
      <c r="Y27" s="843"/>
      <c r="Z27" s="627"/>
    </row>
    <row r="28" spans="1:44" ht="7.5" customHeight="1" x14ac:dyDescent="0.2">
      <c r="A28" s="627"/>
      <c r="B28" s="717"/>
      <c r="C28" s="627"/>
      <c r="D28" s="627"/>
      <c r="E28" s="627"/>
      <c r="F28" s="627"/>
      <c r="G28" s="627"/>
      <c r="H28" s="627"/>
      <c r="I28" s="627"/>
      <c r="J28" s="627"/>
      <c r="K28" s="627"/>
      <c r="L28" s="627"/>
      <c r="M28" s="627"/>
      <c r="N28" s="627"/>
      <c r="O28" s="627"/>
      <c r="P28" s="627"/>
      <c r="Q28" s="627"/>
      <c r="R28" s="627"/>
      <c r="S28" s="627"/>
      <c r="T28" s="627"/>
      <c r="U28" s="840"/>
      <c r="V28" s="841"/>
      <c r="W28" s="841"/>
      <c r="X28" s="841"/>
      <c r="Y28" s="843"/>
      <c r="Z28" s="627"/>
    </row>
    <row r="29" spans="1:44" ht="15" customHeight="1" x14ac:dyDescent="0.2">
      <c r="A29" s="627"/>
      <c r="B29" s="717"/>
      <c r="C29" s="627" t="s">
        <v>1464</v>
      </c>
      <c r="D29" s="1203" t="s">
        <v>1465</v>
      </c>
      <c r="E29" s="1203"/>
      <c r="F29" s="1203"/>
      <c r="G29" s="1203"/>
      <c r="H29" s="1203"/>
      <c r="I29" s="1203"/>
      <c r="J29" s="1203"/>
      <c r="K29" s="1203"/>
      <c r="L29" s="1203"/>
      <c r="M29" s="1203"/>
      <c r="N29" s="1203"/>
      <c r="O29" s="1203"/>
      <c r="P29" s="1203"/>
      <c r="Q29" s="1203"/>
      <c r="R29" s="1203"/>
      <c r="S29" s="1203"/>
      <c r="T29" s="1204"/>
      <c r="U29" s="840"/>
      <c r="V29" s="841" t="s">
        <v>1400</v>
      </c>
      <c r="W29" s="841" t="s">
        <v>1459</v>
      </c>
      <c r="X29" s="841" t="s">
        <v>1400</v>
      </c>
      <c r="Y29" s="843"/>
      <c r="Z29" s="627"/>
    </row>
    <row r="30" spans="1:44" ht="15" customHeight="1" x14ac:dyDescent="0.2">
      <c r="A30" s="627"/>
      <c r="B30" s="717"/>
      <c r="C30" s="627"/>
      <c r="D30" s="627"/>
      <c r="E30" s="627"/>
      <c r="F30" s="627"/>
      <c r="G30" s="627"/>
      <c r="H30" s="627"/>
      <c r="I30" s="627"/>
      <c r="J30" s="627"/>
      <c r="K30" s="627"/>
      <c r="L30" s="627"/>
      <c r="M30" s="627"/>
      <c r="N30" s="627"/>
      <c r="O30" s="627"/>
      <c r="P30" s="627"/>
      <c r="Q30" s="627"/>
      <c r="R30" s="627"/>
      <c r="S30" s="627"/>
      <c r="T30" s="627"/>
      <c r="U30" s="840"/>
      <c r="V30" s="841"/>
      <c r="W30" s="841"/>
      <c r="X30" s="841"/>
      <c r="Y30" s="843"/>
      <c r="Z30" s="627"/>
    </row>
    <row r="31" spans="1:44" ht="15" customHeight="1" x14ac:dyDescent="0.2">
      <c r="A31" s="627"/>
      <c r="B31" s="717" t="s">
        <v>103</v>
      </c>
      <c r="C31" s="627"/>
      <c r="D31" s="627"/>
      <c r="E31" s="627"/>
      <c r="F31" s="627"/>
      <c r="G31" s="627"/>
      <c r="H31" s="627"/>
      <c r="I31" s="627"/>
      <c r="J31" s="627"/>
      <c r="K31" s="627"/>
      <c r="L31" s="627"/>
      <c r="M31" s="627"/>
      <c r="N31" s="627"/>
      <c r="O31" s="627"/>
      <c r="P31" s="627"/>
      <c r="Q31" s="627"/>
      <c r="R31" s="627"/>
      <c r="S31" s="627"/>
      <c r="T31" s="627"/>
      <c r="U31" s="717"/>
      <c r="V31" s="627"/>
      <c r="W31" s="627"/>
      <c r="X31" s="627"/>
      <c r="Y31" s="710"/>
      <c r="Z31" s="627"/>
    </row>
    <row r="32" spans="1:44" ht="15" customHeight="1" x14ac:dyDescent="0.2">
      <c r="A32" s="627"/>
      <c r="B32" s="717"/>
      <c r="C32" s="627"/>
      <c r="D32" s="627"/>
      <c r="E32" s="627"/>
      <c r="F32" s="627"/>
      <c r="G32" s="627"/>
      <c r="H32" s="627"/>
      <c r="I32" s="627"/>
      <c r="J32" s="627"/>
      <c r="K32" s="627"/>
      <c r="L32" s="627"/>
      <c r="M32" s="627"/>
      <c r="N32" s="627"/>
      <c r="O32" s="627"/>
      <c r="P32" s="627"/>
      <c r="Q32" s="627"/>
      <c r="R32" s="627"/>
      <c r="S32" s="627"/>
      <c r="T32" s="627"/>
      <c r="U32" s="840"/>
      <c r="V32" s="841"/>
      <c r="W32" s="841"/>
      <c r="X32" s="841"/>
      <c r="Y32" s="843"/>
      <c r="Z32" s="627"/>
    </row>
    <row r="33" spans="1:26" ht="15" customHeight="1" x14ac:dyDescent="0.2">
      <c r="A33" s="627"/>
      <c r="B33" s="717"/>
      <c r="C33" s="627" t="s">
        <v>1466</v>
      </c>
      <c r="D33" s="627"/>
      <c r="E33" s="627"/>
      <c r="F33" s="627"/>
      <c r="G33" s="627"/>
      <c r="H33" s="627"/>
      <c r="I33" s="627"/>
      <c r="J33" s="627"/>
      <c r="K33" s="627"/>
      <c r="L33" s="627"/>
      <c r="M33" s="627"/>
      <c r="N33" s="627"/>
      <c r="O33" s="627"/>
      <c r="P33" s="627"/>
      <c r="Q33" s="627"/>
      <c r="R33" s="627"/>
      <c r="S33" s="627"/>
      <c r="T33" s="627"/>
      <c r="U33" s="840"/>
      <c r="V33" s="841"/>
      <c r="W33" s="841"/>
      <c r="X33" s="841"/>
      <c r="Y33" s="843"/>
      <c r="Z33" s="627"/>
    </row>
    <row r="34" spans="1:26" ht="15" customHeight="1" x14ac:dyDescent="0.2">
      <c r="A34" s="627"/>
      <c r="B34" s="717"/>
      <c r="C34" s="1203" t="s">
        <v>1467</v>
      </c>
      <c r="D34" s="1203"/>
      <c r="E34" s="1203"/>
      <c r="F34" s="1203"/>
      <c r="G34" s="1203"/>
      <c r="H34" s="1203"/>
      <c r="I34" s="1203"/>
      <c r="J34" s="1203"/>
      <c r="K34" s="1203"/>
      <c r="L34" s="1203"/>
      <c r="M34" s="1203"/>
      <c r="N34" s="1203"/>
      <c r="O34" s="1203"/>
      <c r="P34" s="1203"/>
      <c r="Q34" s="1203"/>
      <c r="R34" s="1203"/>
      <c r="S34" s="1203"/>
      <c r="T34" s="1204"/>
      <c r="U34" s="840"/>
      <c r="V34" s="841"/>
      <c r="W34" s="841"/>
      <c r="X34" s="841"/>
      <c r="Y34" s="843"/>
      <c r="Z34" s="627"/>
    </row>
    <row r="35" spans="1:26" ht="7.5" customHeight="1" x14ac:dyDescent="0.2">
      <c r="A35" s="627"/>
      <c r="B35" s="717"/>
      <c r="C35" s="627"/>
      <c r="D35" s="848"/>
      <c r="E35" s="848"/>
      <c r="F35" s="848"/>
      <c r="G35" s="848"/>
      <c r="H35" s="848"/>
      <c r="I35" s="848"/>
      <c r="J35" s="848"/>
      <c r="K35" s="848"/>
      <c r="L35" s="848"/>
      <c r="M35" s="848"/>
      <c r="N35" s="848"/>
      <c r="O35" s="848"/>
      <c r="P35" s="848"/>
      <c r="Q35" s="848"/>
      <c r="R35" s="848"/>
      <c r="S35" s="848"/>
      <c r="T35" s="848"/>
      <c r="U35" s="840"/>
      <c r="V35" s="841"/>
      <c r="W35" s="841"/>
      <c r="X35" s="841"/>
      <c r="Y35" s="843"/>
      <c r="Z35" s="627"/>
    </row>
    <row r="36" spans="1:26" ht="30" customHeight="1" x14ac:dyDescent="0.2">
      <c r="A36" s="627"/>
      <c r="B36" s="717"/>
      <c r="C36" s="849"/>
      <c r="D36" s="1208"/>
      <c r="E36" s="1209"/>
      <c r="F36" s="1209"/>
      <c r="G36" s="1209"/>
      <c r="H36" s="1209"/>
      <c r="I36" s="1209"/>
      <c r="J36" s="1209"/>
      <c r="K36" s="1210"/>
      <c r="L36" s="1211" t="s">
        <v>104</v>
      </c>
      <c r="M36" s="1194"/>
      <c r="N36" s="1195"/>
      <c r="O36" s="1211" t="s">
        <v>105</v>
      </c>
      <c r="P36" s="1212"/>
      <c r="Q36" s="1213"/>
      <c r="R36" s="850"/>
      <c r="S36" s="850"/>
      <c r="T36" s="850"/>
      <c r="U36" s="1205"/>
      <c r="V36" s="1206"/>
      <c r="W36" s="1206"/>
      <c r="X36" s="1206"/>
      <c r="Y36" s="1207"/>
      <c r="Z36" s="627"/>
    </row>
    <row r="37" spans="1:26" ht="54.6" customHeight="1" x14ac:dyDescent="0.2">
      <c r="A37" s="627"/>
      <c r="B37" s="717"/>
      <c r="C37" s="851" t="s">
        <v>1417</v>
      </c>
      <c r="D37" s="1214" t="s">
        <v>118</v>
      </c>
      <c r="E37" s="1214"/>
      <c r="F37" s="1214"/>
      <c r="G37" s="1214"/>
      <c r="H37" s="1214"/>
      <c r="I37" s="1214"/>
      <c r="J37" s="1214"/>
      <c r="K37" s="1214"/>
      <c r="L37" s="1215" t="s">
        <v>69</v>
      </c>
      <c r="M37" s="1216"/>
      <c r="N37" s="1217"/>
      <c r="O37" s="1218" t="s">
        <v>107</v>
      </c>
      <c r="P37" s="1218"/>
      <c r="Q37" s="1218"/>
      <c r="R37" s="852"/>
      <c r="S37" s="852"/>
      <c r="T37" s="852"/>
      <c r="U37" s="1205" t="s">
        <v>1468</v>
      </c>
      <c r="V37" s="1206"/>
      <c r="W37" s="1206"/>
      <c r="X37" s="1206"/>
      <c r="Y37" s="1207"/>
      <c r="Z37" s="627"/>
    </row>
    <row r="38" spans="1:26" ht="54.6" customHeight="1" x14ac:dyDescent="0.2">
      <c r="A38" s="627"/>
      <c r="B38" s="717"/>
      <c r="C38" s="851" t="s">
        <v>108</v>
      </c>
      <c r="D38" s="1214" t="s">
        <v>1469</v>
      </c>
      <c r="E38" s="1214"/>
      <c r="F38" s="1214"/>
      <c r="G38" s="1214"/>
      <c r="H38" s="1214"/>
      <c r="I38" s="1214"/>
      <c r="J38" s="1214"/>
      <c r="K38" s="1214"/>
      <c r="L38" s="1215" t="s">
        <v>69</v>
      </c>
      <c r="M38" s="1216"/>
      <c r="N38" s="1217"/>
      <c r="O38" s="1219"/>
      <c r="P38" s="1219"/>
      <c r="Q38" s="1219"/>
      <c r="R38" s="853"/>
      <c r="S38" s="1220" t="s">
        <v>1420</v>
      </c>
      <c r="T38" s="1221"/>
      <c r="U38" s="840"/>
      <c r="V38" s="841" t="s">
        <v>1400</v>
      </c>
      <c r="W38" s="841" t="s">
        <v>1425</v>
      </c>
      <c r="X38" s="841" t="s">
        <v>1400</v>
      </c>
      <c r="Y38" s="843"/>
      <c r="Z38" s="627"/>
    </row>
    <row r="39" spans="1:26" ht="54.6" customHeight="1" x14ac:dyDescent="0.2">
      <c r="A39" s="627"/>
      <c r="B39" s="717"/>
      <c r="C39" s="851" t="s">
        <v>109</v>
      </c>
      <c r="D39" s="1214" t="s">
        <v>1470</v>
      </c>
      <c r="E39" s="1214"/>
      <c r="F39" s="1214"/>
      <c r="G39" s="1214"/>
      <c r="H39" s="1214"/>
      <c r="I39" s="1214"/>
      <c r="J39" s="1214"/>
      <c r="K39" s="1214"/>
      <c r="L39" s="1218" t="s">
        <v>69</v>
      </c>
      <c r="M39" s="1218"/>
      <c r="N39" s="1218"/>
      <c r="O39" s="1219"/>
      <c r="P39" s="1219"/>
      <c r="Q39" s="1219"/>
      <c r="R39" s="853"/>
      <c r="S39" s="1220" t="s">
        <v>1424</v>
      </c>
      <c r="T39" s="1221"/>
      <c r="U39" s="840"/>
      <c r="V39" s="841" t="s">
        <v>1400</v>
      </c>
      <c r="W39" s="841" t="s">
        <v>1425</v>
      </c>
      <c r="X39" s="841" t="s">
        <v>1400</v>
      </c>
      <c r="Y39" s="843"/>
      <c r="Z39" s="627"/>
    </row>
    <row r="40" spans="1:26" ht="54" customHeight="1" x14ac:dyDescent="0.2">
      <c r="A40" s="627"/>
      <c r="B40" s="717"/>
      <c r="C40" s="851" t="s">
        <v>1426</v>
      </c>
      <c r="D40" s="1214" t="s">
        <v>119</v>
      </c>
      <c r="E40" s="1214"/>
      <c r="F40" s="1214"/>
      <c r="G40" s="1214"/>
      <c r="H40" s="1214"/>
      <c r="I40" s="1214"/>
      <c r="J40" s="1214"/>
      <c r="K40" s="1214"/>
      <c r="L40" s="1222"/>
      <c r="M40" s="1222"/>
      <c r="N40" s="1222"/>
      <c r="O40" s="1218" t="s">
        <v>107</v>
      </c>
      <c r="P40" s="1218"/>
      <c r="Q40" s="1218"/>
      <c r="R40" s="854"/>
      <c r="S40" s="1220" t="s">
        <v>1427</v>
      </c>
      <c r="T40" s="1221"/>
      <c r="U40" s="840"/>
      <c r="V40" s="841" t="s">
        <v>1400</v>
      </c>
      <c r="W40" s="841" t="s">
        <v>1425</v>
      </c>
      <c r="X40" s="841" t="s">
        <v>1400</v>
      </c>
      <c r="Y40" s="843"/>
      <c r="Z40" s="627"/>
    </row>
    <row r="41" spans="1:26" ht="15" customHeight="1" x14ac:dyDescent="0.2">
      <c r="A41" s="627"/>
      <c r="B41" s="717"/>
      <c r="C41" s="627"/>
      <c r="D41" s="627"/>
      <c r="E41" s="627"/>
      <c r="F41" s="627"/>
      <c r="G41" s="627"/>
      <c r="H41" s="627"/>
      <c r="I41" s="627"/>
      <c r="J41" s="627"/>
      <c r="K41" s="627"/>
      <c r="L41" s="627"/>
      <c r="M41" s="627"/>
      <c r="N41" s="627"/>
      <c r="O41" s="627"/>
      <c r="P41" s="627"/>
      <c r="Q41" s="627"/>
      <c r="R41" s="627"/>
      <c r="S41" s="627"/>
      <c r="T41" s="627"/>
      <c r="U41" s="840"/>
      <c r="V41" s="841"/>
      <c r="W41" s="841"/>
      <c r="X41" s="841"/>
      <c r="Y41" s="843"/>
      <c r="Z41" s="627"/>
    </row>
    <row r="42" spans="1:26" ht="15" customHeight="1" x14ac:dyDescent="0.2">
      <c r="A42" s="627"/>
      <c r="B42" s="717"/>
      <c r="C42" s="627" t="s">
        <v>1429</v>
      </c>
      <c r="D42" s="627"/>
      <c r="E42" s="627"/>
      <c r="F42" s="627"/>
      <c r="G42" s="627"/>
      <c r="H42" s="627"/>
      <c r="I42" s="627"/>
      <c r="J42" s="627"/>
      <c r="K42" s="627"/>
      <c r="L42" s="627"/>
      <c r="M42" s="627"/>
      <c r="N42" s="627"/>
      <c r="O42" s="627"/>
      <c r="P42" s="627"/>
      <c r="Q42" s="627"/>
      <c r="R42" s="627"/>
      <c r="S42" s="627"/>
      <c r="T42" s="627"/>
      <c r="U42" s="1205" t="s">
        <v>1452</v>
      </c>
      <c r="V42" s="1206"/>
      <c r="W42" s="1206"/>
      <c r="X42" s="1206"/>
      <c r="Y42" s="1207"/>
      <c r="Z42" s="627"/>
    </row>
    <row r="43" spans="1:26" ht="15" customHeight="1" x14ac:dyDescent="0.2">
      <c r="A43" s="627"/>
      <c r="B43" s="717"/>
      <c r="C43" s="627"/>
      <c r="D43" s="627"/>
      <c r="E43" s="627"/>
      <c r="F43" s="627"/>
      <c r="G43" s="627"/>
      <c r="H43" s="627"/>
      <c r="I43" s="627"/>
      <c r="J43" s="627"/>
      <c r="K43" s="627"/>
      <c r="L43" s="627"/>
      <c r="M43" s="627"/>
      <c r="N43" s="627"/>
      <c r="O43" s="627"/>
      <c r="P43" s="627"/>
      <c r="Q43" s="627"/>
      <c r="R43" s="627"/>
      <c r="S43" s="627"/>
      <c r="T43" s="627"/>
      <c r="U43" s="840"/>
      <c r="V43" s="841"/>
      <c r="W43" s="841"/>
      <c r="X43" s="841"/>
      <c r="Y43" s="843"/>
      <c r="Z43" s="627"/>
    </row>
    <row r="44" spans="1:26" ht="45" customHeight="1" x14ac:dyDescent="0.2">
      <c r="A44" s="627"/>
      <c r="B44" s="717"/>
      <c r="C44" s="855" t="s">
        <v>1471</v>
      </c>
      <c r="D44" s="1201" t="s">
        <v>1472</v>
      </c>
      <c r="E44" s="1201"/>
      <c r="F44" s="1201"/>
      <c r="G44" s="1201"/>
      <c r="H44" s="1201"/>
      <c r="I44" s="1201"/>
      <c r="J44" s="1201"/>
      <c r="K44" s="1201"/>
      <c r="L44" s="1201"/>
      <c r="M44" s="1201"/>
      <c r="N44" s="1201"/>
      <c r="O44" s="1201"/>
      <c r="P44" s="1201"/>
      <c r="Q44" s="1201"/>
      <c r="R44" s="1201"/>
      <c r="S44" s="1201"/>
      <c r="T44" s="1202"/>
      <c r="U44" s="840"/>
      <c r="V44" s="841" t="s">
        <v>1400</v>
      </c>
      <c r="W44" s="841" t="s">
        <v>1407</v>
      </c>
      <c r="X44" s="841" t="s">
        <v>1400</v>
      </c>
      <c r="Y44" s="843"/>
      <c r="Z44" s="627"/>
    </row>
    <row r="45" spans="1:26" ht="30" customHeight="1" x14ac:dyDescent="0.2">
      <c r="A45" s="627"/>
      <c r="B45" s="717"/>
      <c r="C45" s="855" t="s">
        <v>1473</v>
      </c>
      <c r="D45" s="1201" t="s">
        <v>1474</v>
      </c>
      <c r="E45" s="1201"/>
      <c r="F45" s="1201"/>
      <c r="G45" s="1201"/>
      <c r="H45" s="1201"/>
      <c r="I45" s="1201"/>
      <c r="J45" s="1201"/>
      <c r="K45" s="1201"/>
      <c r="L45" s="1201"/>
      <c r="M45" s="1201"/>
      <c r="N45" s="1201"/>
      <c r="O45" s="1201"/>
      <c r="P45" s="1201"/>
      <c r="Q45" s="1201"/>
      <c r="R45" s="1201"/>
      <c r="S45" s="1201"/>
      <c r="T45" s="1202"/>
      <c r="U45" s="840"/>
      <c r="V45" s="841" t="s">
        <v>1400</v>
      </c>
      <c r="W45" s="841" t="s">
        <v>1407</v>
      </c>
      <c r="X45" s="841" t="s">
        <v>1400</v>
      </c>
      <c r="Y45" s="843"/>
      <c r="Z45" s="627"/>
    </row>
    <row r="46" spans="1:26" ht="7.5" customHeight="1" x14ac:dyDescent="0.2">
      <c r="A46" s="627"/>
      <c r="B46" s="717"/>
      <c r="C46" s="627"/>
      <c r="D46" s="627"/>
      <c r="E46" s="627"/>
      <c r="F46" s="627"/>
      <c r="G46" s="627"/>
      <c r="H46" s="627"/>
      <c r="I46" s="627"/>
      <c r="J46" s="627"/>
      <c r="K46" s="627"/>
      <c r="L46" s="627"/>
      <c r="M46" s="627"/>
      <c r="N46" s="627"/>
      <c r="O46" s="627"/>
      <c r="P46" s="627"/>
      <c r="Q46" s="627"/>
      <c r="R46" s="627"/>
      <c r="S46" s="627"/>
      <c r="T46" s="627"/>
      <c r="U46" s="840"/>
      <c r="V46" s="841"/>
      <c r="W46" s="841"/>
      <c r="X46" s="841"/>
      <c r="Y46" s="843"/>
      <c r="Z46" s="627"/>
    </row>
    <row r="47" spans="1:26" ht="26.25" customHeight="1" x14ac:dyDescent="0.2">
      <c r="A47" s="627"/>
      <c r="B47" s="717"/>
      <c r="C47" s="1193" t="s">
        <v>110</v>
      </c>
      <c r="D47" s="1194"/>
      <c r="E47" s="1194"/>
      <c r="F47" s="1194"/>
      <c r="G47" s="1194"/>
      <c r="H47" s="1195"/>
      <c r="I47" s="1223" t="s">
        <v>107</v>
      </c>
      <c r="J47" s="1224"/>
      <c r="K47" s="840"/>
      <c r="L47" s="1193" t="s">
        <v>120</v>
      </c>
      <c r="M47" s="1194"/>
      <c r="N47" s="1194"/>
      <c r="O47" s="1194"/>
      <c r="P47" s="1194"/>
      <c r="Q47" s="1195"/>
      <c r="R47" s="1223" t="s">
        <v>69</v>
      </c>
      <c r="S47" s="1225"/>
      <c r="T47" s="627"/>
      <c r="U47" s="840"/>
      <c r="V47" s="841"/>
      <c r="W47" s="841"/>
      <c r="X47" s="841"/>
      <c r="Y47" s="843"/>
      <c r="Z47" s="627"/>
    </row>
    <row r="48" spans="1:26" ht="7.5" customHeight="1" x14ac:dyDescent="0.2">
      <c r="A48" s="627"/>
      <c r="B48" s="717"/>
      <c r="C48" s="627"/>
      <c r="D48" s="627"/>
      <c r="E48" s="627"/>
      <c r="F48" s="627"/>
      <c r="G48" s="627"/>
      <c r="H48" s="627"/>
      <c r="I48" s="627"/>
      <c r="J48" s="627"/>
      <c r="K48" s="627"/>
      <c r="L48" s="627"/>
      <c r="M48" s="627"/>
      <c r="N48" s="627"/>
      <c r="O48" s="627"/>
      <c r="P48" s="627"/>
      <c r="Q48" s="627"/>
      <c r="R48" s="627"/>
      <c r="S48" s="627"/>
      <c r="T48" s="627"/>
      <c r="U48" s="840"/>
      <c r="V48" s="841"/>
      <c r="W48" s="841"/>
      <c r="X48" s="841"/>
      <c r="Y48" s="843"/>
      <c r="Z48" s="627"/>
    </row>
    <row r="49" spans="1:26" ht="22.5" customHeight="1" x14ac:dyDescent="0.2">
      <c r="A49" s="627"/>
      <c r="B49" s="717"/>
      <c r="C49" s="1226"/>
      <c r="D49" s="1227"/>
      <c r="E49" s="1227"/>
      <c r="F49" s="1227"/>
      <c r="G49" s="1227"/>
      <c r="H49" s="1227"/>
      <c r="I49" s="1228"/>
      <c r="J49" s="1196" t="s">
        <v>112</v>
      </c>
      <c r="K49" s="1196"/>
      <c r="L49" s="1196"/>
      <c r="M49" s="1196"/>
      <c r="N49" s="1196"/>
      <c r="O49" s="1238" t="s">
        <v>113</v>
      </c>
      <c r="P49" s="1239"/>
      <c r="Q49" s="1240"/>
      <c r="R49" s="840"/>
      <c r="S49" s="643"/>
      <c r="T49" s="627"/>
      <c r="U49" s="840"/>
      <c r="V49" s="841"/>
      <c r="W49" s="841"/>
      <c r="X49" s="841"/>
      <c r="Y49" s="843"/>
      <c r="Z49" s="627"/>
    </row>
    <row r="50" spans="1:26" ht="22.5" customHeight="1" x14ac:dyDescent="0.2">
      <c r="A50" s="627"/>
      <c r="B50" s="717"/>
      <c r="C50" s="1229" t="s">
        <v>121</v>
      </c>
      <c r="D50" s="1230"/>
      <c r="E50" s="1231"/>
      <c r="F50" s="1214" t="s">
        <v>1475</v>
      </c>
      <c r="G50" s="1214"/>
      <c r="H50" s="1214"/>
      <c r="I50" s="1214"/>
      <c r="J50" s="1223" t="s">
        <v>69</v>
      </c>
      <c r="K50" s="1224"/>
      <c r="L50" s="1224"/>
      <c r="M50" s="1224"/>
      <c r="N50" s="1225"/>
      <c r="O50" s="1244" t="s">
        <v>69</v>
      </c>
      <c r="P50" s="1245"/>
      <c r="Q50" s="1246"/>
      <c r="R50" s="840"/>
      <c r="S50" s="643"/>
      <c r="T50" s="627"/>
      <c r="U50" s="840"/>
      <c r="V50" s="841"/>
      <c r="W50" s="841"/>
      <c r="X50" s="841"/>
      <c r="Y50" s="843"/>
      <c r="Z50" s="627"/>
    </row>
    <row r="51" spans="1:26" ht="22.5" customHeight="1" x14ac:dyDescent="0.2">
      <c r="A51" s="627"/>
      <c r="B51" s="717"/>
      <c r="C51" s="1241"/>
      <c r="D51" s="1242"/>
      <c r="E51" s="1243"/>
      <c r="F51" s="1247" t="s">
        <v>1476</v>
      </c>
      <c r="G51" s="1247"/>
      <c r="H51" s="1247"/>
      <c r="I51" s="1247"/>
      <c r="J51" s="1218" t="s">
        <v>69</v>
      </c>
      <c r="K51" s="1218"/>
      <c r="L51" s="1218"/>
      <c r="M51" s="1218"/>
      <c r="N51" s="1218"/>
      <c r="O51" s="1248"/>
      <c r="P51" s="1249"/>
      <c r="Q51" s="1249"/>
      <c r="R51" s="840"/>
      <c r="S51" s="643"/>
      <c r="T51" s="627"/>
      <c r="U51" s="840"/>
      <c r="V51" s="841"/>
      <c r="W51" s="841"/>
      <c r="X51" s="841"/>
      <c r="Y51" s="843"/>
      <c r="Z51" s="627"/>
    </row>
    <row r="52" spans="1:26" ht="22.5" customHeight="1" x14ac:dyDescent="0.2">
      <c r="A52" s="627"/>
      <c r="B52" s="717"/>
      <c r="C52" s="1232"/>
      <c r="D52" s="1233"/>
      <c r="E52" s="1234"/>
      <c r="F52" s="1247" t="s">
        <v>1477</v>
      </c>
      <c r="G52" s="1247"/>
      <c r="H52" s="1247"/>
      <c r="I52" s="1247"/>
      <c r="J52" s="1218" t="s">
        <v>69</v>
      </c>
      <c r="K52" s="1218"/>
      <c r="L52" s="1218"/>
      <c r="M52" s="1218"/>
      <c r="N52" s="1218"/>
      <c r="O52" s="1223" t="s">
        <v>69</v>
      </c>
      <c r="P52" s="1224"/>
      <c r="Q52" s="1224"/>
      <c r="R52" s="840"/>
      <c r="S52" s="643"/>
      <c r="T52" s="627"/>
      <c r="U52" s="840"/>
      <c r="V52" s="841"/>
      <c r="W52" s="841"/>
      <c r="X52" s="841"/>
      <c r="Y52" s="843"/>
      <c r="Z52" s="627"/>
    </row>
    <row r="53" spans="1:26" x14ac:dyDescent="0.2">
      <c r="A53" s="627"/>
      <c r="B53" s="717"/>
      <c r="C53" s="627"/>
      <c r="D53" s="627"/>
      <c r="E53" s="627"/>
      <c r="F53" s="627"/>
      <c r="G53" s="627"/>
      <c r="H53" s="627"/>
      <c r="I53" s="627"/>
      <c r="J53" s="627"/>
      <c r="K53" s="627"/>
      <c r="L53" s="627"/>
      <c r="M53" s="627"/>
      <c r="N53" s="627"/>
      <c r="O53" s="627"/>
      <c r="P53" s="627"/>
      <c r="Q53" s="627"/>
      <c r="R53" s="627"/>
      <c r="S53" s="627"/>
      <c r="T53" s="627"/>
      <c r="U53" s="840"/>
      <c r="V53" s="841"/>
      <c r="W53" s="841"/>
      <c r="X53" s="841"/>
      <c r="Y53" s="843"/>
      <c r="Z53" s="627"/>
    </row>
    <row r="54" spans="1:26" ht="16.2" x14ac:dyDescent="0.2">
      <c r="A54" s="627"/>
      <c r="B54" s="717" t="s">
        <v>1436</v>
      </c>
      <c r="C54" s="627"/>
      <c r="D54" s="627"/>
      <c r="E54" s="627"/>
      <c r="F54" s="627"/>
      <c r="G54" s="627"/>
      <c r="H54" s="627"/>
      <c r="I54" s="627"/>
      <c r="J54" s="627"/>
      <c r="K54" s="627"/>
      <c r="L54" s="627"/>
      <c r="M54" s="627"/>
      <c r="N54" s="627"/>
      <c r="O54" s="627"/>
      <c r="P54" s="627"/>
      <c r="Q54" s="627"/>
      <c r="R54" s="627"/>
      <c r="S54" s="627"/>
      <c r="T54" s="627"/>
      <c r="U54" s="1205" t="s">
        <v>1478</v>
      </c>
      <c r="V54" s="1206"/>
      <c r="W54" s="1206"/>
      <c r="X54" s="1206"/>
      <c r="Y54" s="1207"/>
      <c r="Z54" s="627"/>
    </row>
    <row r="55" spans="1:26" x14ac:dyDescent="0.2">
      <c r="A55" s="627"/>
      <c r="B55" s="717"/>
      <c r="C55" s="627"/>
      <c r="D55" s="627"/>
      <c r="E55" s="627"/>
      <c r="F55" s="627"/>
      <c r="G55" s="627"/>
      <c r="H55" s="627"/>
      <c r="I55" s="627"/>
      <c r="J55" s="627"/>
      <c r="K55" s="627"/>
      <c r="L55" s="627"/>
      <c r="M55" s="627"/>
      <c r="N55" s="627"/>
      <c r="O55" s="627"/>
      <c r="P55" s="627"/>
      <c r="Q55" s="627"/>
      <c r="R55" s="627"/>
      <c r="S55" s="627"/>
      <c r="T55" s="627"/>
      <c r="U55" s="840"/>
      <c r="V55" s="841"/>
      <c r="W55" s="841"/>
      <c r="X55" s="841"/>
      <c r="Y55" s="843"/>
      <c r="Z55" s="627"/>
    </row>
    <row r="56" spans="1:26" ht="15" customHeight="1" x14ac:dyDescent="0.2">
      <c r="A56" s="627"/>
      <c r="B56" s="717"/>
      <c r="C56" s="864" t="s">
        <v>1479</v>
      </c>
      <c r="D56" s="1250" t="s">
        <v>1480</v>
      </c>
      <c r="E56" s="1250"/>
      <c r="F56" s="1250"/>
      <c r="G56" s="1250"/>
      <c r="H56" s="1250"/>
      <c r="I56" s="1250"/>
      <c r="J56" s="1250"/>
      <c r="K56" s="1250"/>
      <c r="L56" s="1250"/>
      <c r="M56" s="1250"/>
      <c r="N56" s="1250"/>
      <c r="O56" s="1250"/>
      <c r="P56" s="1250"/>
      <c r="Q56" s="1250"/>
      <c r="R56" s="1250"/>
      <c r="S56" s="1250"/>
      <c r="T56" s="1202"/>
      <c r="U56" s="840"/>
      <c r="V56" s="842" t="s">
        <v>1400</v>
      </c>
      <c r="W56" s="842" t="s">
        <v>1425</v>
      </c>
      <c r="X56" s="842" t="s">
        <v>1400</v>
      </c>
      <c r="Y56" s="843"/>
      <c r="Z56" s="627"/>
    </row>
    <row r="57" spans="1:26" ht="15" customHeight="1" x14ac:dyDescent="0.2">
      <c r="A57" s="627"/>
      <c r="B57" s="718"/>
      <c r="C57" s="865"/>
      <c r="D57" s="1251"/>
      <c r="E57" s="1251"/>
      <c r="F57" s="1251"/>
      <c r="G57" s="1251"/>
      <c r="H57" s="1251"/>
      <c r="I57" s="1251"/>
      <c r="J57" s="1251"/>
      <c r="K57" s="1251"/>
      <c r="L57" s="1251"/>
      <c r="M57" s="1251"/>
      <c r="N57" s="1251"/>
      <c r="O57" s="1251"/>
      <c r="P57" s="1251"/>
      <c r="Q57" s="1251"/>
      <c r="R57" s="1251"/>
      <c r="S57" s="1251"/>
      <c r="T57" s="1252"/>
      <c r="U57" s="749"/>
      <c r="V57" s="866"/>
      <c r="W57" s="866"/>
      <c r="X57" s="866"/>
      <c r="Y57" s="751"/>
      <c r="Z57" s="627"/>
    </row>
    <row r="58" spans="1:26" ht="15" customHeight="1" x14ac:dyDescent="0.2">
      <c r="A58" s="627"/>
      <c r="B58" s="715"/>
      <c r="C58" s="867"/>
      <c r="D58" s="867"/>
      <c r="E58" s="867"/>
      <c r="F58" s="867"/>
      <c r="G58" s="867"/>
      <c r="H58" s="867"/>
      <c r="I58" s="867"/>
      <c r="J58" s="867"/>
      <c r="K58" s="867"/>
      <c r="L58" s="867"/>
      <c r="M58" s="867"/>
      <c r="N58" s="867"/>
      <c r="O58" s="867"/>
      <c r="P58" s="867"/>
      <c r="Q58" s="867"/>
      <c r="R58" s="867"/>
      <c r="S58" s="867"/>
      <c r="T58" s="867"/>
      <c r="U58" s="868"/>
      <c r="V58" s="861"/>
      <c r="W58" s="861"/>
      <c r="X58" s="861"/>
      <c r="Y58" s="868"/>
      <c r="Z58" s="628"/>
    </row>
    <row r="59" spans="1:26" ht="15" customHeight="1" x14ac:dyDescent="0.2">
      <c r="A59" s="627"/>
      <c r="B59" s="627" t="s">
        <v>1481</v>
      </c>
      <c r="C59" s="627"/>
      <c r="D59" s="627"/>
      <c r="E59" s="627"/>
      <c r="F59" s="627"/>
      <c r="G59" s="627"/>
      <c r="H59" s="627"/>
      <c r="I59" s="627"/>
      <c r="J59" s="627"/>
      <c r="K59" s="627"/>
      <c r="L59" s="627"/>
      <c r="M59" s="627"/>
      <c r="N59" s="627"/>
      <c r="O59" s="627"/>
      <c r="P59" s="627"/>
      <c r="Q59" s="627"/>
      <c r="R59" s="627"/>
      <c r="S59" s="627"/>
      <c r="T59" s="627"/>
      <c r="U59" s="627"/>
      <c r="V59" s="627"/>
      <c r="W59" s="627"/>
      <c r="X59" s="627"/>
      <c r="Y59" s="627"/>
      <c r="Z59" s="627"/>
    </row>
    <row r="60" spans="1:26" ht="15" customHeight="1" x14ac:dyDescent="0.2">
      <c r="A60" s="627"/>
      <c r="B60" s="721">
        <v>1</v>
      </c>
      <c r="C60" s="1189" t="s">
        <v>1482</v>
      </c>
      <c r="D60" s="1189"/>
      <c r="E60" s="1189"/>
      <c r="F60" s="1189"/>
      <c r="G60" s="1189"/>
      <c r="H60" s="1189"/>
      <c r="I60" s="1189"/>
      <c r="J60" s="1189"/>
      <c r="K60" s="1189"/>
      <c r="L60" s="1189"/>
      <c r="M60" s="1189"/>
      <c r="N60" s="1189"/>
      <c r="O60" s="1189"/>
      <c r="P60" s="1189"/>
      <c r="Q60" s="1189"/>
      <c r="R60" s="1189"/>
      <c r="S60" s="1189"/>
      <c r="T60" s="1189"/>
      <c r="U60" s="1189"/>
      <c r="V60" s="1189"/>
      <c r="W60" s="1189"/>
      <c r="X60" s="1189"/>
      <c r="Y60" s="1189"/>
      <c r="Z60" s="627"/>
    </row>
    <row r="61" spans="1:26" ht="30" customHeight="1" x14ac:dyDescent="0.2">
      <c r="A61" s="627"/>
      <c r="B61" s="869">
        <v>2</v>
      </c>
      <c r="C61" s="1203" t="s">
        <v>1483</v>
      </c>
      <c r="D61" s="1203"/>
      <c r="E61" s="1203"/>
      <c r="F61" s="1203"/>
      <c r="G61" s="1203"/>
      <c r="H61" s="1203"/>
      <c r="I61" s="1203"/>
      <c r="J61" s="1203"/>
      <c r="K61" s="1203"/>
      <c r="L61" s="1203"/>
      <c r="M61" s="1203"/>
      <c r="N61" s="1203"/>
      <c r="O61" s="1203"/>
      <c r="P61" s="1203"/>
      <c r="Q61" s="1203"/>
      <c r="R61" s="1203"/>
      <c r="S61" s="1203"/>
      <c r="T61" s="1203"/>
      <c r="U61" s="1203"/>
      <c r="V61" s="1203"/>
      <c r="W61" s="1203"/>
      <c r="X61" s="1203"/>
      <c r="Y61" s="1203"/>
      <c r="Z61" s="643"/>
    </row>
    <row r="62" spans="1:26" ht="15" customHeight="1" x14ac:dyDescent="0.2">
      <c r="A62" s="627"/>
      <c r="B62" s="846"/>
      <c r="C62" s="1203"/>
      <c r="D62" s="1203"/>
      <c r="E62" s="1203"/>
      <c r="F62" s="1203"/>
      <c r="G62" s="1203"/>
      <c r="H62" s="1203"/>
      <c r="I62" s="1203"/>
      <c r="J62" s="1203"/>
      <c r="K62" s="1203"/>
      <c r="L62" s="1203"/>
      <c r="M62" s="1203"/>
      <c r="N62" s="1203"/>
      <c r="O62" s="1203"/>
      <c r="P62" s="1203"/>
      <c r="Q62" s="1203"/>
      <c r="R62" s="1203"/>
      <c r="S62" s="1203"/>
      <c r="T62" s="1203"/>
      <c r="U62" s="1203"/>
      <c r="V62" s="1203"/>
      <c r="W62" s="1203"/>
      <c r="X62" s="1203"/>
      <c r="Y62" s="1203"/>
      <c r="Z62" s="643"/>
    </row>
    <row r="63" spans="1:26" ht="15" customHeight="1" x14ac:dyDescent="0.2">
      <c r="A63" s="627"/>
      <c r="B63" s="869">
        <v>3</v>
      </c>
      <c r="C63" s="1203" t="s">
        <v>1484</v>
      </c>
      <c r="D63" s="1203"/>
      <c r="E63" s="1203"/>
      <c r="F63" s="1203"/>
      <c r="G63" s="1203"/>
      <c r="H63" s="1203"/>
      <c r="I63" s="1203"/>
      <c r="J63" s="1203"/>
      <c r="K63" s="1203"/>
      <c r="L63" s="1203"/>
      <c r="M63" s="1203"/>
      <c r="N63" s="1203"/>
      <c r="O63" s="1203"/>
      <c r="P63" s="1203"/>
      <c r="Q63" s="1203"/>
      <c r="R63" s="1203"/>
      <c r="S63" s="1203"/>
      <c r="T63" s="1203"/>
      <c r="U63" s="1203"/>
      <c r="V63" s="1203"/>
      <c r="W63" s="1203"/>
      <c r="X63" s="1203"/>
      <c r="Y63" s="1203"/>
      <c r="Z63" s="846"/>
    </row>
    <row r="67" spans="5:5" x14ac:dyDescent="0.2">
      <c r="E67" s="836" t="s">
        <v>1485</v>
      </c>
    </row>
  </sheetData>
  <mergeCells count="63">
    <mergeCell ref="C61:Y62"/>
    <mergeCell ref="C63:Y63"/>
    <mergeCell ref="F52:I52"/>
    <mergeCell ref="J52:N52"/>
    <mergeCell ref="O52:Q52"/>
    <mergeCell ref="U54:Y54"/>
    <mergeCell ref="D56:T57"/>
    <mergeCell ref="C60:Y60"/>
    <mergeCell ref="C49:I49"/>
    <mergeCell ref="J49:N49"/>
    <mergeCell ref="O49:Q49"/>
    <mergeCell ref="C50:E52"/>
    <mergeCell ref="F50:I50"/>
    <mergeCell ref="J50:N50"/>
    <mergeCell ref="O50:Q50"/>
    <mergeCell ref="F51:I51"/>
    <mergeCell ref="J51:N51"/>
    <mergeCell ref="O51:Q51"/>
    <mergeCell ref="U42:Y42"/>
    <mergeCell ref="D44:T44"/>
    <mergeCell ref="D45:T45"/>
    <mergeCell ref="C47:H47"/>
    <mergeCell ref="I47:J47"/>
    <mergeCell ref="L47:Q47"/>
    <mergeCell ref="R47:S47"/>
    <mergeCell ref="D39:K39"/>
    <mergeCell ref="L39:N39"/>
    <mergeCell ref="O39:Q39"/>
    <mergeCell ref="S39:T39"/>
    <mergeCell ref="D40:K40"/>
    <mergeCell ref="L40:N40"/>
    <mergeCell ref="O40:Q40"/>
    <mergeCell ref="S40:T40"/>
    <mergeCell ref="U36:Y36"/>
    <mergeCell ref="D37:K37"/>
    <mergeCell ref="L37:N37"/>
    <mergeCell ref="O37:Q37"/>
    <mergeCell ref="U37:Y37"/>
    <mergeCell ref="D38:K38"/>
    <mergeCell ref="L38:N38"/>
    <mergeCell ref="O38:Q38"/>
    <mergeCell ref="S38:T38"/>
    <mergeCell ref="D22:T22"/>
    <mergeCell ref="D24:T24"/>
    <mergeCell ref="D26:T27"/>
    <mergeCell ref="D29:T29"/>
    <mergeCell ref="C34:T34"/>
    <mergeCell ref="D36:K36"/>
    <mergeCell ref="L36:N36"/>
    <mergeCell ref="O36:Q36"/>
    <mergeCell ref="AE18:AR21"/>
    <mergeCell ref="D19:T20"/>
    <mergeCell ref="Q2:Y2"/>
    <mergeCell ref="B4:Y4"/>
    <mergeCell ref="B6:F6"/>
    <mergeCell ref="G6:Y6"/>
    <mergeCell ref="B7:F7"/>
    <mergeCell ref="G7:Y7"/>
    <mergeCell ref="B8:F8"/>
    <mergeCell ref="G8:Y8"/>
    <mergeCell ref="U11:Y11"/>
    <mergeCell ref="D13:T14"/>
    <mergeCell ref="D16:T17"/>
  </mergeCells>
  <phoneticPr fontId="6"/>
  <dataValidations count="1">
    <dataValidation type="list" allowBlank="1" showInputMessage="1" showErrorMessage="1" sqref="V13:V14 X13:X14 V16 X16 V19 X19 V22 X22 V24 X24 V26 X26 V29 X29 V38:V40 X38:X40 V44:V45 X44:X45 V56 X56">
      <formula1>"□,■"</formula1>
    </dataValidation>
  </dataValidations>
  <printOptions horizontalCentered="1"/>
  <pageMargins left="0.70866141732283472" right="0.70866141732283472" top="0.74803149606299213" bottom="0.74803149606299213" header="0.31496062992125984" footer="0.31496062992125984"/>
  <pageSetup paperSize="9" scale="68" orientation="portrait" r:id="rId1"/>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A1:AI37"/>
  <sheetViews>
    <sheetView view="pageBreakPreview" zoomScaleNormal="100" workbookViewId="0">
      <selection activeCell="C20" sqref="C20:L20"/>
    </sheetView>
  </sheetViews>
  <sheetFormatPr defaultColWidth="9" defaultRowHeight="21" customHeight="1" x14ac:dyDescent="0.2"/>
  <cols>
    <col min="1" max="39" width="2.6640625" style="96" customWidth="1"/>
    <col min="40" max="16384" width="9" style="96"/>
  </cols>
  <sheetData>
    <row r="1" spans="1:35" ht="21" customHeight="1" x14ac:dyDescent="0.2">
      <c r="A1" s="246" t="s">
        <v>277</v>
      </c>
      <c r="B1" s="104"/>
      <c r="C1" s="104"/>
      <c r="D1" s="104"/>
      <c r="E1" s="104"/>
      <c r="F1" s="104"/>
      <c r="G1" s="104"/>
      <c r="H1" s="104"/>
      <c r="I1" s="104"/>
      <c r="J1" s="104"/>
      <c r="K1" s="104"/>
      <c r="L1" s="104"/>
      <c r="M1" s="104"/>
      <c r="N1" s="104"/>
      <c r="O1" s="104"/>
      <c r="P1" s="104"/>
      <c r="Q1" s="104"/>
      <c r="R1" s="104"/>
      <c r="S1" s="104"/>
      <c r="T1" s="104"/>
      <c r="U1" s="104"/>
      <c r="V1" s="104"/>
      <c r="W1" s="104"/>
      <c r="X1" s="104"/>
      <c r="Y1" s="104"/>
      <c r="Z1" s="104"/>
      <c r="AA1" s="104"/>
      <c r="AB1" s="104"/>
      <c r="AC1" s="104"/>
      <c r="AD1" s="104"/>
      <c r="AE1" s="104"/>
      <c r="AF1" s="104"/>
      <c r="AG1" s="104"/>
      <c r="AH1" s="104"/>
      <c r="AI1" s="104"/>
    </row>
    <row r="2" spans="1:35" ht="21" customHeight="1" x14ac:dyDescent="0.2">
      <c r="A2" s="1703" t="s">
        <v>0</v>
      </c>
      <c r="B2" s="1703"/>
      <c r="C2" s="1703"/>
      <c r="D2" s="1703"/>
      <c r="E2" s="1703"/>
      <c r="F2" s="1703"/>
      <c r="G2" s="1703"/>
      <c r="H2" s="1703"/>
      <c r="I2" s="1703"/>
      <c r="J2" s="1703"/>
      <c r="K2" s="1703"/>
      <c r="L2" s="1703"/>
      <c r="M2" s="1703"/>
      <c r="N2" s="1703"/>
      <c r="O2" s="1703"/>
      <c r="P2" s="1703"/>
      <c r="Q2" s="1703"/>
      <c r="R2" s="1703"/>
      <c r="S2" s="1703"/>
      <c r="T2" s="1703"/>
      <c r="U2" s="1703"/>
      <c r="V2" s="1703"/>
      <c r="W2" s="1703"/>
      <c r="X2" s="1703"/>
      <c r="Y2" s="1703"/>
      <c r="Z2" s="1703"/>
      <c r="AA2" s="1703"/>
      <c r="AB2" s="1703"/>
      <c r="AC2" s="1703"/>
      <c r="AD2" s="1703"/>
      <c r="AE2" s="1703"/>
      <c r="AF2" s="1703"/>
      <c r="AG2" s="1703"/>
      <c r="AH2" s="1703"/>
      <c r="AI2" s="1703"/>
    </row>
    <row r="3" spans="1:35" ht="21" customHeight="1" thickBot="1" x14ac:dyDescent="0.25"/>
    <row r="4" spans="1:35" ht="21" customHeight="1" x14ac:dyDescent="0.2">
      <c r="A4" s="1704" t="s">
        <v>297</v>
      </c>
      <c r="B4" s="1705"/>
      <c r="C4" s="1705"/>
      <c r="D4" s="1705"/>
      <c r="E4" s="1705"/>
      <c r="F4" s="1705"/>
      <c r="G4" s="1705"/>
      <c r="H4" s="1705"/>
      <c r="I4" s="1705"/>
      <c r="J4" s="1705"/>
      <c r="K4" s="1705"/>
      <c r="L4" s="1706"/>
      <c r="M4" s="1706"/>
      <c r="N4" s="1706"/>
      <c r="O4" s="1706"/>
      <c r="P4" s="1706"/>
      <c r="Q4" s="1706"/>
      <c r="R4" s="1706"/>
      <c r="S4" s="1706"/>
      <c r="T4" s="1706"/>
      <c r="U4" s="1706"/>
      <c r="V4" s="1706"/>
      <c r="W4" s="1706"/>
      <c r="X4" s="1706"/>
      <c r="Y4" s="1706"/>
      <c r="Z4" s="1706"/>
      <c r="AA4" s="1706"/>
      <c r="AB4" s="1706"/>
      <c r="AC4" s="1706"/>
      <c r="AD4" s="1706"/>
      <c r="AE4" s="1706"/>
      <c r="AF4" s="1706"/>
      <c r="AG4" s="1706"/>
      <c r="AH4" s="1706"/>
      <c r="AI4" s="1707"/>
    </row>
    <row r="5" spans="1:35" ht="21" customHeight="1" x14ac:dyDescent="0.2">
      <c r="A5" s="1699" t="s">
        <v>60</v>
      </c>
      <c r="B5" s="1700"/>
      <c r="C5" s="1700"/>
      <c r="D5" s="1700"/>
      <c r="E5" s="1700"/>
      <c r="F5" s="1700"/>
      <c r="G5" s="1700"/>
      <c r="H5" s="1700"/>
      <c r="I5" s="1700"/>
      <c r="J5" s="1700"/>
      <c r="K5" s="1700"/>
      <c r="L5" s="1701"/>
      <c r="M5" s="1701"/>
      <c r="N5" s="1701"/>
      <c r="O5" s="1701"/>
      <c r="P5" s="1701"/>
      <c r="Q5" s="1701"/>
      <c r="R5" s="1701"/>
      <c r="S5" s="1701"/>
      <c r="T5" s="1701"/>
      <c r="U5" s="1701"/>
      <c r="V5" s="1701"/>
      <c r="W5" s="1701"/>
      <c r="X5" s="1701"/>
      <c r="Y5" s="1701"/>
      <c r="Z5" s="1701"/>
      <c r="AA5" s="1701"/>
      <c r="AB5" s="1701"/>
      <c r="AC5" s="1701"/>
      <c r="AD5" s="1701"/>
      <c r="AE5" s="1701"/>
      <c r="AF5" s="1701"/>
      <c r="AG5" s="1701"/>
      <c r="AH5" s="1701"/>
      <c r="AI5" s="1702"/>
    </row>
    <row r="6" spans="1:35" ht="21" customHeight="1" x14ac:dyDescent="0.2">
      <c r="A6" s="1699" t="s">
        <v>298</v>
      </c>
      <c r="B6" s="1700"/>
      <c r="C6" s="1700"/>
      <c r="D6" s="1700"/>
      <c r="E6" s="1700"/>
      <c r="F6" s="1700"/>
      <c r="G6" s="1700"/>
      <c r="H6" s="1700"/>
      <c r="I6" s="1700"/>
      <c r="J6" s="1700"/>
      <c r="K6" s="1700"/>
      <c r="L6" s="1701"/>
      <c r="M6" s="1701"/>
      <c r="N6" s="1701"/>
      <c r="O6" s="1701"/>
      <c r="P6" s="1701"/>
      <c r="Q6" s="1701"/>
      <c r="R6" s="1701"/>
      <c r="S6" s="1701"/>
      <c r="T6" s="1701"/>
      <c r="U6" s="1701"/>
      <c r="V6" s="1701"/>
      <c r="W6" s="1701"/>
      <c r="X6" s="1701"/>
      <c r="Y6" s="1701"/>
      <c r="Z6" s="1701"/>
      <c r="AA6" s="1701"/>
      <c r="AB6" s="1701"/>
      <c r="AC6" s="1701"/>
      <c r="AD6" s="1701"/>
      <c r="AE6" s="1701"/>
      <c r="AF6" s="1701"/>
      <c r="AG6" s="1701"/>
      <c r="AH6" s="1701"/>
      <c r="AI6" s="1702"/>
    </row>
    <row r="7" spans="1:35" ht="21" customHeight="1" x14ac:dyDescent="0.2">
      <c r="A7" s="1708" t="s">
        <v>127</v>
      </c>
      <c r="B7" s="1709"/>
      <c r="C7" s="1709"/>
      <c r="D7" s="1709"/>
      <c r="E7" s="1709"/>
      <c r="F7" s="1700" t="s">
        <v>128</v>
      </c>
      <c r="G7" s="1700"/>
      <c r="H7" s="1700"/>
      <c r="I7" s="1700"/>
      <c r="J7" s="1700"/>
      <c r="K7" s="1700"/>
      <c r="L7" s="1709"/>
      <c r="M7" s="1709"/>
      <c r="N7" s="1709"/>
      <c r="O7" s="1709"/>
      <c r="P7" s="1709"/>
      <c r="Q7" s="1709"/>
      <c r="R7" s="1709"/>
      <c r="S7" s="1709"/>
      <c r="T7" s="1709"/>
      <c r="U7" s="1709"/>
      <c r="V7" s="1709" t="s">
        <v>129</v>
      </c>
      <c r="W7" s="1709"/>
      <c r="X7" s="1709"/>
      <c r="Y7" s="1709"/>
      <c r="Z7" s="1709"/>
      <c r="AA7" s="1709"/>
      <c r="AB7" s="1709"/>
      <c r="AC7" s="1709"/>
      <c r="AD7" s="1709"/>
      <c r="AE7" s="1709"/>
      <c r="AF7" s="1709"/>
      <c r="AG7" s="1709"/>
      <c r="AH7" s="1709"/>
      <c r="AI7" s="1732"/>
    </row>
    <row r="8" spans="1:35" ht="21" customHeight="1" thickBot="1" x14ac:dyDescent="0.25">
      <c r="A8" s="1710"/>
      <c r="B8" s="1711"/>
      <c r="C8" s="1711"/>
      <c r="D8" s="1711"/>
      <c r="E8" s="1711"/>
      <c r="F8" s="1734" t="s">
        <v>130</v>
      </c>
      <c r="G8" s="1734"/>
      <c r="H8" s="1734"/>
      <c r="I8" s="1734"/>
      <c r="J8" s="1734"/>
      <c r="K8" s="1734"/>
      <c r="L8" s="1711"/>
      <c r="M8" s="1711"/>
      <c r="N8" s="1711"/>
      <c r="O8" s="1711"/>
      <c r="P8" s="1711"/>
      <c r="Q8" s="1711"/>
      <c r="R8" s="1711"/>
      <c r="S8" s="1711"/>
      <c r="T8" s="1711"/>
      <c r="U8" s="1711"/>
      <c r="V8" s="1711"/>
      <c r="W8" s="1711"/>
      <c r="X8" s="1711"/>
      <c r="Y8" s="1711"/>
      <c r="Z8" s="1711"/>
      <c r="AA8" s="1711"/>
      <c r="AB8" s="1711"/>
      <c r="AC8" s="1711"/>
      <c r="AD8" s="1711"/>
      <c r="AE8" s="1711"/>
      <c r="AF8" s="1711"/>
      <c r="AG8" s="1711"/>
      <c r="AH8" s="1711"/>
      <c r="AI8" s="1733"/>
    </row>
    <row r="9" spans="1:35" ht="21" customHeight="1" thickTop="1" x14ac:dyDescent="0.2">
      <c r="A9" s="1712" t="s">
        <v>252</v>
      </c>
      <c r="B9" s="1713"/>
      <c r="C9" s="1716" t="s">
        <v>197</v>
      </c>
      <c r="D9" s="1717"/>
      <c r="E9" s="1717"/>
      <c r="F9" s="1717"/>
      <c r="G9" s="1717"/>
      <c r="H9" s="1717"/>
      <c r="I9" s="1717"/>
      <c r="J9" s="1717"/>
      <c r="K9" s="1717"/>
      <c r="L9" s="1717"/>
      <c r="M9" s="1717"/>
      <c r="N9" s="1717"/>
      <c r="O9" s="1717"/>
      <c r="P9" s="1717"/>
      <c r="Q9" s="1717"/>
      <c r="R9" s="1717"/>
      <c r="S9" s="1717"/>
      <c r="T9" s="1717"/>
      <c r="U9" s="1718"/>
      <c r="V9" s="1735"/>
      <c r="W9" s="1736"/>
      <c r="X9" s="1736"/>
      <c r="Y9" s="1736"/>
      <c r="Z9" s="1736"/>
      <c r="AA9" s="1736"/>
      <c r="AB9" s="1736"/>
      <c r="AC9" s="1736"/>
      <c r="AD9" s="1736"/>
      <c r="AE9" s="1736"/>
      <c r="AF9" s="1736"/>
      <c r="AG9" s="1736"/>
      <c r="AH9" s="1736"/>
      <c r="AI9" s="1737"/>
    </row>
    <row r="10" spans="1:35" ht="21" customHeight="1" x14ac:dyDescent="0.2">
      <c r="A10" s="1712"/>
      <c r="B10" s="1713"/>
      <c r="C10" s="1719"/>
      <c r="D10" s="1709" t="s">
        <v>1</v>
      </c>
      <c r="E10" s="1709"/>
      <c r="F10" s="1709"/>
      <c r="G10" s="1709"/>
      <c r="H10" s="1709"/>
      <c r="I10" s="1709"/>
      <c r="J10" s="1709"/>
      <c r="K10" s="1709"/>
      <c r="L10" s="1709"/>
      <c r="M10" s="1709"/>
      <c r="N10" s="1709"/>
      <c r="O10" s="1709"/>
      <c r="P10" s="1709"/>
      <c r="Q10" s="1709"/>
      <c r="R10" s="1709"/>
      <c r="S10" s="1709"/>
      <c r="T10" s="1709"/>
      <c r="U10" s="1709"/>
      <c r="V10" s="1709" t="s">
        <v>2</v>
      </c>
      <c r="W10" s="1709"/>
      <c r="X10" s="1709"/>
      <c r="Y10" s="1709"/>
      <c r="Z10" s="1709"/>
      <c r="AA10" s="1709"/>
      <c r="AB10" s="1709"/>
      <c r="AC10" s="1709"/>
      <c r="AD10" s="1709"/>
      <c r="AE10" s="1709"/>
      <c r="AF10" s="1709"/>
      <c r="AG10" s="1709"/>
      <c r="AH10" s="1709"/>
      <c r="AI10" s="1732"/>
    </row>
    <row r="11" spans="1:35" ht="21" customHeight="1" x14ac:dyDescent="0.2">
      <c r="A11" s="1714"/>
      <c r="B11" s="1715"/>
      <c r="C11" s="1719"/>
      <c r="D11" s="1721" t="s">
        <v>3</v>
      </c>
      <c r="E11" s="1722"/>
      <c r="F11" s="1722"/>
      <c r="G11" s="1722"/>
      <c r="H11" s="1722"/>
      <c r="I11" s="1722"/>
      <c r="J11" s="1722"/>
      <c r="K11" s="1722"/>
      <c r="L11" s="1709"/>
      <c r="M11" s="1709"/>
      <c r="N11" s="1709"/>
      <c r="O11" s="1709"/>
      <c r="P11" s="1709"/>
      <c r="Q11" s="1709"/>
      <c r="R11" s="1709"/>
      <c r="S11" s="1709"/>
      <c r="T11" s="1709"/>
      <c r="U11" s="1709"/>
      <c r="V11" s="1709"/>
      <c r="W11" s="1709"/>
      <c r="X11" s="1709"/>
      <c r="Y11" s="1709"/>
      <c r="Z11" s="1709"/>
      <c r="AA11" s="1709"/>
      <c r="AB11" s="1709"/>
      <c r="AC11" s="1709"/>
      <c r="AD11" s="1709"/>
      <c r="AE11" s="1709"/>
      <c r="AF11" s="1709"/>
      <c r="AG11" s="1709"/>
      <c r="AH11" s="1709"/>
      <c r="AI11" s="1732"/>
    </row>
    <row r="12" spans="1:35" ht="21" customHeight="1" x14ac:dyDescent="0.2">
      <c r="A12" s="1714"/>
      <c r="B12" s="1715"/>
      <c r="C12" s="1719"/>
      <c r="D12" s="1721" t="s">
        <v>4</v>
      </c>
      <c r="E12" s="1722"/>
      <c r="F12" s="1722"/>
      <c r="G12" s="1722"/>
      <c r="H12" s="1722"/>
      <c r="I12" s="1722"/>
      <c r="J12" s="1722"/>
      <c r="K12" s="1722"/>
      <c r="L12" s="1709"/>
      <c r="M12" s="1709"/>
      <c r="N12" s="1709"/>
      <c r="O12" s="1709"/>
      <c r="P12" s="1709"/>
      <c r="Q12" s="1709"/>
      <c r="R12" s="1709"/>
      <c r="S12" s="1709"/>
      <c r="T12" s="1709"/>
      <c r="U12" s="1709"/>
      <c r="V12" s="1709"/>
      <c r="W12" s="1709"/>
      <c r="X12" s="1709"/>
      <c r="Y12" s="1709"/>
      <c r="Z12" s="1709"/>
      <c r="AA12" s="1709"/>
      <c r="AB12" s="1709"/>
      <c r="AC12" s="1709"/>
      <c r="AD12" s="1709"/>
      <c r="AE12" s="1709"/>
      <c r="AF12" s="1709"/>
      <c r="AG12" s="1709"/>
      <c r="AH12" s="1709"/>
      <c r="AI12" s="1732"/>
    </row>
    <row r="13" spans="1:35" ht="21" customHeight="1" x14ac:dyDescent="0.2">
      <c r="A13" s="1714"/>
      <c r="B13" s="1715"/>
      <c r="C13" s="1719"/>
      <c r="D13" s="1721" t="s">
        <v>5</v>
      </c>
      <c r="E13" s="1722"/>
      <c r="F13" s="1722"/>
      <c r="G13" s="1722"/>
      <c r="H13" s="1722"/>
      <c r="I13" s="1722"/>
      <c r="J13" s="1722"/>
      <c r="K13" s="1722"/>
      <c r="L13" s="1709"/>
      <c r="M13" s="1709"/>
      <c r="N13" s="1709"/>
      <c r="O13" s="1709"/>
      <c r="P13" s="1709"/>
      <c r="Q13" s="1709"/>
      <c r="R13" s="1709"/>
      <c r="S13" s="1709"/>
      <c r="T13" s="1709"/>
      <c r="U13" s="1709"/>
      <c r="V13" s="1709"/>
      <c r="W13" s="1709"/>
      <c r="X13" s="1709"/>
      <c r="Y13" s="1709"/>
      <c r="Z13" s="1709"/>
      <c r="AA13" s="1709"/>
      <c r="AB13" s="1709"/>
      <c r="AC13" s="1709"/>
      <c r="AD13" s="1709"/>
      <c r="AE13" s="1709"/>
      <c r="AF13" s="1709"/>
      <c r="AG13" s="1709"/>
      <c r="AH13" s="1709"/>
      <c r="AI13" s="1732"/>
    </row>
    <row r="14" spans="1:35" ht="21" customHeight="1" x14ac:dyDescent="0.2">
      <c r="A14" s="1714"/>
      <c r="B14" s="1715"/>
      <c r="C14" s="1719"/>
      <c r="D14" s="1721" t="s">
        <v>6</v>
      </c>
      <c r="E14" s="1722"/>
      <c r="F14" s="1722"/>
      <c r="G14" s="1722"/>
      <c r="H14" s="1722"/>
      <c r="I14" s="1722"/>
      <c r="J14" s="1722"/>
      <c r="K14" s="1722"/>
      <c r="L14" s="1709"/>
      <c r="M14" s="1709"/>
      <c r="N14" s="1709"/>
      <c r="O14" s="1709"/>
      <c r="P14" s="1709"/>
      <c r="Q14" s="1709"/>
      <c r="R14" s="1709"/>
      <c r="S14" s="1709"/>
      <c r="T14" s="1709"/>
      <c r="U14" s="1709"/>
      <c r="V14" s="1709"/>
      <c r="W14" s="1709"/>
      <c r="X14" s="1709"/>
      <c r="Y14" s="1709"/>
      <c r="Z14" s="1709"/>
      <c r="AA14" s="1709"/>
      <c r="AB14" s="1709"/>
      <c r="AC14" s="1709"/>
      <c r="AD14" s="1709"/>
      <c r="AE14" s="1709"/>
      <c r="AF14" s="1709"/>
      <c r="AG14" s="1709"/>
      <c r="AH14" s="1709"/>
      <c r="AI14" s="1732"/>
    </row>
    <row r="15" spans="1:35" ht="21" customHeight="1" x14ac:dyDescent="0.2">
      <c r="A15" s="1714"/>
      <c r="B15" s="1715"/>
      <c r="C15" s="1720"/>
      <c r="D15" s="1721" t="s">
        <v>7</v>
      </c>
      <c r="E15" s="1722"/>
      <c r="F15" s="1722"/>
      <c r="G15" s="1722"/>
      <c r="H15" s="1722"/>
      <c r="I15" s="1722"/>
      <c r="J15" s="1722"/>
      <c r="K15" s="1722"/>
      <c r="L15" s="1709"/>
      <c r="M15" s="1709"/>
      <c r="N15" s="1709"/>
      <c r="O15" s="1709"/>
      <c r="P15" s="1709"/>
      <c r="Q15" s="1709"/>
      <c r="R15" s="1709"/>
      <c r="S15" s="1709"/>
      <c r="T15" s="1709"/>
      <c r="U15" s="1709"/>
      <c r="V15" s="1709"/>
      <c r="W15" s="1709"/>
      <c r="X15" s="1709"/>
      <c r="Y15" s="1709"/>
      <c r="Z15" s="1709"/>
      <c r="AA15" s="1709"/>
      <c r="AB15" s="1709"/>
      <c r="AC15" s="1709"/>
      <c r="AD15" s="1709"/>
      <c r="AE15" s="1709"/>
      <c r="AF15" s="1709"/>
      <c r="AG15" s="1709"/>
      <c r="AH15" s="1709"/>
      <c r="AI15" s="1732"/>
    </row>
    <row r="16" spans="1:35" ht="21" customHeight="1" x14ac:dyDescent="0.2">
      <c r="A16" s="1714"/>
      <c r="B16" s="1715"/>
      <c r="C16" s="1709" t="s">
        <v>8</v>
      </c>
      <c r="D16" s="1709"/>
      <c r="E16" s="1709"/>
      <c r="F16" s="1709"/>
      <c r="G16" s="1709"/>
      <c r="H16" s="1709"/>
      <c r="I16" s="1709"/>
      <c r="J16" s="1709"/>
      <c r="K16" s="1709"/>
      <c r="L16" s="1709"/>
      <c r="M16" s="1709"/>
      <c r="N16" s="1709"/>
      <c r="O16" s="1709"/>
      <c r="P16" s="1709"/>
      <c r="Q16" s="1709"/>
      <c r="R16" s="1709"/>
      <c r="S16" s="1709"/>
      <c r="T16" s="1709"/>
      <c r="U16" s="1709"/>
      <c r="V16" s="1709"/>
      <c r="W16" s="1709"/>
      <c r="X16" s="1709"/>
      <c r="Y16" s="1709"/>
      <c r="Z16" s="1709"/>
      <c r="AA16" s="1709"/>
      <c r="AB16" s="1709"/>
      <c r="AC16" s="1709"/>
      <c r="AD16" s="1709"/>
      <c r="AE16" s="1709"/>
      <c r="AF16" s="1709"/>
      <c r="AG16" s="1709"/>
      <c r="AH16" s="1709"/>
      <c r="AI16" s="1732"/>
    </row>
    <row r="17" spans="1:35" ht="21" customHeight="1" x14ac:dyDescent="0.2">
      <c r="A17" s="1714"/>
      <c r="B17" s="1715"/>
      <c r="C17" s="1723"/>
      <c r="D17" s="1724"/>
      <c r="E17" s="1724"/>
      <c r="F17" s="1724"/>
      <c r="G17" s="1724"/>
      <c r="H17" s="1724"/>
      <c r="I17" s="1724"/>
      <c r="J17" s="1724"/>
      <c r="K17" s="1724"/>
      <c r="L17" s="1724"/>
      <c r="M17" s="1724"/>
      <c r="N17" s="1724"/>
      <c r="O17" s="1724"/>
      <c r="P17" s="1724"/>
      <c r="Q17" s="1724"/>
      <c r="R17" s="1724"/>
      <c r="S17" s="1724"/>
      <c r="T17" s="1724"/>
      <c r="U17" s="1724"/>
      <c r="V17" s="1724"/>
      <c r="W17" s="1724"/>
      <c r="X17" s="1724"/>
      <c r="Y17" s="1724"/>
      <c r="Z17" s="1724"/>
      <c r="AA17" s="1724"/>
      <c r="AB17" s="1724"/>
      <c r="AC17" s="1724"/>
      <c r="AD17" s="1724"/>
      <c r="AE17" s="1724"/>
      <c r="AF17" s="1724"/>
      <c r="AG17" s="1724"/>
      <c r="AH17" s="1724"/>
      <c r="AI17" s="1725"/>
    </row>
    <row r="18" spans="1:35" ht="21" customHeight="1" x14ac:dyDescent="0.2">
      <c r="A18" s="1714"/>
      <c r="B18" s="1715"/>
      <c r="C18" s="1726"/>
      <c r="D18" s="1727"/>
      <c r="E18" s="1727"/>
      <c r="F18" s="1727"/>
      <c r="G18" s="1727"/>
      <c r="H18" s="1727"/>
      <c r="I18" s="1727"/>
      <c r="J18" s="1727"/>
      <c r="K18" s="1727"/>
      <c r="L18" s="1727"/>
      <c r="M18" s="1727"/>
      <c r="N18" s="1727"/>
      <c r="O18" s="1727"/>
      <c r="P18" s="1727"/>
      <c r="Q18" s="1727"/>
      <c r="R18" s="1727"/>
      <c r="S18" s="1727"/>
      <c r="T18" s="1727"/>
      <c r="U18" s="1727"/>
      <c r="V18" s="1727"/>
      <c r="W18" s="1727"/>
      <c r="X18" s="1727"/>
      <c r="Y18" s="1727"/>
      <c r="Z18" s="1727"/>
      <c r="AA18" s="1727"/>
      <c r="AB18" s="1727"/>
      <c r="AC18" s="1727"/>
      <c r="AD18" s="1727"/>
      <c r="AE18" s="1727"/>
      <c r="AF18" s="1727"/>
      <c r="AG18" s="1727"/>
      <c r="AH18" s="1727"/>
      <c r="AI18" s="1728"/>
    </row>
    <row r="19" spans="1:35" ht="21" customHeight="1" x14ac:dyDescent="0.2">
      <c r="A19" s="1714"/>
      <c r="B19" s="1715"/>
      <c r="C19" s="1729"/>
      <c r="D19" s="1730"/>
      <c r="E19" s="1730"/>
      <c r="F19" s="1730"/>
      <c r="G19" s="1730"/>
      <c r="H19" s="1730"/>
      <c r="I19" s="1730"/>
      <c r="J19" s="1730"/>
      <c r="K19" s="1730"/>
      <c r="L19" s="1730"/>
      <c r="M19" s="1730"/>
      <c r="N19" s="1730"/>
      <c r="O19" s="1730"/>
      <c r="P19" s="1730"/>
      <c r="Q19" s="1730"/>
      <c r="R19" s="1730"/>
      <c r="S19" s="1730"/>
      <c r="T19" s="1730"/>
      <c r="U19" s="1730"/>
      <c r="V19" s="1730"/>
      <c r="W19" s="1730"/>
      <c r="X19" s="1730"/>
      <c r="Y19" s="1730"/>
      <c r="Z19" s="1730"/>
      <c r="AA19" s="1730"/>
      <c r="AB19" s="1730"/>
      <c r="AC19" s="1730"/>
      <c r="AD19" s="1730"/>
      <c r="AE19" s="1730"/>
      <c r="AF19" s="1730"/>
      <c r="AG19" s="1730"/>
      <c r="AH19" s="1730"/>
      <c r="AI19" s="1731"/>
    </row>
    <row r="20" spans="1:35" ht="21" customHeight="1" x14ac:dyDescent="0.2">
      <c r="A20" s="1743" t="s">
        <v>9</v>
      </c>
      <c r="B20" s="1744"/>
      <c r="C20" s="1721" t="s">
        <v>10</v>
      </c>
      <c r="D20" s="1722"/>
      <c r="E20" s="1722"/>
      <c r="F20" s="1722"/>
      <c r="G20" s="1722"/>
      <c r="H20" s="1722"/>
      <c r="I20" s="1722"/>
      <c r="J20" s="1722"/>
      <c r="K20" s="1722"/>
      <c r="L20" s="1749"/>
      <c r="M20" s="1709" t="s">
        <v>53</v>
      </c>
      <c r="N20" s="1709"/>
      <c r="O20" s="1709"/>
      <c r="P20" s="1709"/>
      <c r="Q20" s="1709"/>
      <c r="R20" s="1709"/>
      <c r="S20" s="1709"/>
      <c r="T20" s="1709"/>
      <c r="U20" s="1709"/>
      <c r="V20" s="1709"/>
      <c r="W20" s="1709"/>
      <c r="X20" s="1709"/>
      <c r="Y20" s="1709"/>
      <c r="Z20" s="1722" t="s">
        <v>11</v>
      </c>
      <c r="AA20" s="1722"/>
      <c r="AB20" s="1722"/>
      <c r="AC20" s="1722"/>
      <c r="AD20" s="1722"/>
      <c r="AE20" s="1722"/>
      <c r="AF20" s="1722"/>
      <c r="AG20" s="1722"/>
      <c r="AH20" s="1722"/>
      <c r="AI20" s="1750"/>
    </row>
    <row r="21" spans="1:35" ht="21" customHeight="1" x14ac:dyDescent="0.2">
      <c r="A21" s="1745"/>
      <c r="B21" s="1746"/>
      <c r="C21" s="1709" t="s">
        <v>51</v>
      </c>
      <c r="D21" s="1709"/>
      <c r="E21" s="1709"/>
      <c r="F21" s="1709"/>
      <c r="G21" s="1709"/>
      <c r="H21" s="1709" t="s">
        <v>12</v>
      </c>
      <c r="I21" s="1709"/>
      <c r="J21" s="1709"/>
      <c r="K21" s="1709"/>
      <c r="L21" s="1709"/>
      <c r="M21" s="1709"/>
      <c r="N21" s="1709"/>
      <c r="O21" s="1709"/>
      <c r="P21" s="1709"/>
      <c r="Q21" s="1709"/>
      <c r="R21" s="1709"/>
      <c r="S21" s="1709"/>
      <c r="T21" s="1709"/>
      <c r="U21" s="1709"/>
      <c r="V21" s="1709"/>
      <c r="W21" s="1709"/>
      <c r="X21" s="1709"/>
      <c r="Y21" s="1709"/>
      <c r="Z21" s="1709"/>
      <c r="AA21" s="1709"/>
      <c r="AB21" s="1709"/>
      <c r="AC21" s="1709"/>
      <c r="AD21" s="1709"/>
      <c r="AE21" s="1709"/>
      <c r="AF21" s="1709"/>
      <c r="AG21" s="1721"/>
      <c r="AH21" s="97" t="s">
        <v>69</v>
      </c>
      <c r="AI21" s="98"/>
    </row>
    <row r="22" spans="1:35" ht="21" customHeight="1" x14ac:dyDescent="0.2">
      <c r="A22" s="1745"/>
      <c r="B22" s="1746"/>
      <c r="C22" s="1709"/>
      <c r="D22" s="1709"/>
      <c r="E22" s="1709"/>
      <c r="F22" s="1709"/>
      <c r="G22" s="1709"/>
      <c r="H22" s="1709" t="s">
        <v>13</v>
      </c>
      <c r="I22" s="1709"/>
      <c r="J22" s="1709"/>
      <c r="K22" s="1709"/>
      <c r="L22" s="1709"/>
      <c r="M22" s="1709"/>
      <c r="N22" s="1709"/>
      <c r="O22" s="1709"/>
      <c r="P22" s="1709"/>
      <c r="Q22" s="1709"/>
      <c r="R22" s="1709"/>
      <c r="S22" s="1709"/>
      <c r="T22" s="1709"/>
      <c r="U22" s="1709"/>
      <c r="V22" s="1709"/>
      <c r="W22" s="1709"/>
      <c r="X22" s="1709"/>
      <c r="Y22" s="1709"/>
      <c r="Z22" s="1709"/>
      <c r="AA22" s="1709"/>
      <c r="AB22" s="1709"/>
      <c r="AC22" s="1709"/>
      <c r="AD22" s="1709"/>
      <c r="AE22" s="1709"/>
      <c r="AF22" s="1709"/>
      <c r="AG22" s="1721"/>
      <c r="AH22" s="97" t="s">
        <v>69</v>
      </c>
      <c r="AI22" s="98"/>
    </row>
    <row r="23" spans="1:35" ht="21" customHeight="1" x14ac:dyDescent="0.2">
      <c r="A23" s="1745"/>
      <c r="B23" s="1746"/>
      <c r="C23" s="1709" t="s">
        <v>50</v>
      </c>
      <c r="D23" s="1709"/>
      <c r="E23" s="1709"/>
      <c r="F23" s="1709"/>
      <c r="G23" s="1709"/>
      <c r="H23" s="1709" t="s">
        <v>12</v>
      </c>
      <c r="I23" s="1709"/>
      <c r="J23" s="1709"/>
      <c r="K23" s="1709"/>
      <c r="L23" s="1709"/>
      <c r="M23" s="1709"/>
      <c r="N23" s="1709"/>
      <c r="O23" s="1709"/>
      <c r="P23" s="1709"/>
      <c r="Q23" s="1709"/>
      <c r="R23" s="1709"/>
      <c r="S23" s="1709"/>
      <c r="T23" s="1709"/>
      <c r="U23" s="1709"/>
      <c r="V23" s="1709"/>
      <c r="W23" s="1709"/>
      <c r="X23" s="1709"/>
      <c r="Y23" s="1709"/>
      <c r="Z23" s="1709"/>
      <c r="AA23" s="1709"/>
      <c r="AB23" s="1709"/>
      <c r="AC23" s="1709"/>
      <c r="AD23" s="1709"/>
      <c r="AE23" s="1709"/>
      <c r="AF23" s="1709"/>
      <c r="AG23" s="1721"/>
      <c r="AH23" s="97" t="s">
        <v>69</v>
      </c>
      <c r="AI23" s="98"/>
    </row>
    <row r="24" spans="1:35" ht="21" customHeight="1" x14ac:dyDescent="0.2">
      <c r="A24" s="1745"/>
      <c r="B24" s="1746"/>
      <c r="C24" s="1709"/>
      <c r="D24" s="1709"/>
      <c r="E24" s="1709"/>
      <c r="F24" s="1709"/>
      <c r="G24" s="1709"/>
      <c r="H24" s="1709" t="s">
        <v>13</v>
      </c>
      <c r="I24" s="1709"/>
      <c r="J24" s="1709"/>
      <c r="K24" s="1709"/>
      <c r="L24" s="1709"/>
      <c r="M24" s="1709"/>
      <c r="N24" s="1709"/>
      <c r="O24" s="1709"/>
      <c r="P24" s="1709"/>
      <c r="Q24" s="1709"/>
      <c r="R24" s="1709"/>
      <c r="S24" s="1709"/>
      <c r="T24" s="1709"/>
      <c r="U24" s="1709"/>
      <c r="V24" s="1709"/>
      <c r="W24" s="1709"/>
      <c r="X24" s="1709"/>
      <c r="Y24" s="1709"/>
      <c r="Z24" s="1709"/>
      <c r="AA24" s="1709"/>
      <c r="AB24" s="1709"/>
      <c r="AC24" s="1709"/>
      <c r="AD24" s="1709"/>
      <c r="AE24" s="1709"/>
      <c r="AF24" s="1709"/>
      <c r="AG24" s="1721"/>
      <c r="AH24" s="97" t="s">
        <v>69</v>
      </c>
      <c r="AI24" s="98"/>
    </row>
    <row r="25" spans="1:35" ht="21" customHeight="1" x14ac:dyDescent="0.2">
      <c r="A25" s="1745"/>
      <c r="B25" s="1746"/>
      <c r="C25" s="1709" t="s">
        <v>14</v>
      </c>
      <c r="D25" s="1709"/>
      <c r="E25" s="1709"/>
      <c r="F25" s="1709"/>
      <c r="G25" s="1709"/>
      <c r="H25" s="1709"/>
      <c r="I25" s="1709"/>
      <c r="J25" s="1709"/>
      <c r="K25" s="1709"/>
      <c r="L25" s="1709"/>
      <c r="M25" s="1709"/>
      <c r="N25" s="1709"/>
      <c r="O25" s="1709"/>
      <c r="P25" s="1709"/>
      <c r="Q25" s="1709"/>
      <c r="R25" s="1709"/>
      <c r="S25" s="1709"/>
      <c r="T25" s="1709"/>
      <c r="U25" s="1709"/>
      <c r="V25" s="1709"/>
      <c r="W25" s="1709"/>
      <c r="X25" s="1709"/>
      <c r="Y25" s="1709"/>
      <c r="Z25" s="1709"/>
      <c r="AA25" s="1709"/>
      <c r="AB25" s="1709"/>
      <c r="AC25" s="1709"/>
      <c r="AD25" s="1709"/>
      <c r="AE25" s="1709"/>
      <c r="AF25" s="1709"/>
      <c r="AG25" s="1709"/>
      <c r="AH25" s="1709"/>
      <c r="AI25" s="1732"/>
    </row>
    <row r="26" spans="1:35" ht="21" customHeight="1" x14ac:dyDescent="0.2">
      <c r="A26" s="1745"/>
      <c r="B26" s="1746"/>
      <c r="C26" s="1709" t="s">
        <v>15</v>
      </c>
      <c r="D26" s="1709"/>
      <c r="E26" s="1709"/>
      <c r="F26" s="1709"/>
      <c r="G26" s="1709"/>
      <c r="H26" s="1709"/>
      <c r="I26" s="1709"/>
      <c r="J26" s="1709"/>
      <c r="K26" s="1709"/>
      <c r="L26" s="1709"/>
      <c r="M26" s="1709"/>
      <c r="N26" s="1709"/>
      <c r="O26" s="1709"/>
      <c r="P26" s="1709"/>
      <c r="Q26" s="1709"/>
      <c r="R26" s="1709"/>
      <c r="S26" s="1709"/>
      <c r="T26" s="1709"/>
      <c r="U26" s="1709"/>
      <c r="V26" s="1709"/>
      <c r="W26" s="1709"/>
      <c r="X26" s="1709"/>
      <c r="Y26" s="1709"/>
      <c r="Z26" s="1709"/>
      <c r="AA26" s="1709"/>
      <c r="AB26" s="1709"/>
      <c r="AC26" s="1709"/>
      <c r="AD26" s="1709"/>
      <c r="AE26" s="1709"/>
      <c r="AF26" s="1709"/>
      <c r="AG26" s="1709"/>
      <c r="AH26" s="1709"/>
      <c r="AI26" s="1732"/>
    </row>
    <row r="27" spans="1:35" ht="21" customHeight="1" x14ac:dyDescent="0.2">
      <c r="A27" s="1745"/>
      <c r="B27" s="1746"/>
      <c r="C27" s="1709"/>
      <c r="D27" s="1709"/>
      <c r="E27" s="1709"/>
      <c r="F27" s="1709"/>
      <c r="G27" s="1709"/>
      <c r="H27" s="1709"/>
      <c r="I27" s="1709"/>
      <c r="J27" s="1709"/>
      <c r="K27" s="1709"/>
      <c r="L27" s="1709"/>
      <c r="M27" s="1709"/>
      <c r="N27" s="1709"/>
      <c r="O27" s="1709"/>
      <c r="P27" s="1709"/>
      <c r="Q27" s="1709"/>
      <c r="R27" s="1709"/>
      <c r="S27" s="1709"/>
      <c r="T27" s="1709"/>
      <c r="U27" s="1709"/>
      <c r="V27" s="1709"/>
      <c r="W27" s="1709"/>
      <c r="X27" s="1709"/>
      <c r="Y27" s="1709"/>
      <c r="Z27" s="1709"/>
      <c r="AA27" s="1709"/>
      <c r="AB27" s="1709"/>
      <c r="AC27" s="1709"/>
      <c r="AD27" s="1709"/>
      <c r="AE27" s="1709"/>
      <c r="AF27" s="1709"/>
      <c r="AG27" s="1709"/>
      <c r="AH27" s="1709"/>
      <c r="AI27" s="1732"/>
    </row>
    <row r="28" spans="1:35" ht="21" customHeight="1" x14ac:dyDescent="0.2">
      <c r="A28" s="1745"/>
      <c r="B28" s="1746"/>
      <c r="C28" s="1709"/>
      <c r="D28" s="1709"/>
      <c r="E28" s="1709"/>
      <c r="F28" s="1709"/>
      <c r="G28" s="1709"/>
      <c r="H28" s="1709"/>
      <c r="I28" s="1709"/>
      <c r="J28" s="1709"/>
      <c r="K28" s="1709"/>
      <c r="L28" s="1709"/>
      <c r="M28" s="1709"/>
      <c r="N28" s="1709"/>
      <c r="O28" s="1709"/>
      <c r="P28" s="1709"/>
      <c r="Q28" s="1709"/>
      <c r="R28" s="1709"/>
      <c r="S28" s="1709"/>
      <c r="T28" s="1709"/>
      <c r="U28" s="1709"/>
      <c r="V28" s="1709"/>
      <c r="W28" s="1709"/>
      <c r="X28" s="1709"/>
      <c r="Y28" s="1709"/>
      <c r="Z28" s="1709"/>
      <c r="AA28" s="1709"/>
      <c r="AB28" s="1709"/>
      <c r="AC28" s="1709"/>
      <c r="AD28" s="1709"/>
      <c r="AE28" s="1709"/>
      <c r="AF28" s="1709"/>
      <c r="AG28" s="1709"/>
      <c r="AH28" s="1709"/>
      <c r="AI28" s="1732"/>
    </row>
    <row r="29" spans="1:35" ht="21" customHeight="1" thickBot="1" x14ac:dyDescent="0.25">
      <c r="A29" s="1747"/>
      <c r="B29" s="1748"/>
      <c r="C29" s="1741"/>
      <c r="D29" s="1741"/>
      <c r="E29" s="1741"/>
      <c r="F29" s="1741"/>
      <c r="G29" s="1741"/>
      <c r="H29" s="1741"/>
      <c r="I29" s="1741"/>
      <c r="J29" s="1741"/>
      <c r="K29" s="1741"/>
      <c r="L29" s="1741"/>
      <c r="M29" s="1741"/>
      <c r="N29" s="1741"/>
      <c r="O29" s="1741"/>
      <c r="P29" s="1741"/>
      <c r="Q29" s="1741"/>
      <c r="R29" s="1741"/>
      <c r="S29" s="1741"/>
      <c r="T29" s="1741"/>
      <c r="U29" s="1741"/>
      <c r="V29" s="1741"/>
      <c r="W29" s="1741"/>
      <c r="X29" s="1741"/>
      <c r="Y29" s="1741"/>
      <c r="Z29" s="1741"/>
      <c r="AA29" s="1741"/>
      <c r="AB29" s="1741"/>
      <c r="AC29" s="1741"/>
      <c r="AD29" s="1741"/>
      <c r="AE29" s="1741"/>
      <c r="AF29" s="1741"/>
      <c r="AG29" s="1741"/>
      <c r="AH29" s="1741"/>
      <c r="AI29" s="1742"/>
    </row>
    <row r="30" spans="1:35" ht="23.25" customHeight="1" x14ac:dyDescent="0.2">
      <c r="A30" s="1738" t="s">
        <v>16</v>
      </c>
      <c r="B30" s="1738"/>
      <c r="C30" s="1738"/>
      <c r="D30" s="1738"/>
      <c r="E30" s="1738"/>
      <c r="F30" s="1738"/>
      <c r="G30" s="1738"/>
      <c r="H30" s="1738"/>
      <c r="I30" s="1738"/>
      <c r="J30" s="1738"/>
      <c r="K30" s="1738"/>
      <c r="L30" s="1738"/>
      <c r="M30" s="1738"/>
      <c r="N30" s="1738"/>
      <c r="O30" s="1738"/>
      <c r="P30" s="1738"/>
      <c r="Q30" s="1738"/>
      <c r="R30" s="1738"/>
      <c r="S30" s="1738"/>
      <c r="T30" s="1738"/>
      <c r="U30" s="1738"/>
      <c r="V30" s="1738"/>
      <c r="W30" s="1738"/>
      <c r="X30" s="1738"/>
      <c r="Y30" s="1738"/>
      <c r="Z30" s="1738"/>
      <c r="AA30" s="1738"/>
      <c r="AB30" s="1738"/>
      <c r="AC30" s="1738"/>
      <c r="AD30" s="1738"/>
      <c r="AE30" s="1738"/>
      <c r="AF30" s="1738"/>
      <c r="AG30" s="1738"/>
      <c r="AH30" s="1738"/>
      <c r="AI30" s="1738"/>
    </row>
    <row r="31" spans="1:35" ht="14.25" customHeight="1" x14ac:dyDescent="0.2">
      <c r="A31" s="1739"/>
      <c r="B31" s="1739"/>
      <c r="C31" s="1739"/>
      <c r="D31" s="1739"/>
      <c r="E31" s="1739"/>
      <c r="F31" s="1739"/>
      <c r="G31" s="1739"/>
      <c r="H31" s="1739"/>
      <c r="I31" s="1739"/>
      <c r="J31" s="1739"/>
      <c r="K31" s="1739"/>
      <c r="L31" s="1739"/>
      <c r="M31" s="1739"/>
      <c r="N31" s="1739"/>
      <c r="O31" s="1739"/>
      <c r="P31" s="1739"/>
      <c r="Q31" s="1739"/>
      <c r="R31" s="1739"/>
      <c r="S31" s="1739"/>
      <c r="T31" s="1739"/>
      <c r="U31" s="1739"/>
      <c r="V31" s="1739"/>
      <c r="W31" s="1739"/>
      <c r="X31" s="1739"/>
      <c r="Y31" s="1739"/>
      <c r="Z31" s="1739"/>
      <c r="AA31" s="1739"/>
      <c r="AB31" s="1739"/>
      <c r="AC31" s="1739"/>
      <c r="AD31" s="1739"/>
      <c r="AE31" s="1739"/>
      <c r="AF31" s="1739"/>
      <c r="AG31" s="1739"/>
      <c r="AH31" s="1739"/>
      <c r="AI31" s="1739"/>
    </row>
    <row r="32" spans="1:35" ht="14.25" customHeight="1" x14ac:dyDescent="0.15">
      <c r="A32" s="99" t="s">
        <v>17</v>
      </c>
      <c r="B32" s="100"/>
      <c r="C32" s="100"/>
      <c r="D32" s="100"/>
      <c r="E32" s="100"/>
      <c r="F32" s="100"/>
      <c r="G32" s="100"/>
      <c r="H32" s="100"/>
      <c r="I32" s="100"/>
      <c r="J32" s="100"/>
      <c r="K32" s="100"/>
      <c r="L32" s="100"/>
      <c r="M32" s="100"/>
      <c r="N32" s="100"/>
      <c r="O32" s="100"/>
      <c r="P32" s="100"/>
      <c r="Q32" s="100"/>
      <c r="R32" s="100"/>
      <c r="S32" s="100"/>
      <c r="T32" s="100"/>
      <c r="U32" s="100"/>
      <c r="V32" s="100"/>
      <c r="W32" s="100"/>
      <c r="X32" s="100"/>
      <c r="Y32" s="100"/>
      <c r="Z32" s="100"/>
      <c r="AA32" s="100"/>
      <c r="AB32" s="100"/>
      <c r="AC32" s="100"/>
      <c r="AD32" s="100"/>
      <c r="AE32" s="100"/>
      <c r="AF32" s="100"/>
      <c r="AG32" s="100"/>
      <c r="AH32" s="100"/>
      <c r="AI32" s="100"/>
    </row>
    <row r="33" spans="1:35" ht="14.25" customHeight="1" x14ac:dyDescent="0.2">
      <c r="A33" s="1739" t="s">
        <v>18</v>
      </c>
      <c r="B33" s="1740"/>
      <c r="C33" s="1740"/>
      <c r="D33" s="1740"/>
      <c r="E33" s="1740"/>
      <c r="F33" s="1740"/>
      <c r="G33" s="1740"/>
      <c r="H33" s="1740"/>
      <c r="I33" s="1740"/>
      <c r="J33" s="1740"/>
      <c r="K33" s="1740"/>
      <c r="L33" s="1740"/>
      <c r="M33" s="1740"/>
      <c r="N33" s="1740"/>
      <c r="O33" s="1740"/>
      <c r="P33" s="1740"/>
      <c r="Q33" s="1740"/>
      <c r="R33" s="1740"/>
      <c r="S33" s="1740"/>
      <c r="T33" s="1740"/>
      <c r="U33" s="1740"/>
      <c r="V33" s="1740"/>
      <c r="W33" s="1740"/>
      <c r="X33" s="1740"/>
      <c r="Y33" s="1740"/>
      <c r="Z33" s="1740"/>
      <c r="AA33" s="1740"/>
      <c r="AB33" s="1740"/>
      <c r="AC33" s="1740"/>
      <c r="AD33" s="1740"/>
      <c r="AE33" s="1740"/>
      <c r="AF33" s="1740"/>
      <c r="AG33" s="1740"/>
      <c r="AH33" s="1740"/>
      <c r="AI33" s="1740"/>
    </row>
    <row r="34" spans="1:35" ht="14.25" customHeight="1" x14ac:dyDescent="0.2">
      <c r="A34" s="1740"/>
      <c r="B34" s="1740"/>
      <c r="C34" s="1740"/>
      <c r="D34" s="1740"/>
      <c r="E34" s="1740"/>
      <c r="F34" s="1740"/>
      <c r="G34" s="1740"/>
      <c r="H34" s="1740"/>
      <c r="I34" s="1740"/>
      <c r="J34" s="1740"/>
      <c r="K34" s="1740"/>
      <c r="L34" s="1740"/>
      <c r="M34" s="1740"/>
      <c r="N34" s="1740"/>
      <c r="O34" s="1740"/>
      <c r="P34" s="1740"/>
      <c r="Q34" s="1740"/>
      <c r="R34" s="1740"/>
      <c r="S34" s="1740"/>
      <c r="T34" s="1740"/>
      <c r="U34" s="1740"/>
      <c r="V34" s="1740"/>
      <c r="W34" s="1740"/>
      <c r="X34" s="1740"/>
      <c r="Y34" s="1740"/>
      <c r="Z34" s="1740"/>
      <c r="AA34" s="1740"/>
      <c r="AB34" s="1740"/>
      <c r="AC34" s="1740"/>
      <c r="AD34" s="1740"/>
      <c r="AE34" s="1740"/>
      <c r="AF34" s="1740"/>
      <c r="AG34" s="1740"/>
      <c r="AH34" s="1740"/>
      <c r="AI34" s="1740"/>
    </row>
    <row r="35" spans="1:35" ht="15" customHeight="1" x14ac:dyDescent="0.15">
      <c r="A35" s="99"/>
      <c r="B35" s="100"/>
      <c r="C35" s="100"/>
      <c r="D35" s="100"/>
      <c r="E35" s="100"/>
      <c r="F35" s="100"/>
      <c r="G35" s="100"/>
      <c r="H35" s="100"/>
      <c r="I35" s="100"/>
      <c r="J35" s="100"/>
      <c r="K35" s="100"/>
      <c r="L35" s="100"/>
      <c r="M35" s="100"/>
      <c r="N35" s="100"/>
      <c r="O35" s="100"/>
      <c r="P35" s="100"/>
      <c r="Q35" s="100"/>
      <c r="R35" s="100"/>
      <c r="S35" s="100"/>
      <c r="T35" s="100"/>
      <c r="U35" s="100"/>
      <c r="V35" s="100"/>
      <c r="W35" s="100"/>
      <c r="X35" s="100"/>
      <c r="Y35" s="100"/>
      <c r="Z35" s="100"/>
      <c r="AA35" s="100"/>
      <c r="AB35" s="100"/>
      <c r="AC35" s="100"/>
      <c r="AD35" s="100"/>
      <c r="AE35" s="100"/>
      <c r="AF35" s="100"/>
      <c r="AG35" s="100"/>
      <c r="AH35" s="100"/>
      <c r="AI35" s="100"/>
    </row>
    <row r="36" spans="1:35" ht="14.25" customHeight="1" x14ac:dyDescent="0.15">
      <c r="A36" s="99"/>
      <c r="B36" s="100"/>
      <c r="C36" s="100"/>
      <c r="D36" s="100"/>
      <c r="E36" s="100"/>
      <c r="F36" s="100"/>
      <c r="G36" s="100"/>
      <c r="H36" s="100"/>
      <c r="I36" s="100"/>
      <c r="J36" s="100"/>
      <c r="K36" s="100"/>
      <c r="L36" s="100"/>
      <c r="M36" s="100"/>
      <c r="N36" s="100"/>
      <c r="O36" s="100"/>
      <c r="P36" s="100"/>
      <c r="Q36" s="100"/>
      <c r="R36" s="100"/>
      <c r="S36" s="100"/>
      <c r="T36" s="100"/>
      <c r="U36" s="100"/>
      <c r="V36" s="100"/>
      <c r="W36" s="100"/>
      <c r="X36" s="100"/>
      <c r="Y36" s="100"/>
      <c r="Z36" s="100"/>
      <c r="AA36" s="100"/>
      <c r="AB36" s="100"/>
      <c r="AC36" s="100"/>
      <c r="AD36" s="100"/>
      <c r="AE36" s="100"/>
      <c r="AF36" s="100"/>
      <c r="AG36" s="100"/>
      <c r="AH36" s="100"/>
      <c r="AI36" s="100"/>
    </row>
    <row r="37" spans="1:35" ht="21" customHeight="1" x14ac:dyDescent="0.2">
      <c r="A37" s="101"/>
      <c r="B37" s="100"/>
      <c r="C37" s="100"/>
      <c r="D37" s="100"/>
      <c r="E37" s="100"/>
      <c r="F37" s="100"/>
      <c r="G37" s="100"/>
      <c r="H37" s="100"/>
      <c r="I37" s="100"/>
      <c r="J37" s="100"/>
      <c r="K37" s="100"/>
      <c r="L37" s="100"/>
      <c r="M37" s="100"/>
      <c r="N37" s="100"/>
      <c r="O37" s="100"/>
      <c r="P37" s="100"/>
      <c r="Q37" s="100"/>
      <c r="R37" s="100"/>
      <c r="S37" s="100"/>
      <c r="T37" s="100"/>
      <c r="U37" s="100"/>
      <c r="V37" s="100"/>
      <c r="W37" s="100"/>
      <c r="X37" s="100"/>
      <c r="Y37" s="100"/>
      <c r="Z37" s="100"/>
      <c r="AA37" s="100"/>
      <c r="AB37" s="100"/>
      <c r="AC37" s="100"/>
      <c r="AD37" s="100"/>
      <c r="AE37" s="100"/>
      <c r="AF37" s="100"/>
      <c r="AG37" s="100"/>
      <c r="AH37" s="100"/>
      <c r="AI37" s="100"/>
    </row>
  </sheetData>
  <customSheetViews>
    <customSheetView guid="{FA98832E-F01A-4598-9960-E27C2FDAB118}" showPageBreaks="1" view="pageBreakPreview">
      <selection activeCell="J20" sqref="J20"/>
      <pageMargins left="0.65" right="0.39370078740157483" top="0.79" bottom="0.35433070866141736" header="0.31496062992125984" footer="0.27559055118110237"/>
      <printOptions horizontalCentered="1"/>
      <pageSetup paperSize="9" orientation="portrait" r:id="rId1"/>
      <headerFooter alignWithMargins="0"/>
    </customSheetView>
    <customSheetView guid="{8494577A-77FB-45FD-BD2B-C737BCFAD5B3}" showPageBreaks="1" view="pageBreakPreview">
      <selection activeCell="J20" sqref="J20"/>
      <pageMargins left="0.65" right="0.39370078740157483" top="0.79" bottom="0.35433070866141736" header="0.31496062992125984" footer="0.27559055118110237"/>
      <printOptions horizontalCentered="1"/>
      <pageSetup paperSize="9" orientation="portrait" r:id="rId2"/>
      <headerFooter alignWithMargins="0"/>
    </customSheetView>
  </customSheetViews>
  <mergeCells count="61">
    <mergeCell ref="A30:AI31"/>
    <mergeCell ref="A33:AI34"/>
    <mergeCell ref="C25:U25"/>
    <mergeCell ref="V25:AI25"/>
    <mergeCell ref="C26:AI26"/>
    <mergeCell ref="C27:AI29"/>
    <mergeCell ref="A20:B29"/>
    <mergeCell ref="C20:L20"/>
    <mergeCell ref="M20:Y20"/>
    <mergeCell ref="Z20:AI20"/>
    <mergeCell ref="C21:G22"/>
    <mergeCell ref="H21:L21"/>
    <mergeCell ref="M21:Y21"/>
    <mergeCell ref="Z21:AG21"/>
    <mergeCell ref="H22:L22"/>
    <mergeCell ref="M22:Y22"/>
    <mergeCell ref="Z22:AG22"/>
    <mergeCell ref="C23:G24"/>
    <mergeCell ref="H23:L23"/>
    <mergeCell ref="M23:Y23"/>
    <mergeCell ref="Z23:AG23"/>
    <mergeCell ref="H24:L24"/>
    <mergeCell ref="M24:Y24"/>
    <mergeCell ref="Z24:AG24"/>
    <mergeCell ref="V15:AI15"/>
    <mergeCell ref="C16:AI16"/>
    <mergeCell ref="D13:K13"/>
    <mergeCell ref="L13:U13"/>
    <mergeCell ref="V13:AI13"/>
    <mergeCell ref="D14:K14"/>
    <mergeCell ref="L14:U14"/>
    <mergeCell ref="V14:AI14"/>
    <mergeCell ref="F8:K8"/>
    <mergeCell ref="L8:U8"/>
    <mergeCell ref="V9:AI9"/>
    <mergeCell ref="V10:AI10"/>
    <mergeCell ref="V11:AI11"/>
    <mergeCell ref="V7:Z8"/>
    <mergeCell ref="A7:E8"/>
    <mergeCell ref="F7:K7"/>
    <mergeCell ref="A9:B19"/>
    <mergeCell ref="C9:U9"/>
    <mergeCell ref="C10:C15"/>
    <mergeCell ref="D10:U10"/>
    <mergeCell ref="D11:K11"/>
    <mergeCell ref="L11:U11"/>
    <mergeCell ref="D12:K12"/>
    <mergeCell ref="L7:U7"/>
    <mergeCell ref="L12:U12"/>
    <mergeCell ref="D15:K15"/>
    <mergeCell ref="L15:U15"/>
    <mergeCell ref="C17:AI19"/>
    <mergeCell ref="V12:AI12"/>
    <mergeCell ref="AA7:AI8"/>
    <mergeCell ref="A6:K6"/>
    <mergeCell ref="L6:AI6"/>
    <mergeCell ref="A2:AI2"/>
    <mergeCell ref="A4:K4"/>
    <mergeCell ref="L4:AI4"/>
    <mergeCell ref="A5:K5"/>
    <mergeCell ref="L5:AI5"/>
  </mergeCells>
  <phoneticPr fontId="6"/>
  <printOptions horizontalCentered="1"/>
  <pageMargins left="0.65" right="0.39370078740157483" top="0.79" bottom="0.35433070866141736" header="0.31496062992125984" footer="0.27559055118110237"/>
  <pageSetup paperSize="9" orientation="portrait" r:id="rId3"/>
  <headerFooter alignWithMargins="0"/>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A1:AI37"/>
  <sheetViews>
    <sheetView view="pageBreakPreview" zoomScaleNormal="100" workbookViewId="0">
      <selection activeCell="C20" sqref="C20:L20"/>
    </sheetView>
  </sheetViews>
  <sheetFormatPr defaultColWidth="9" defaultRowHeight="21" customHeight="1" x14ac:dyDescent="0.2"/>
  <cols>
    <col min="1" max="39" width="2.6640625" style="96" customWidth="1"/>
    <col min="40" max="16384" width="9" style="96"/>
  </cols>
  <sheetData>
    <row r="1" spans="1:35" ht="21" customHeight="1" x14ac:dyDescent="0.2">
      <c r="A1" s="246" t="s">
        <v>277</v>
      </c>
      <c r="B1" s="137"/>
      <c r="C1" s="137"/>
      <c r="D1" s="137"/>
      <c r="E1" s="137"/>
      <c r="F1" s="137"/>
      <c r="G1" s="137"/>
      <c r="H1" s="137"/>
      <c r="I1" s="137"/>
      <c r="J1" s="137"/>
      <c r="K1" s="137"/>
      <c r="L1" s="137"/>
      <c r="M1" s="137"/>
      <c r="N1" s="137"/>
      <c r="O1" s="137"/>
      <c r="P1" s="137"/>
      <c r="Q1" s="137"/>
      <c r="R1" s="137"/>
      <c r="S1" s="137"/>
      <c r="T1" s="137"/>
      <c r="U1" s="137"/>
      <c r="V1" s="137"/>
      <c r="W1" s="137"/>
      <c r="X1" s="137"/>
      <c r="Y1" s="137"/>
      <c r="Z1" s="137"/>
      <c r="AA1" s="137"/>
      <c r="AB1" s="137"/>
      <c r="AC1" s="137"/>
      <c r="AD1" s="137"/>
      <c r="AE1" s="137"/>
      <c r="AF1" s="137"/>
      <c r="AG1" s="137"/>
      <c r="AH1" s="137"/>
      <c r="AI1" s="137"/>
    </row>
    <row r="2" spans="1:35" ht="21" customHeight="1" x14ac:dyDescent="0.2">
      <c r="A2" s="1703" t="s">
        <v>0</v>
      </c>
      <c r="B2" s="1703"/>
      <c r="C2" s="1703"/>
      <c r="D2" s="1703"/>
      <c r="E2" s="1703"/>
      <c r="F2" s="1703"/>
      <c r="G2" s="1703"/>
      <c r="H2" s="1703"/>
      <c r="I2" s="1703"/>
      <c r="J2" s="1703"/>
      <c r="K2" s="1703"/>
      <c r="L2" s="1703"/>
      <c r="M2" s="1703"/>
      <c r="N2" s="1703"/>
      <c r="O2" s="1703"/>
      <c r="P2" s="1703"/>
      <c r="Q2" s="1703"/>
      <c r="R2" s="1703"/>
      <c r="S2" s="1703"/>
      <c r="T2" s="1703"/>
      <c r="U2" s="1703"/>
      <c r="V2" s="1703"/>
      <c r="W2" s="1703"/>
      <c r="X2" s="1703"/>
      <c r="Y2" s="1703"/>
      <c r="Z2" s="1703"/>
      <c r="AA2" s="1703"/>
      <c r="AB2" s="1703"/>
      <c r="AC2" s="1703"/>
      <c r="AD2" s="1703"/>
      <c r="AE2" s="1703"/>
      <c r="AF2" s="1703"/>
      <c r="AG2" s="1703"/>
      <c r="AH2" s="1703"/>
      <c r="AI2" s="1703"/>
    </row>
    <row r="3" spans="1:35" ht="21" customHeight="1" thickBot="1" x14ac:dyDescent="0.25"/>
    <row r="4" spans="1:35" ht="21" customHeight="1" x14ac:dyDescent="0.2">
      <c r="A4" s="1704" t="s">
        <v>297</v>
      </c>
      <c r="B4" s="1705"/>
      <c r="C4" s="1705"/>
      <c r="D4" s="1705"/>
      <c r="E4" s="1705"/>
      <c r="F4" s="1705"/>
      <c r="G4" s="1705"/>
      <c r="H4" s="1705"/>
      <c r="I4" s="1705"/>
      <c r="J4" s="1705"/>
      <c r="K4" s="1705"/>
      <c r="L4" s="1706"/>
      <c r="M4" s="1706"/>
      <c r="N4" s="1706"/>
      <c r="O4" s="1706"/>
      <c r="P4" s="1706"/>
      <c r="Q4" s="1706"/>
      <c r="R4" s="1706"/>
      <c r="S4" s="1706"/>
      <c r="T4" s="1706"/>
      <c r="U4" s="1706"/>
      <c r="V4" s="1706"/>
      <c r="W4" s="1706"/>
      <c r="X4" s="1706"/>
      <c r="Y4" s="1706"/>
      <c r="Z4" s="1706"/>
      <c r="AA4" s="1706"/>
      <c r="AB4" s="1706"/>
      <c r="AC4" s="1706"/>
      <c r="AD4" s="1706"/>
      <c r="AE4" s="1706"/>
      <c r="AF4" s="1706"/>
      <c r="AG4" s="1706"/>
      <c r="AH4" s="1706"/>
      <c r="AI4" s="1707"/>
    </row>
    <row r="5" spans="1:35" ht="21" customHeight="1" x14ac:dyDescent="0.2">
      <c r="A5" s="1699" t="s">
        <v>60</v>
      </c>
      <c r="B5" s="1700"/>
      <c r="C5" s="1700"/>
      <c r="D5" s="1700"/>
      <c r="E5" s="1700"/>
      <c r="F5" s="1700"/>
      <c r="G5" s="1700"/>
      <c r="H5" s="1700"/>
      <c r="I5" s="1700"/>
      <c r="J5" s="1700"/>
      <c r="K5" s="1700"/>
      <c r="L5" s="1701"/>
      <c r="M5" s="1701"/>
      <c r="N5" s="1701"/>
      <c r="O5" s="1701"/>
      <c r="P5" s="1701"/>
      <c r="Q5" s="1701"/>
      <c r="R5" s="1701"/>
      <c r="S5" s="1701"/>
      <c r="T5" s="1701"/>
      <c r="U5" s="1701"/>
      <c r="V5" s="1701"/>
      <c r="W5" s="1701"/>
      <c r="X5" s="1701"/>
      <c r="Y5" s="1701"/>
      <c r="Z5" s="1701"/>
      <c r="AA5" s="1701"/>
      <c r="AB5" s="1701"/>
      <c r="AC5" s="1701"/>
      <c r="AD5" s="1701"/>
      <c r="AE5" s="1701"/>
      <c r="AF5" s="1701"/>
      <c r="AG5" s="1701"/>
      <c r="AH5" s="1701"/>
      <c r="AI5" s="1702"/>
    </row>
    <row r="6" spans="1:35" ht="21" customHeight="1" x14ac:dyDescent="0.2">
      <c r="A6" s="1699" t="s">
        <v>298</v>
      </c>
      <c r="B6" s="1700"/>
      <c r="C6" s="1700"/>
      <c r="D6" s="1700"/>
      <c r="E6" s="1700"/>
      <c r="F6" s="1700"/>
      <c r="G6" s="1700"/>
      <c r="H6" s="1700"/>
      <c r="I6" s="1700"/>
      <c r="J6" s="1700"/>
      <c r="K6" s="1700"/>
      <c r="L6" s="1701"/>
      <c r="M6" s="1701"/>
      <c r="N6" s="1701"/>
      <c r="O6" s="1701"/>
      <c r="P6" s="1701"/>
      <c r="Q6" s="1701"/>
      <c r="R6" s="1701"/>
      <c r="S6" s="1701"/>
      <c r="T6" s="1701"/>
      <c r="U6" s="1701"/>
      <c r="V6" s="1701"/>
      <c r="W6" s="1701"/>
      <c r="X6" s="1701"/>
      <c r="Y6" s="1701"/>
      <c r="Z6" s="1701"/>
      <c r="AA6" s="1701"/>
      <c r="AB6" s="1701"/>
      <c r="AC6" s="1701"/>
      <c r="AD6" s="1701"/>
      <c r="AE6" s="1701"/>
      <c r="AF6" s="1701"/>
      <c r="AG6" s="1701"/>
      <c r="AH6" s="1701"/>
      <c r="AI6" s="1702"/>
    </row>
    <row r="7" spans="1:35" ht="21" customHeight="1" x14ac:dyDescent="0.2">
      <c r="A7" s="1708" t="s">
        <v>127</v>
      </c>
      <c r="B7" s="1709"/>
      <c r="C7" s="1709"/>
      <c r="D7" s="1709"/>
      <c r="E7" s="1709"/>
      <c r="F7" s="1700" t="s">
        <v>128</v>
      </c>
      <c r="G7" s="1700"/>
      <c r="H7" s="1700"/>
      <c r="I7" s="1700"/>
      <c r="J7" s="1700"/>
      <c r="K7" s="1700"/>
      <c r="L7" s="1709"/>
      <c r="M7" s="1709"/>
      <c r="N7" s="1709"/>
      <c r="O7" s="1709"/>
      <c r="P7" s="1709"/>
      <c r="Q7" s="1709"/>
      <c r="R7" s="1709"/>
      <c r="S7" s="1709"/>
      <c r="T7" s="1709"/>
      <c r="U7" s="1709"/>
      <c r="V7" s="1709" t="s">
        <v>129</v>
      </c>
      <c r="W7" s="1709"/>
      <c r="X7" s="1709"/>
      <c r="Y7" s="1709"/>
      <c r="Z7" s="1709"/>
      <c r="AA7" s="1709"/>
      <c r="AB7" s="1709"/>
      <c r="AC7" s="1709"/>
      <c r="AD7" s="1709"/>
      <c r="AE7" s="1709"/>
      <c r="AF7" s="1709"/>
      <c r="AG7" s="1709"/>
      <c r="AH7" s="1709"/>
      <c r="AI7" s="1732"/>
    </row>
    <row r="8" spans="1:35" ht="21" customHeight="1" thickBot="1" x14ac:dyDescent="0.25">
      <c r="A8" s="1710"/>
      <c r="B8" s="1711"/>
      <c r="C8" s="1711"/>
      <c r="D8" s="1711"/>
      <c r="E8" s="1711"/>
      <c r="F8" s="1734" t="s">
        <v>130</v>
      </c>
      <c r="G8" s="1734"/>
      <c r="H8" s="1734"/>
      <c r="I8" s="1734"/>
      <c r="J8" s="1734"/>
      <c r="K8" s="1734"/>
      <c r="L8" s="1711"/>
      <c r="M8" s="1711"/>
      <c r="N8" s="1711"/>
      <c r="O8" s="1711"/>
      <c r="P8" s="1711"/>
      <c r="Q8" s="1711"/>
      <c r="R8" s="1711"/>
      <c r="S8" s="1711"/>
      <c r="T8" s="1711"/>
      <c r="U8" s="1711"/>
      <c r="V8" s="1711"/>
      <c r="W8" s="1711"/>
      <c r="X8" s="1711"/>
      <c r="Y8" s="1711"/>
      <c r="Z8" s="1711"/>
      <c r="AA8" s="1711"/>
      <c r="AB8" s="1711"/>
      <c r="AC8" s="1711"/>
      <c r="AD8" s="1711"/>
      <c r="AE8" s="1711"/>
      <c r="AF8" s="1711"/>
      <c r="AG8" s="1711"/>
      <c r="AH8" s="1711"/>
      <c r="AI8" s="1733"/>
    </row>
    <row r="9" spans="1:35" ht="21" customHeight="1" thickTop="1" x14ac:dyDescent="0.2">
      <c r="A9" s="1712" t="s">
        <v>252</v>
      </c>
      <c r="B9" s="1713"/>
      <c r="C9" s="1716" t="s">
        <v>197</v>
      </c>
      <c r="D9" s="1717"/>
      <c r="E9" s="1717"/>
      <c r="F9" s="1717"/>
      <c r="G9" s="1717"/>
      <c r="H9" s="1717"/>
      <c r="I9" s="1717"/>
      <c r="J9" s="1717"/>
      <c r="K9" s="1717"/>
      <c r="L9" s="1717"/>
      <c r="M9" s="1717"/>
      <c r="N9" s="1717"/>
      <c r="O9" s="1717"/>
      <c r="P9" s="1717"/>
      <c r="Q9" s="1717"/>
      <c r="R9" s="1717"/>
      <c r="S9" s="1717"/>
      <c r="T9" s="1717"/>
      <c r="U9" s="1718"/>
      <c r="V9" s="1735" t="s">
        <v>19</v>
      </c>
      <c r="W9" s="1736"/>
      <c r="X9" s="1736"/>
      <c r="Y9" s="1736"/>
      <c r="Z9" s="1736"/>
      <c r="AA9" s="1736"/>
      <c r="AB9" s="1736"/>
      <c r="AC9" s="1736"/>
      <c r="AD9" s="1736"/>
      <c r="AE9" s="1736"/>
      <c r="AF9" s="1736"/>
      <c r="AG9" s="1736"/>
      <c r="AH9" s="1736"/>
      <c r="AI9" s="1737"/>
    </row>
    <row r="10" spans="1:35" ht="21" customHeight="1" x14ac:dyDescent="0.2">
      <c r="A10" s="1712"/>
      <c r="B10" s="1713"/>
      <c r="C10" s="1719"/>
      <c r="D10" s="1709" t="s">
        <v>1</v>
      </c>
      <c r="E10" s="1709"/>
      <c r="F10" s="1709"/>
      <c r="G10" s="1709"/>
      <c r="H10" s="1709"/>
      <c r="I10" s="1709"/>
      <c r="J10" s="1709"/>
      <c r="K10" s="1709"/>
      <c r="L10" s="1709"/>
      <c r="M10" s="1709"/>
      <c r="N10" s="1709"/>
      <c r="O10" s="1709"/>
      <c r="P10" s="1709"/>
      <c r="Q10" s="1709"/>
      <c r="R10" s="1709"/>
      <c r="S10" s="1709"/>
      <c r="T10" s="1709"/>
      <c r="U10" s="1709"/>
      <c r="V10" s="1709" t="s">
        <v>2</v>
      </c>
      <c r="W10" s="1709"/>
      <c r="X10" s="1709"/>
      <c r="Y10" s="1709"/>
      <c r="Z10" s="1709"/>
      <c r="AA10" s="1709"/>
      <c r="AB10" s="1709"/>
      <c r="AC10" s="1709"/>
      <c r="AD10" s="1709"/>
      <c r="AE10" s="1709"/>
      <c r="AF10" s="1709"/>
      <c r="AG10" s="1709"/>
      <c r="AH10" s="1709"/>
      <c r="AI10" s="1732"/>
    </row>
    <row r="11" spans="1:35" ht="21" customHeight="1" x14ac:dyDescent="0.2">
      <c r="A11" s="1714"/>
      <c r="B11" s="1715"/>
      <c r="C11" s="1719"/>
      <c r="D11" s="1721" t="s">
        <v>3</v>
      </c>
      <c r="E11" s="1722"/>
      <c r="F11" s="1722"/>
      <c r="G11" s="1722"/>
      <c r="H11" s="1722"/>
      <c r="I11" s="1722"/>
      <c r="J11" s="1722"/>
      <c r="K11" s="1722"/>
      <c r="L11" s="1709" t="s">
        <v>20</v>
      </c>
      <c r="M11" s="1709"/>
      <c r="N11" s="1709"/>
      <c r="O11" s="1709"/>
      <c r="P11" s="1709"/>
      <c r="Q11" s="1709"/>
      <c r="R11" s="1709"/>
      <c r="S11" s="1709"/>
      <c r="T11" s="1709"/>
      <c r="U11" s="1709"/>
      <c r="V11" s="1709" t="s">
        <v>21</v>
      </c>
      <c r="W11" s="1709"/>
      <c r="X11" s="1709"/>
      <c r="Y11" s="1709"/>
      <c r="Z11" s="1709"/>
      <c r="AA11" s="1709"/>
      <c r="AB11" s="1709"/>
      <c r="AC11" s="1709"/>
      <c r="AD11" s="1709"/>
      <c r="AE11" s="1709"/>
      <c r="AF11" s="1709"/>
      <c r="AG11" s="1709"/>
      <c r="AH11" s="1709"/>
      <c r="AI11" s="1732"/>
    </row>
    <row r="12" spans="1:35" ht="21" customHeight="1" x14ac:dyDescent="0.2">
      <c r="A12" s="1714"/>
      <c r="B12" s="1715"/>
      <c r="C12" s="1719"/>
      <c r="D12" s="1721" t="s">
        <v>4</v>
      </c>
      <c r="E12" s="1722"/>
      <c r="F12" s="1722"/>
      <c r="G12" s="1722"/>
      <c r="H12" s="1722"/>
      <c r="I12" s="1722"/>
      <c r="J12" s="1722"/>
      <c r="K12" s="1722"/>
      <c r="L12" s="1709" t="s">
        <v>22</v>
      </c>
      <c r="M12" s="1709"/>
      <c r="N12" s="1709"/>
      <c r="O12" s="1709"/>
      <c r="P12" s="1709"/>
      <c r="Q12" s="1709"/>
      <c r="R12" s="1709"/>
      <c r="S12" s="1709"/>
      <c r="T12" s="1709"/>
      <c r="U12" s="1709"/>
      <c r="V12" s="1709" t="s">
        <v>23</v>
      </c>
      <c r="W12" s="1709"/>
      <c r="X12" s="1709"/>
      <c r="Y12" s="1709"/>
      <c r="Z12" s="1709"/>
      <c r="AA12" s="1709"/>
      <c r="AB12" s="1709"/>
      <c r="AC12" s="1709"/>
      <c r="AD12" s="1709"/>
      <c r="AE12" s="1709"/>
      <c r="AF12" s="1709"/>
      <c r="AG12" s="1709"/>
      <c r="AH12" s="1709"/>
      <c r="AI12" s="1732"/>
    </row>
    <row r="13" spans="1:35" ht="21" customHeight="1" x14ac:dyDescent="0.2">
      <c r="A13" s="1714"/>
      <c r="B13" s="1715"/>
      <c r="C13" s="1719"/>
      <c r="D13" s="1721" t="s">
        <v>5</v>
      </c>
      <c r="E13" s="1722"/>
      <c r="F13" s="1722"/>
      <c r="G13" s="1722"/>
      <c r="H13" s="1722"/>
      <c r="I13" s="1722"/>
      <c r="J13" s="1722"/>
      <c r="K13" s="1722"/>
      <c r="L13" s="1709"/>
      <c r="M13" s="1709"/>
      <c r="N13" s="1709"/>
      <c r="O13" s="1709"/>
      <c r="P13" s="1709"/>
      <c r="Q13" s="1709"/>
      <c r="R13" s="1709"/>
      <c r="S13" s="1709"/>
      <c r="T13" s="1709"/>
      <c r="U13" s="1709"/>
      <c r="V13" s="1709"/>
      <c r="W13" s="1709"/>
      <c r="X13" s="1709"/>
      <c r="Y13" s="1709"/>
      <c r="Z13" s="1709"/>
      <c r="AA13" s="1709"/>
      <c r="AB13" s="1709"/>
      <c r="AC13" s="1709"/>
      <c r="AD13" s="1709"/>
      <c r="AE13" s="1709"/>
      <c r="AF13" s="1709"/>
      <c r="AG13" s="1709"/>
      <c r="AH13" s="1709"/>
      <c r="AI13" s="1732"/>
    </row>
    <row r="14" spans="1:35" ht="21" customHeight="1" x14ac:dyDescent="0.2">
      <c r="A14" s="1714"/>
      <c r="B14" s="1715"/>
      <c r="C14" s="1719"/>
      <c r="D14" s="1721" t="s">
        <v>6</v>
      </c>
      <c r="E14" s="1722"/>
      <c r="F14" s="1722"/>
      <c r="G14" s="1722"/>
      <c r="H14" s="1722"/>
      <c r="I14" s="1722"/>
      <c r="J14" s="1722"/>
      <c r="K14" s="1722"/>
      <c r="L14" s="1709" t="s">
        <v>24</v>
      </c>
      <c r="M14" s="1709"/>
      <c r="N14" s="1709"/>
      <c r="O14" s="1709"/>
      <c r="P14" s="1709"/>
      <c r="Q14" s="1709"/>
      <c r="R14" s="1709"/>
      <c r="S14" s="1709"/>
      <c r="T14" s="1709"/>
      <c r="U14" s="1709"/>
      <c r="V14" s="1709" t="s">
        <v>25</v>
      </c>
      <c r="W14" s="1709"/>
      <c r="X14" s="1709"/>
      <c r="Y14" s="1709"/>
      <c r="Z14" s="1709"/>
      <c r="AA14" s="1709"/>
      <c r="AB14" s="1709"/>
      <c r="AC14" s="1709"/>
      <c r="AD14" s="1709"/>
      <c r="AE14" s="1709"/>
      <c r="AF14" s="1709"/>
      <c r="AG14" s="1709"/>
      <c r="AH14" s="1709"/>
      <c r="AI14" s="1732"/>
    </row>
    <row r="15" spans="1:35" ht="21" customHeight="1" x14ac:dyDescent="0.2">
      <c r="A15" s="1714"/>
      <c r="B15" s="1715"/>
      <c r="C15" s="1720"/>
      <c r="D15" s="1721" t="s">
        <v>7</v>
      </c>
      <c r="E15" s="1722"/>
      <c r="F15" s="1722"/>
      <c r="G15" s="1722"/>
      <c r="H15" s="1722"/>
      <c r="I15" s="1722"/>
      <c r="J15" s="1722"/>
      <c r="K15" s="1722"/>
      <c r="L15" s="1709"/>
      <c r="M15" s="1709"/>
      <c r="N15" s="1709"/>
      <c r="O15" s="1709"/>
      <c r="P15" s="1709"/>
      <c r="Q15" s="1709"/>
      <c r="R15" s="1709"/>
      <c r="S15" s="1709"/>
      <c r="T15" s="1709"/>
      <c r="U15" s="1709"/>
      <c r="V15" s="1709"/>
      <c r="W15" s="1709"/>
      <c r="X15" s="1709"/>
      <c r="Y15" s="1709"/>
      <c r="Z15" s="1709"/>
      <c r="AA15" s="1709"/>
      <c r="AB15" s="1709"/>
      <c r="AC15" s="1709"/>
      <c r="AD15" s="1709"/>
      <c r="AE15" s="1709"/>
      <c r="AF15" s="1709"/>
      <c r="AG15" s="1709"/>
      <c r="AH15" s="1709"/>
      <c r="AI15" s="1732"/>
    </row>
    <row r="16" spans="1:35" ht="21" customHeight="1" x14ac:dyDescent="0.2">
      <c r="A16" s="1714"/>
      <c r="B16" s="1715"/>
      <c r="C16" s="1709" t="s">
        <v>8</v>
      </c>
      <c r="D16" s="1709"/>
      <c r="E16" s="1709"/>
      <c r="F16" s="1709"/>
      <c r="G16" s="1709"/>
      <c r="H16" s="1709"/>
      <c r="I16" s="1709"/>
      <c r="J16" s="1709"/>
      <c r="K16" s="1709"/>
      <c r="L16" s="1709"/>
      <c r="M16" s="1709"/>
      <c r="N16" s="1709"/>
      <c r="O16" s="1709"/>
      <c r="P16" s="1709"/>
      <c r="Q16" s="1709"/>
      <c r="R16" s="1709"/>
      <c r="S16" s="1709"/>
      <c r="T16" s="1709"/>
      <c r="U16" s="1709"/>
      <c r="V16" s="1709"/>
      <c r="W16" s="1709"/>
      <c r="X16" s="1709"/>
      <c r="Y16" s="1709"/>
      <c r="Z16" s="1709"/>
      <c r="AA16" s="1709"/>
      <c r="AB16" s="1709"/>
      <c r="AC16" s="1709"/>
      <c r="AD16" s="1709"/>
      <c r="AE16" s="1709"/>
      <c r="AF16" s="1709"/>
      <c r="AG16" s="1709"/>
      <c r="AH16" s="1709"/>
      <c r="AI16" s="1732"/>
    </row>
    <row r="17" spans="1:35" ht="21" customHeight="1" x14ac:dyDescent="0.2">
      <c r="A17" s="1714"/>
      <c r="B17" s="1715"/>
      <c r="C17" s="1723" t="s">
        <v>26</v>
      </c>
      <c r="D17" s="1724"/>
      <c r="E17" s="1724"/>
      <c r="F17" s="1724"/>
      <c r="G17" s="1724"/>
      <c r="H17" s="1724"/>
      <c r="I17" s="1724"/>
      <c r="J17" s="1724"/>
      <c r="K17" s="1724"/>
      <c r="L17" s="1724"/>
      <c r="M17" s="1724"/>
      <c r="N17" s="1724"/>
      <c r="O17" s="1724"/>
      <c r="P17" s="1724"/>
      <c r="Q17" s="1724"/>
      <c r="R17" s="1724"/>
      <c r="S17" s="1724"/>
      <c r="T17" s="1724"/>
      <c r="U17" s="1724"/>
      <c r="V17" s="1724"/>
      <c r="W17" s="1724"/>
      <c r="X17" s="1724"/>
      <c r="Y17" s="1724"/>
      <c r="Z17" s="1724"/>
      <c r="AA17" s="1724"/>
      <c r="AB17" s="1724"/>
      <c r="AC17" s="1724"/>
      <c r="AD17" s="1724"/>
      <c r="AE17" s="1724"/>
      <c r="AF17" s="1724"/>
      <c r="AG17" s="1724"/>
      <c r="AH17" s="1724"/>
      <c r="AI17" s="1725"/>
    </row>
    <row r="18" spans="1:35" ht="21" customHeight="1" x14ac:dyDescent="0.2">
      <c r="A18" s="1714"/>
      <c r="B18" s="1715"/>
      <c r="C18" s="1726"/>
      <c r="D18" s="1727"/>
      <c r="E18" s="1727"/>
      <c r="F18" s="1727"/>
      <c r="G18" s="1727"/>
      <c r="H18" s="1727"/>
      <c r="I18" s="1727"/>
      <c r="J18" s="1727"/>
      <c r="K18" s="1727"/>
      <c r="L18" s="1727"/>
      <c r="M18" s="1727"/>
      <c r="N18" s="1727"/>
      <c r="O18" s="1727"/>
      <c r="P18" s="1727"/>
      <c r="Q18" s="1727"/>
      <c r="R18" s="1727"/>
      <c r="S18" s="1727"/>
      <c r="T18" s="1727"/>
      <c r="U18" s="1727"/>
      <c r="V18" s="1727"/>
      <c r="W18" s="1727"/>
      <c r="X18" s="1727"/>
      <c r="Y18" s="1727"/>
      <c r="Z18" s="1727"/>
      <c r="AA18" s="1727"/>
      <c r="AB18" s="1727"/>
      <c r="AC18" s="1727"/>
      <c r="AD18" s="1727"/>
      <c r="AE18" s="1727"/>
      <c r="AF18" s="1727"/>
      <c r="AG18" s="1727"/>
      <c r="AH18" s="1727"/>
      <c r="AI18" s="1728"/>
    </row>
    <row r="19" spans="1:35" ht="21" customHeight="1" x14ac:dyDescent="0.2">
      <c r="A19" s="1714"/>
      <c r="B19" s="1715"/>
      <c r="C19" s="1729"/>
      <c r="D19" s="1730"/>
      <c r="E19" s="1730"/>
      <c r="F19" s="1730"/>
      <c r="G19" s="1730"/>
      <c r="H19" s="1730"/>
      <c r="I19" s="1730"/>
      <c r="J19" s="1730"/>
      <c r="K19" s="1730"/>
      <c r="L19" s="1730"/>
      <c r="M19" s="1730"/>
      <c r="N19" s="1730"/>
      <c r="O19" s="1730"/>
      <c r="P19" s="1730"/>
      <c r="Q19" s="1730"/>
      <c r="R19" s="1730"/>
      <c r="S19" s="1730"/>
      <c r="T19" s="1730"/>
      <c r="U19" s="1730"/>
      <c r="V19" s="1730"/>
      <c r="W19" s="1730"/>
      <c r="X19" s="1730"/>
      <c r="Y19" s="1730"/>
      <c r="Z19" s="1730"/>
      <c r="AA19" s="1730"/>
      <c r="AB19" s="1730"/>
      <c r="AC19" s="1730"/>
      <c r="AD19" s="1730"/>
      <c r="AE19" s="1730"/>
      <c r="AF19" s="1730"/>
      <c r="AG19" s="1730"/>
      <c r="AH19" s="1730"/>
      <c r="AI19" s="1731"/>
    </row>
    <row r="20" spans="1:35" ht="21" customHeight="1" x14ac:dyDescent="0.2">
      <c r="A20" s="1743" t="s">
        <v>9</v>
      </c>
      <c r="B20" s="1744"/>
      <c r="C20" s="1721" t="s">
        <v>10</v>
      </c>
      <c r="D20" s="1722"/>
      <c r="E20" s="1722"/>
      <c r="F20" s="1722"/>
      <c r="G20" s="1722"/>
      <c r="H20" s="1722"/>
      <c r="I20" s="1722"/>
      <c r="J20" s="1722"/>
      <c r="K20" s="1722"/>
      <c r="L20" s="1749"/>
      <c r="M20" s="1709" t="s">
        <v>53</v>
      </c>
      <c r="N20" s="1709"/>
      <c r="O20" s="1709"/>
      <c r="P20" s="1709"/>
      <c r="Q20" s="1709"/>
      <c r="R20" s="1709"/>
      <c r="S20" s="1709"/>
      <c r="T20" s="1709"/>
      <c r="U20" s="1709"/>
      <c r="V20" s="1709"/>
      <c r="W20" s="1709"/>
      <c r="X20" s="1709"/>
      <c r="Y20" s="1709"/>
      <c r="Z20" s="1722" t="s">
        <v>11</v>
      </c>
      <c r="AA20" s="1722"/>
      <c r="AB20" s="1722"/>
      <c r="AC20" s="1722"/>
      <c r="AD20" s="1722"/>
      <c r="AE20" s="1722"/>
      <c r="AF20" s="1722"/>
      <c r="AG20" s="1722"/>
      <c r="AH20" s="1722"/>
      <c r="AI20" s="1750"/>
    </row>
    <row r="21" spans="1:35" ht="21" customHeight="1" x14ac:dyDescent="0.2">
      <c r="A21" s="1745"/>
      <c r="B21" s="1746"/>
      <c r="C21" s="1709" t="s">
        <v>51</v>
      </c>
      <c r="D21" s="1709"/>
      <c r="E21" s="1709"/>
      <c r="F21" s="1709"/>
      <c r="G21" s="1709"/>
      <c r="H21" s="1709" t="s">
        <v>12</v>
      </c>
      <c r="I21" s="1709"/>
      <c r="J21" s="1709"/>
      <c r="K21" s="1709"/>
      <c r="L21" s="1709"/>
      <c r="M21" s="1709"/>
      <c r="N21" s="1709"/>
      <c r="O21" s="1709"/>
      <c r="P21" s="1709"/>
      <c r="Q21" s="1709"/>
      <c r="R21" s="1709"/>
      <c r="S21" s="1709"/>
      <c r="T21" s="1709"/>
      <c r="U21" s="1709"/>
      <c r="V21" s="1709"/>
      <c r="W21" s="1709"/>
      <c r="X21" s="1709"/>
      <c r="Y21" s="1709"/>
      <c r="Z21" s="1709"/>
      <c r="AA21" s="1709"/>
      <c r="AB21" s="1709"/>
      <c r="AC21" s="1709"/>
      <c r="AD21" s="1709"/>
      <c r="AE21" s="1709"/>
      <c r="AF21" s="1709"/>
      <c r="AG21" s="1721"/>
      <c r="AH21" s="97" t="s">
        <v>69</v>
      </c>
      <c r="AI21" s="98"/>
    </row>
    <row r="22" spans="1:35" ht="21" customHeight="1" x14ac:dyDescent="0.2">
      <c r="A22" s="1745"/>
      <c r="B22" s="1746"/>
      <c r="C22" s="1709"/>
      <c r="D22" s="1709"/>
      <c r="E22" s="1709"/>
      <c r="F22" s="1709"/>
      <c r="G22" s="1709"/>
      <c r="H22" s="1709" t="s">
        <v>13</v>
      </c>
      <c r="I22" s="1709"/>
      <c r="J22" s="1709"/>
      <c r="K22" s="1709"/>
      <c r="L22" s="1709"/>
      <c r="M22" s="1709" t="s">
        <v>27</v>
      </c>
      <c r="N22" s="1709"/>
      <c r="O22" s="1709"/>
      <c r="P22" s="1709"/>
      <c r="Q22" s="1709"/>
      <c r="R22" s="1709"/>
      <c r="S22" s="1709"/>
      <c r="T22" s="1709"/>
      <c r="U22" s="1709"/>
      <c r="V22" s="1709"/>
      <c r="W22" s="1709"/>
      <c r="X22" s="1709"/>
      <c r="Y22" s="1709"/>
      <c r="Z22" s="1709">
        <v>1</v>
      </c>
      <c r="AA22" s="1709"/>
      <c r="AB22" s="1709"/>
      <c r="AC22" s="1709"/>
      <c r="AD22" s="1709"/>
      <c r="AE22" s="1709"/>
      <c r="AF22" s="1709"/>
      <c r="AG22" s="1721"/>
      <c r="AH22" s="97" t="s">
        <v>69</v>
      </c>
      <c r="AI22" s="98"/>
    </row>
    <row r="23" spans="1:35" ht="21" customHeight="1" x14ac:dyDescent="0.2">
      <c r="A23" s="1745"/>
      <c r="B23" s="1746"/>
      <c r="C23" s="1709" t="s">
        <v>50</v>
      </c>
      <c r="D23" s="1709"/>
      <c r="E23" s="1709"/>
      <c r="F23" s="1709"/>
      <c r="G23" s="1709"/>
      <c r="H23" s="1709" t="s">
        <v>12</v>
      </c>
      <c r="I23" s="1709"/>
      <c r="J23" s="1709"/>
      <c r="K23" s="1709"/>
      <c r="L23" s="1709"/>
      <c r="M23" s="1709"/>
      <c r="N23" s="1709"/>
      <c r="O23" s="1709"/>
      <c r="P23" s="1709"/>
      <c r="Q23" s="1709"/>
      <c r="R23" s="1709"/>
      <c r="S23" s="1709"/>
      <c r="T23" s="1709"/>
      <c r="U23" s="1709"/>
      <c r="V23" s="1709"/>
      <c r="W23" s="1709"/>
      <c r="X23" s="1709"/>
      <c r="Y23" s="1709"/>
      <c r="Z23" s="1709"/>
      <c r="AA23" s="1709"/>
      <c r="AB23" s="1709"/>
      <c r="AC23" s="1709"/>
      <c r="AD23" s="1709"/>
      <c r="AE23" s="1709"/>
      <c r="AF23" s="1709"/>
      <c r="AG23" s="1721"/>
      <c r="AH23" s="97" t="s">
        <v>69</v>
      </c>
      <c r="AI23" s="98"/>
    </row>
    <row r="24" spans="1:35" ht="21" customHeight="1" x14ac:dyDescent="0.2">
      <c r="A24" s="1745"/>
      <c r="B24" s="1746"/>
      <c r="C24" s="1709"/>
      <c r="D24" s="1709"/>
      <c r="E24" s="1709"/>
      <c r="F24" s="1709"/>
      <c r="G24" s="1709"/>
      <c r="H24" s="1709" t="s">
        <v>13</v>
      </c>
      <c r="I24" s="1709"/>
      <c r="J24" s="1709"/>
      <c r="K24" s="1709"/>
      <c r="L24" s="1709"/>
      <c r="M24" s="1709"/>
      <c r="N24" s="1709"/>
      <c r="O24" s="1709"/>
      <c r="P24" s="1709"/>
      <c r="Q24" s="1709"/>
      <c r="R24" s="1709"/>
      <c r="S24" s="1709"/>
      <c r="T24" s="1709"/>
      <c r="U24" s="1709"/>
      <c r="V24" s="1709"/>
      <c r="W24" s="1709"/>
      <c r="X24" s="1709"/>
      <c r="Y24" s="1709"/>
      <c r="Z24" s="1709"/>
      <c r="AA24" s="1709"/>
      <c r="AB24" s="1709"/>
      <c r="AC24" s="1709"/>
      <c r="AD24" s="1709"/>
      <c r="AE24" s="1709"/>
      <c r="AF24" s="1709"/>
      <c r="AG24" s="1721"/>
      <c r="AH24" s="97" t="s">
        <v>69</v>
      </c>
      <c r="AI24" s="98"/>
    </row>
    <row r="25" spans="1:35" ht="21" customHeight="1" x14ac:dyDescent="0.2">
      <c r="A25" s="1745"/>
      <c r="B25" s="1746"/>
      <c r="C25" s="1709" t="s">
        <v>14</v>
      </c>
      <c r="D25" s="1709"/>
      <c r="E25" s="1709"/>
      <c r="F25" s="1709"/>
      <c r="G25" s="1709"/>
      <c r="H25" s="1709"/>
      <c r="I25" s="1709"/>
      <c r="J25" s="1709"/>
      <c r="K25" s="1709"/>
      <c r="L25" s="1709"/>
      <c r="M25" s="1709"/>
      <c r="N25" s="1709"/>
      <c r="O25" s="1709"/>
      <c r="P25" s="1709"/>
      <c r="Q25" s="1709"/>
      <c r="R25" s="1709"/>
      <c r="S25" s="1709"/>
      <c r="T25" s="1709"/>
      <c r="U25" s="1709"/>
      <c r="V25" s="1709"/>
      <c r="W25" s="1709"/>
      <c r="X25" s="1709"/>
      <c r="Y25" s="1709"/>
      <c r="Z25" s="1709"/>
      <c r="AA25" s="1709"/>
      <c r="AB25" s="1709"/>
      <c r="AC25" s="1709"/>
      <c r="AD25" s="1709"/>
      <c r="AE25" s="1709"/>
      <c r="AF25" s="1709"/>
      <c r="AG25" s="1709"/>
      <c r="AH25" s="1709"/>
      <c r="AI25" s="1732"/>
    </row>
    <row r="26" spans="1:35" ht="21" customHeight="1" x14ac:dyDescent="0.2">
      <c r="A26" s="1745"/>
      <c r="B26" s="1746"/>
      <c r="C26" s="1709" t="s">
        <v>15</v>
      </c>
      <c r="D26" s="1709"/>
      <c r="E26" s="1709"/>
      <c r="F26" s="1709"/>
      <c r="G26" s="1709"/>
      <c r="H26" s="1709"/>
      <c r="I26" s="1709"/>
      <c r="J26" s="1709"/>
      <c r="K26" s="1709"/>
      <c r="L26" s="1709"/>
      <c r="M26" s="1709"/>
      <c r="N26" s="1709"/>
      <c r="O26" s="1709"/>
      <c r="P26" s="1709"/>
      <c r="Q26" s="1709"/>
      <c r="R26" s="1709"/>
      <c r="S26" s="1709"/>
      <c r="T26" s="1709"/>
      <c r="U26" s="1709"/>
      <c r="V26" s="1709"/>
      <c r="W26" s="1709"/>
      <c r="X26" s="1709"/>
      <c r="Y26" s="1709"/>
      <c r="Z26" s="1709"/>
      <c r="AA26" s="1709"/>
      <c r="AB26" s="1709"/>
      <c r="AC26" s="1709"/>
      <c r="AD26" s="1709"/>
      <c r="AE26" s="1709"/>
      <c r="AF26" s="1709"/>
      <c r="AG26" s="1709"/>
      <c r="AH26" s="1709"/>
      <c r="AI26" s="1732"/>
    </row>
    <row r="27" spans="1:35" ht="21" customHeight="1" x14ac:dyDescent="0.2">
      <c r="A27" s="1745"/>
      <c r="B27" s="1746"/>
      <c r="C27" s="1709"/>
      <c r="D27" s="1709"/>
      <c r="E27" s="1709"/>
      <c r="F27" s="1709"/>
      <c r="G27" s="1709"/>
      <c r="H27" s="1709"/>
      <c r="I27" s="1709"/>
      <c r="J27" s="1709"/>
      <c r="K27" s="1709"/>
      <c r="L27" s="1709"/>
      <c r="M27" s="1709"/>
      <c r="N27" s="1709"/>
      <c r="O27" s="1709"/>
      <c r="P27" s="1709"/>
      <c r="Q27" s="1709"/>
      <c r="R27" s="1709"/>
      <c r="S27" s="1709"/>
      <c r="T27" s="1709"/>
      <c r="U27" s="1709"/>
      <c r="V27" s="1709"/>
      <c r="W27" s="1709"/>
      <c r="X27" s="1709"/>
      <c r="Y27" s="1709"/>
      <c r="Z27" s="1709"/>
      <c r="AA27" s="1709"/>
      <c r="AB27" s="1709"/>
      <c r="AC27" s="1709"/>
      <c r="AD27" s="1709"/>
      <c r="AE27" s="1709"/>
      <c r="AF27" s="1709"/>
      <c r="AG27" s="1709"/>
      <c r="AH27" s="1709"/>
      <c r="AI27" s="1732"/>
    </row>
    <row r="28" spans="1:35" ht="21" customHeight="1" x14ac:dyDescent="0.2">
      <c r="A28" s="1745"/>
      <c r="B28" s="1746"/>
      <c r="C28" s="1709"/>
      <c r="D28" s="1709"/>
      <c r="E28" s="1709"/>
      <c r="F28" s="1709"/>
      <c r="G28" s="1709"/>
      <c r="H28" s="1709"/>
      <c r="I28" s="1709"/>
      <c r="J28" s="1709"/>
      <c r="K28" s="1709"/>
      <c r="L28" s="1709"/>
      <c r="M28" s="1709"/>
      <c r="N28" s="1709"/>
      <c r="O28" s="1709"/>
      <c r="P28" s="1709"/>
      <c r="Q28" s="1709"/>
      <c r="R28" s="1709"/>
      <c r="S28" s="1709"/>
      <c r="T28" s="1709"/>
      <c r="U28" s="1709"/>
      <c r="V28" s="1709"/>
      <c r="W28" s="1709"/>
      <c r="X28" s="1709"/>
      <c r="Y28" s="1709"/>
      <c r="Z28" s="1709"/>
      <c r="AA28" s="1709"/>
      <c r="AB28" s="1709"/>
      <c r="AC28" s="1709"/>
      <c r="AD28" s="1709"/>
      <c r="AE28" s="1709"/>
      <c r="AF28" s="1709"/>
      <c r="AG28" s="1709"/>
      <c r="AH28" s="1709"/>
      <c r="AI28" s="1732"/>
    </row>
    <row r="29" spans="1:35" ht="21" customHeight="1" thickBot="1" x14ac:dyDescent="0.25">
      <c r="A29" s="1747"/>
      <c r="B29" s="1748"/>
      <c r="C29" s="1741"/>
      <c r="D29" s="1741"/>
      <c r="E29" s="1741"/>
      <c r="F29" s="1741"/>
      <c r="G29" s="1741"/>
      <c r="H29" s="1741"/>
      <c r="I29" s="1741"/>
      <c r="J29" s="1741"/>
      <c r="K29" s="1741"/>
      <c r="L29" s="1741"/>
      <c r="M29" s="1741"/>
      <c r="N29" s="1741"/>
      <c r="O29" s="1741"/>
      <c r="P29" s="1741"/>
      <c r="Q29" s="1741"/>
      <c r="R29" s="1741"/>
      <c r="S29" s="1741"/>
      <c r="T29" s="1741"/>
      <c r="U29" s="1741"/>
      <c r="V29" s="1741"/>
      <c r="W29" s="1741"/>
      <c r="X29" s="1741"/>
      <c r="Y29" s="1741"/>
      <c r="Z29" s="1741"/>
      <c r="AA29" s="1741"/>
      <c r="AB29" s="1741"/>
      <c r="AC29" s="1741"/>
      <c r="AD29" s="1741"/>
      <c r="AE29" s="1741"/>
      <c r="AF29" s="1741"/>
      <c r="AG29" s="1741"/>
      <c r="AH29" s="1741"/>
      <c r="AI29" s="1742"/>
    </row>
    <row r="30" spans="1:35" ht="23.25" customHeight="1" x14ac:dyDescent="0.2">
      <c r="A30" s="1738" t="s">
        <v>16</v>
      </c>
      <c r="B30" s="1738"/>
      <c r="C30" s="1738"/>
      <c r="D30" s="1738"/>
      <c r="E30" s="1738"/>
      <c r="F30" s="1738"/>
      <c r="G30" s="1738"/>
      <c r="H30" s="1738"/>
      <c r="I30" s="1738"/>
      <c r="J30" s="1738"/>
      <c r="K30" s="1738"/>
      <c r="L30" s="1738"/>
      <c r="M30" s="1738"/>
      <c r="N30" s="1738"/>
      <c r="O30" s="1738"/>
      <c r="P30" s="1738"/>
      <c r="Q30" s="1738"/>
      <c r="R30" s="1738"/>
      <c r="S30" s="1738"/>
      <c r="T30" s="1738"/>
      <c r="U30" s="1738"/>
      <c r="V30" s="1738"/>
      <c r="W30" s="1738"/>
      <c r="X30" s="1738"/>
      <c r="Y30" s="1738"/>
      <c r="Z30" s="1738"/>
      <c r="AA30" s="1738"/>
      <c r="AB30" s="1738"/>
      <c r="AC30" s="1738"/>
      <c r="AD30" s="1738"/>
      <c r="AE30" s="1738"/>
      <c r="AF30" s="1738"/>
      <c r="AG30" s="1738"/>
      <c r="AH30" s="1738"/>
      <c r="AI30" s="1738"/>
    </row>
    <row r="31" spans="1:35" ht="14.25" customHeight="1" x14ac:dyDescent="0.2">
      <c r="A31" s="1739"/>
      <c r="B31" s="1739"/>
      <c r="C31" s="1739"/>
      <c r="D31" s="1739"/>
      <c r="E31" s="1739"/>
      <c r="F31" s="1739"/>
      <c r="G31" s="1739"/>
      <c r="H31" s="1739"/>
      <c r="I31" s="1739"/>
      <c r="J31" s="1739"/>
      <c r="K31" s="1739"/>
      <c r="L31" s="1739"/>
      <c r="M31" s="1739"/>
      <c r="N31" s="1739"/>
      <c r="O31" s="1739"/>
      <c r="P31" s="1739"/>
      <c r="Q31" s="1739"/>
      <c r="R31" s="1739"/>
      <c r="S31" s="1739"/>
      <c r="T31" s="1739"/>
      <c r="U31" s="1739"/>
      <c r="V31" s="1739"/>
      <c r="W31" s="1739"/>
      <c r="X31" s="1739"/>
      <c r="Y31" s="1739"/>
      <c r="Z31" s="1739"/>
      <c r="AA31" s="1739"/>
      <c r="AB31" s="1739"/>
      <c r="AC31" s="1739"/>
      <c r="AD31" s="1739"/>
      <c r="AE31" s="1739"/>
      <c r="AF31" s="1739"/>
      <c r="AG31" s="1739"/>
      <c r="AH31" s="1739"/>
      <c r="AI31" s="1739"/>
    </row>
    <row r="32" spans="1:35" ht="14.25" customHeight="1" x14ac:dyDescent="0.15">
      <c r="A32" s="99" t="s">
        <v>17</v>
      </c>
      <c r="B32" s="100"/>
      <c r="C32" s="100"/>
      <c r="D32" s="100"/>
      <c r="E32" s="100"/>
      <c r="F32" s="100"/>
      <c r="G32" s="100"/>
      <c r="H32" s="100"/>
      <c r="I32" s="100"/>
      <c r="J32" s="100"/>
      <c r="K32" s="100"/>
      <c r="L32" s="100"/>
      <c r="M32" s="100"/>
      <c r="N32" s="100"/>
      <c r="O32" s="100"/>
      <c r="P32" s="100"/>
      <c r="Q32" s="100"/>
      <c r="R32" s="100"/>
      <c r="S32" s="100"/>
      <c r="T32" s="100"/>
      <c r="U32" s="100"/>
      <c r="V32" s="100"/>
      <c r="W32" s="100"/>
      <c r="X32" s="100"/>
      <c r="Y32" s="100"/>
      <c r="Z32" s="100"/>
      <c r="AA32" s="100"/>
      <c r="AB32" s="100"/>
      <c r="AC32" s="100"/>
      <c r="AD32" s="100"/>
      <c r="AE32" s="100"/>
      <c r="AF32" s="100"/>
      <c r="AG32" s="100"/>
      <c r="AH32" s="100"/>
      <c r="AI32" s="100"/>
    </row>
    <row r="33" spans="1:35" ht="14.25" customHeight="1" x14ac:dyDescent="0.2">
      <c r="A33" s="1739" t="s">
        <v>18</v>
      </c>
      <c r="B33" s="1740"/>
      <c r="C33" s="1740"/>
      <c r="D33" s="1740"/>
      <c r="E33" s="1740"/>
      <c r="F33" s="1740"/>
      <c r="G33" s="1740"/>
      <c r="H33" s="1740"/>
      <c r="I33" s="1740"/>
      <c r="J33" s="1740"/>
      <c r="K33" s="1740"/>
      <c r="L33" s="1740"/>
      <c r="M33" s="1740"/>
      <c r="N33" s="1740"/>
      <c r="O33" s="1740"/>
      <c r="P33" s="1740"/>
      <c r="Q33" s="1740"/>
      <c r="R33" s="1740"/>
      <c r="S33" s="1740"/>
      <c r="T33" s="1740"/>
      <c r="U33" s="1740"/>
      <c r="V33" s="1740"/>
      <c r="W33" s="1740"/>
      <c r="X33" s="1740"/>
      <c r="Y33" s="1740"/>
      <c r="Z33" s="1740"/>
      <c r="AA33" s="1740"/>
      <c r="AB33" s="1740"/>
      <c r="AC33" s="1740"/>
      <c r="AD33" s="1740"/>
      <c r="AE33" s="1740"/>
      <c r="AF33" s="1740"/>
      <c r="AG33" s="1740"/>
      <c r="AH33" s="1740"/>
      <c r="AI33" s="1740"/>
    </row>
    <row r="34" spans="1:35" ht="14.25" customHeight="1" x14ac:dyDescent="0.2">
      <c r="A34" s="1740"/>
      <c r="B34" s="1740"/>
      <c r="C34" s="1740"/>
      <c r="D34" s="1740"/>
      <c r="E34" s="1740"/>
      <c r="F34" s="1740"/>
      <c r="G34" s="1740"/>
      <c r="H34" s="1740"/>
      <c r="I34" s="1740"/>
      <c r="J34" s="1740"/>
      <c r="K34" s="1740"/>
      <c r="L34" s="1740"/>
      <c r="M34" s="1740"/>
      <c r="N34" s="1740"/>
      <c r="O34" s="1740"/>
      <c r="P34" s="1740"/>
      <c r="Q34" s="1740"/>
      <c r="R34" s="1740"/>
      <c r="S34" s="1740"/>
      <c r="T34" s="1740"/>
      <c r="U34" s="1740"/>
      <c r="V34" s="1740"/>
      <c r="W34" s="1740"/>
      <c r="X34" s="1740"/>
      <c r="Y34" s="1740"/>
      <c r="Z34" s="1740"/>
      <c r="AA34" s="1740"/>
      <c r="AB34" s="1740"/>
      <c r="AC34" s="1740"/>
      <c r="AD34" s="1740"/>
      <c r="AE34" s="1740"/>
      <c r="AF34" s="1740"/>
      <c r="AG34" s="1740"/>
      <c r="AH34" s="1740"/>
      <c r="AI34" s="1740"/>
    </row>
    <row r="35" spans="1:35" ht="15" customHeight="1" x14ac:dyDescent="0.15">
      <c r="A35" s="99"/>
      <c r="B35" s="100"/>
      <c r="C35" s="100"/>
      <c r="D35" s="100"/>
      <c r="E35" s="100"/>
      <c r="F35" s="100"/>
      <c r="G35" s="100"/>
      <c r="H35" s="100"/>
      <c r="I35" s="100"/>
      <c r="J35" s="100"/>
      <c r="K35" s="100"/>
      <c r="L35" s="100"/>
      <c r="M35" s="100"/>
      <c r="N35" s="100"/>
      <c r="O35" s="100"/>
      <c r="P35" s="100"/>
      <c r="Q35" s="100"/>
      <c r="R35" s="100"/>
      <c r="S35" s="100"/>
      <c r="T35" s="100"/>
      <c r="U35" s="100"/>
      <c r="V35" s="100"/>
      <c r="W35" s="100"/>
      <c r="X35" s="100"/>
      <c r="Y35" s="100"/>
      <c r="Z35" s="100"/>
      <c r="AA35" s="100"/>
      <c r="AB35" s="100"/>
      <c r="AC35" s="100"/>
      <c r="AD35" s="100"/>
      <c r="AE35" s="100"/>
      <c r="AF35" s="100"/>
      <c r="AG35" s="100"/>
      <c r="AH35" s="100"/>
      <c r="AI35" s="100"/>
    </row>
    <row r="36" spans="1:35" ht="14.25" customHeight="1" x14ac:dyDescent="0.15">
      <c r="A36" s="99"/>
      <c r="B36" s="100"/>
      <c r="C36" s="100"/>
      <c r="D36" s="100"/>
      <c r="E36" s="100"/>
      <c r="F36" s="100"/>
      <c r="G36" s="100"/>
      <c r="H36" s="100"/>
      <c r="I36" s="100"/>
      <c r="J36" s="100"/>
      <c r="K36" s="100"/>
      <c r="L36" s="100"/>
      <c r="M36" s="100"/>
      <c r="N36" s="100"/>
      <c r="O36" s="100"/>
      <c r="P36" s="100"/>
      <c r="Q36" s="100"/>
      <c r="R36" s="100"/>
      <c r="S36" s="100"/>
      <c r="T36" s="100"/>
      <c r="U36" s="100"/>
      <c r="V36" s="100"/>
      <c r="W36" s="100"/>
      <c r="X36" s="100"/>
      <c r="Y36" s="100"/>
      <c r="Z36" s="100"/>
      <c r="AA36" s="100"/>
      <c r="AB36" s="100"/>
      <c r="AC36" s="100"/>
      <c r="AD36" s="100"/>
      <c r="AE36" s="100"/>
      <c r="AF36" s="100"/>
      <c r="AG36" s="100"/>
      <c r="AH36" s="100"/>
      <c r="AI36" s="100"/>
    </row>
    <row r="37" spans="1:35" ht="21" customHeight="1" x14ac:dyDescent="0.2">
      <c r="A37" s="101"/>
      <c r="B37" s="100"/>
      <c r="C37" s="100"/>
      <c r="D37" s="100"/>
      <c r="E37" s="100"/>
      <c r="F37" s="100"/>
      <c r="G37" s="100"/>
      <c r="H37" s="100"/>
      <c r="I37" s="100"/>
      <c r="J37" s="100"/>
      <c r="K37" s="100"/>
      <c r="L37" s="100"/>
      <c r="M37" s="100"/>
      <c r="N37" s="100"/>
      <c r="O37" s="100"/>
      <c r="P37" s="100"/>
      <c r="Q37" s="100"/>
      <c r="R37" s="100"/>
      <c r="S37" s="100"/>
      <c r="T37" s="100"/>
      <c r="U37" s="100"/>
      <c r="V37" s="100"/>
      <c r="W37" s="100"/>
      <c r="X37" s="100"/>
      <c r="Y37" s="100"/>
      <c r="Z37" s="100"/>
      <c r="AA37" s="100"/>
      <c r="AB37" s="100"/>
      <c r="AC37" s="100"/>
      <c r="AD37" s="100"/>
      <c r="AE37" s="100"/>
      <c r="AF37" s="100"/>
      <c r="AG37" s="100"/>
      <c r="AH37" s="100"/>
      <c r="AI37" s="100"/>
    </row>
  </sheetData>
  <customSheetViews>
    <customSheetView guid="{FA98832E-F01A-4598-9960-E27C2FDAB118}" showPageBreaks="1" view="pageBreakPreview">
      <selection activeCell="J20" sqref="J20"/>
      <pageMargins left="0.65" right="0.39370078740157483" top="0.77" bottom="0.35433070866141736" header="0.31496062992125984" footer="0.27559055118110237"/>
      <printOptions horizontalCentered="1"/>
      <pageSetup paperSize="9" orientation="portrait" r:id="rId1"/>
      <headerFooter alignWithMargins="0"/>
    </customSheetView>
    <customSheetView guid="{8494577A-77FB-45FD-BD2B-C737BCFAD5B3}" showPageBreaks="1" view="pageBreakPreview">
      <selection activeCell="J20" sqref="J20"/>
      <pageMargins left="0.65" right="0.39370078740157483" top="0.77" bottom="0.35433070866141736" header="0.31496062992125984" footer="0.27559055118110237"/>
      <printOptions horizontalCentered="1"/>
      <pageSetup paperSize="9" orientation="portrait" r:id="rId2"/>
      <headerFooter alignWithMargins="0"/>
    </customSheetView>
  </customSheetViews>
  <mergeCells count="61">
    <mergeCell ref="A30:AI31"/>
    <mergeCell ref="A33:AI34"/>
    <mergeCell ref="C25:U25"/>
    <mergeCell ref="V25:AI25"/>
    <mergeCell ref="C26:AI26"/>
    <mergeCell ref="C27:AI29"/>
    <mergeCell ref="A20:B29"/>
    <mergeCell ref="C20:L20"/>
    <mergeCell ref="M20:Y20"/>
    <mergeCell ref="Z20:AI20"/>
    <mergeCell ref="C21:G22"/>
    <mergeCell ref="H21:L21"/>
    <mergeCell ref="M21:Y21"/>
    <mergeCell ref="Z21:AG21"/>
    <mergeCell ref="H22:L22"/>
    <mergeCell ref="M22:Y22"/>
    <mergeCell ref="Z22:AG22"/>
    <mergeCell ref="C23:G24"/>
    <mergeCell ref="H23:L23"/>
    <mergeCell ref="M23:Y23"/>
    <mergeCell ref="Z23:AG23"/>
    <mergeCell ref="H24:L24"/>
    <mergeCell ref="M24:Y24"/>
    <mergeCell ref="Z24:AG24"/>
    <mergeCell ref="V15:AI15"/>
    <mergeCell ref="C16:AI16"/>
    <mergeCell ref="D13:K13"/>
    <mergeCell ref="L13:U13"/>
    <mergeCell ref="V13:AI13"/>
    <mergeCell ref="D14:K14"/>
    <mergeCell ref="L14:U14"/>
    <mergeCell ref="V14:AI14"/>
    <mergeCell ref="F8:K8"/>
    <mergeCell ref="L8:U8"/>
    <mergeCell ref="V9:AI9"/>
    <mergeCell ref="V10:AI10"/>
    <mergeCell ref="V11:AI11"/>
    <mergeCell ref="V7:Z8"/>
    <mergeCell ref="A7:E8"/>
    <mergeCell ref="F7:K7"/>
    <mergeCell ref="A9:B19"/>
    <mergeCell ref="C9:U9"/>
    <mergeCell ref="C10:C15"/>
    <mergeCell ref="D10:U10"/>
    <mergeCell ref="D11:K11"/>
    <mergeCell ref="L11:U11"/>
    <mergeCell ref="D12:K12"/>
    <mergeCell ref="L7:U7"/>
    <mergeCell ref="L12:U12"/>
    <mergeCell ref="D15:K15"/>
    <mergeCell ref="L15:U15"/>
    <mergeCell ref="C17:AI19"/>
    <mergeCell ref="V12:AI12"/>
    <mergeCell ref="AA7:AI8"/>
    <mergeCell ref="A6:K6"/>
    <mergeCell ref="L6:AI6"/>
    <mergeCell ref="A2:AI2"/>
    <mergeCell ref="A4:K4"/>
    <mergeCell ref="L4:AI4"/>
    <mergeCell ref="A5:K5"/>
    <mergeCell ref="L5:AI5"/>
  </mergeCells>
  <phoneticPr fontId="6"/>
  <printOptions horizontalCentered="1"/>
  <pageMargins left="0.65" right="0.39370078740157483" top="0.77" bottom="0.35433070866141736" header="0.31496062992125984" footer="0.27559055118110237"/>
  <pageSetup paperSize="9" orientation="portrait" r:id="rId3"/>
  <headerFooter alignWithMargins="0"/>
  <drawing r:id="rId4"/>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A1:AI52"/>
  <sheetViews>
    <sheetView zoomScale="115" zoomScaleNormal="115" zoomScaleSheetLayoutView="100" workbookViewId="0"/>
  </sheetViews>
  <sheetFormatPr defaultRowHeight="13.2" x14ac:dyDescent="0.2"/>
  <cols>
    <col min="2" max="2" width="11.109375" customWidth="1"/>
    <col min="7" max="8" width="11.44140625" customWidth="1"/>
  </cols>
  <sheetData>
    <row r="1" spans="1:35" ht="14.25" customHeight="1" x14ac:dyDescent="0.2">
      <c r="A1" s="247" t="s">
        <v>278</v>
      </c>
      <c r="B1" s="137"/>
      <c r="C1" s="137"/>
      <c r="D1" s="137"/>
      <c r="E1" s="137"/>
      <c r="F1" s="137"/>
      <c r="G1" s="137"/>
      <c r="H1" s="137"/>
      <c r="I1" s="137"/>
      <c r="J1" s="137"/>
      <c r="K1" s="137"/>
      <c r="L1" s="137"/>
      <c r="M1" s="137"/>
      <c r="N1" s="137"/>
      <c r="O1" s="137"/>
      <c r="P1" s="137"/>
      <c r="Q1" s="137"/>
      <c r="R1" s="137"/>
      <c r="S1" s="137"/>
      <c r="T1" s="137"/>
      <c r="U1" s="137"/>
      <c r="V1" s="137"/>
      <c r="W1" s="137"/>
      <c r="X1" s="137"/>
      <c r="Y1" s="137"/>
      <c r="Z1" s="137"/>
      <c r="AA1" s="137"/>
      <c r="AB1" s="137"/>
      <c r="AC1" s="137"/>
      <c r="AD1" s="137"/>
      <c r="AE1" s="137"/>
      <c r="AF1" s="137"/>
      <c r="AG1" s="137"/>
      <c r="AH1" s="137"/>
      <c r="AI1" s="137"/>
    </row>
    <row r="2" spans="1:35" ht="7.5" customHeight="1" x14ac:dyDescent="0.2">
      <c r="G2" s="38"/>
      <c r="H2" s="38"/>
    </row>
    <row r="3" spans="1:35" s="53" customFormat="1" ht="17.25" customHeight="1" x14ac:dyDescent="0.2">
      <c r="A3" s="1789" t="s">
        <v>132</v>
      </c>
      <c r="B3" s="1789"/>
      <c r="C3" s="1789"/>
      <c r="D3" s="1789"/>
      <c r="E3" s="1789"/>
      <c r="F3" s="1789"/>
      <c r="G3" s="1789"/>
      <c r="H3" s="1789"/>
    </row>
    <row r="4" spans="1:35" ht="10.5" customHeight="1" thickBot="1" x14ac:dyDescent="0.25"/>
    <row r="5" spans="1:35" ht="16.5" customHeight="1" x14ac:dyDescent="0.2">
      <c r="A5" s="1790" t="s">
        <v>133</v>
      </c>
      <c r="B5" s="1791"/>
      <c r="C5" s="1792"/>
      <c r="D5" s="1793"/>
      <c r="E5" s="1793"/>
      <c r="F5" s="1793"/>
      <c r="G5" s="1793"/>
      <c r="H5" s="1794"/>
    </row>
    <row r="6" spans="1:35" ht="16.5" customHeight="1" x14ac:dyDescent="0.2">
      <c r="A6" s="1755" t="s">
        <v>126</v>
      </c>
      <c r="B6" s="1756"/>
      <c r="C6" s="1760"/>
      <c r="D6" s="1762"/>
      <c r="E6" s="1762"/>
      <c r="F6" s="1762"/>
      <c r="G6" s="1762"/>
      <c r="H6" s="1763"/>
    </row>
    <row r="7" spans="1:35" ht="16.5" customHeight="1" x14ac:dyDescent="0.2">
      <c r="A7" s="1755" t="s">
        <v>150</v>
      </c>
      <c r="B7" s="1756"/>
      <c r="C7" s="1757" t="s">
        <v>45</v>
      </c>
      <c r="D7" s="1758"/>
      <c r="E7" s="1758"/>
      <c r="F7" s="1758"/>
      <c r="G7" s="1758"/>
      <c r="H7" s="1759"/>
    </row>
    <row r="8" spans="1:35" ht="16.5" customHeight="1" x14ac:dyDescent="0.2">
      <c r="A8" s="1795" t="s">
        <v>134</v>
      </c>
      <c r="B8" s="39" t="s">
        <v>128</v>
      </c>
      <c r="C8" s="1760"/>
      <c r="D8" s="1762"/>
      <c r="E8" s="1761"/>
      <c r="F8" s="1797" t="s">
        <v>135</v>
      </c>
      <c r="G8" s="1799"/>
      <c r="H8" s="1800"/>
    </row>
    <row r="9" spans="1:35" ht="16.5" customHeight="1" thickBot="1" x14ac:dyDescent="0.25">
      <c r="A9" s="1796"/>
      <c r="B9" s="40" t="s">
        <v>136</v>
      </c>
      <c r="C9" s="1799"/>
      <c r="D9" s="1803"/>
      <c r="E9" s="1804"/>
      <c r="F9" s="1798"/>
      <c r="G9" s="1801"/>
      <c r="H9" s="1802"/>
    </row>
    <row r="10" spans="1:35" ht="16.5" customHeight="1" thickTop="1" thickBot="1" x14ac:dyDescent="0.25">
      <c r="A10" s="1772" t="s">
        <v>137</v>
      </c>
      <c r="B10" s="1773"/>
      <c r="C10" s="1773"/>
      <c r="D10" s="1773"/>
      <c r="E10" s="1774"/>
      <c r="F10" s="1775"/>
      <c r="G10" s="1775"/>
      <c r="H10" s="1776"/>
    </row>
    <row r="11" spans="1:35" ht="18" customHeight="1" thickTop="1" x14ac:dyDescent="0.2">
      <c r="A11" s="1764" t="s">
        <v>138</v>
      </c>
      <c r="B11" s="1778" t="s">
        <v>139</v>
      </c>
      <c r="C11" s="1779"/>
      <c r="D11" s="1779"/>
      <c r="E11" s="1779"/>
      <c r="F11" s="1780"/>
      <c r="G11" s="1781" t="s">
        <v>140</v>
      </c>
      <c r="H11" s="1782"/>
    </row>
    <row r="12" spans="1:35" ht="18" customHeight="1" x14ac:dyDescent="0.2">
      <c r="A12" s="1765"/>
      <c r="B12" s="1783"/>
      <c r="C12" s="1785" t="s">
        <v>141</v>
      </c>
      <c r="D12" s="1785"/>
      <c r="E12" s="1757" t="s">
        <v>142</v>
      </c>
      <c r="F12" s="1771"/>
      <c r="G12" s="1757"/>
      <c r="H12" s="1759"/>
    </row>
    <row r="13" spans="1:35" ht="18" customHeight="1" x14ac:dyDescent="0.2">
      <c r="A13" s="1765"/>
      <c r="B13" s="1783"/>
      <c r="C13" s="1785"/>
      <c r="D13" s="1785"/>
      <c r="E13" s="1757" t="s">
        <v>143</v>
      </c>
      <c r="F13" s="1771"/>
      <c r="G13" s="1757"/>
      <c r="H13" s="1759"/>
    </row>
    <row r="14" spans="1:35" ht="18" customHeight="1" x14ac:dyDescent="0.2">
      <c r="A14" s="1765"/>
      <c r="B14" s="1783"/>
      <c r="C14" s="1757" t="s">
        <v>144</v>
      </c>
      <c r="D14" s="1758"/>
      <c r="E14" s="1758"/>
      <c r="F14" s="1771"/>
      <c r="G14" s="1757"/>
      <c r="H14" s="1759"/>
    </row>
    <row r="15" spans="1:35" ht="18" customHeight="1" thickBot="1" x14ac:dyDescent="0.25">
      <c r="A15" s="1777"/>
      <c r="B15" s="1784"/>
      <c r="C15" s="1786" t="s">
        <v>145</v>
      </c>
      <c r="D15" s="1491"/>
      <c r="E15" s="1491"/>
      <c r="F15" s="1492"/>
      <c r="G15" s="1787"/>
      <c r="H15" s="1788"/>
    </row>
    <row r="16" spans="1:35" ht="16.5" customHeight="1" thickTop="1" x14ac:dyDescent="0.2">
      <c r="A16" s="1764" t="s">
        <v>146</v>
      </c>
      <c r="B16" s="1767" t="s">
        <v>147</v>
      </c>
      <c r="C16" s="1768"/>
      <c r="D16" s="1768"/>
      <c r="E16" s="1768"/>
      <c r="F16" s="1768"/>
      <c r="G16" s="1769"/>
      <c r="H16" s="1770"/>
    </row>
    <row r="17" spans="1:8" ht="16.5" customHeight="1" x14ac:dyDescent="0.2">
      <c r="A17" s="1765"/>
      <c r="B17" s="1757" t="s">
        <v>148</v>
      </c>
      <c r="C17" s="1758"/>
      <c r="D17" s="1771"/>
      <c r="E17" s="1757" t="s">
        <v>149</v>
      </c>
      <c r="F17" s="1758"/>
      <c r="G17" s="1758"/>
      <c r="H17" s="1759"/>
    </row>
    <row r="18" spans="1:8" ht="16.5" customHeight="1" x14ac:dyDescent="0.2">
      <c r="A18" s="1765"/>
      <c r="B18" s="9">
        <v>1</v>
      </c>
      <c r="C18" s="1760"/>
      <c r="D18" s="1761"/>
      <c r="E18" s="1760"/>
      <c r="F18" s="1762"/>
      <c r="G18" s="1762"/>
      <c r="H18" s="1763"/>
    </row>
    <row r="19" spans="1:8" ht="16.5" customHeight="1" x14ac:dyDescent="0.2">
      <c r="A19" s="1765"/>
      <c r="B19" s="9">
        <v>2</v>
      </c>
      <c r="C19" s="1760"/>
      <c r="D19" s="1761"/>
      <c r="E19" s="1760"/>
      <c r="F19" s="1762"/>
      <c r="G19" s="1762"/>
      <c r="H19" s="1763"/>
    </row>
    <row r="20" spans="1:8" ht="16.5" customHeight="1" x14ac:dyDescent="0.2">
      <c r="A20" s="1765"/>
      <c r="B20" s="9">
        <v>3</v>
      </c>
      <c r="C20" s="1760"/>
      <c r="D20" s="1761"/>
      <c r="E20" s="1760"/>
      <c r="F20" s="1762"/>
      <c r="G20" s="1762"/>
      <c r="H20" s="1763"/>
    </row>
    <row r="21" spans="1:8" ht="16.5" customHeight="1" x14ac:dyDescent="0.2">
      <c r="A21" s="1765"/>
      <c r="B21" s="9">
        <v>4</v>
      </c>
      <c r="C21" s="1760"/>
      <c r="D21" s="1761"/>
      <c r="E21" s="1760"/>
      <c r="F21" s="1762"/>
      <c r="G21" s="1762"/>
      <c r="H21" s="1763"/>
    </row>
    <row r="22" spans="1:8" ht="16.5" customHeight="1" x14ac:dyDescent="0.2">
      <c r="A22" s="1765"/>
      <c r="B22" s="9">
        <v>5</v>
      </c>
      <c r="C22" s="1760"/>
      <c r="D22" s="1761"/>
      <c r="E22" s="1760"/>
      <c r="F22" s="1762"/>
      <c r="G22" s="1762"/>
      <c r="H22" s="1763"/>
    </row>
    <row r="23" spans="1:8" ht="16.5" customHeight="1" x14ac:dyDescent="0.2">
      <c r="A23" s="1765"/>
      <c r="B23" s="9">
        <v>6</v>
      </c>
      <c r="C23" s="1760"/>
      <c r="D23" s="1761"/>
      <c r="E23" s="1760"/>
      <c r="F23" s="1762"/>
      <c r="G23" s="1762"/>
      <c r="H23" s="1763"/>
    </row>
    <row r="24" spans="1:8" ht="16.5" customHeight="1" x14ac:dyDescent="0.2">
      <c r="A24" s="1765"/>
      <c r="B24" s="9">
        <v>7</v>
      </c>
      <c r="C24" s="1760"/>
      <c r="D24" s="1761"/>
      <c r="E24" s="1760"/>
      <c r="F24" s="1762"/>
      <c r="G24" s="1762"/>
      <c r="H24" s="1763"/>
    </row>
    <row r="25" spans="1:8" ht="16.5" customHeight="1" x14ac:dyDescent="0.2">
      <c r="A25" s="1765"/>
      <c r="B25" s="9">
        <v>8</v>
      </c>
      <c r="C25" s="1760"/>
      <c r="D25" s="1761"/>
      <c r="E25" s="1760"/>
      <c r="F25" s="1762"/>
      <c r="G25" s="1762"/>
      <c r="H25" s="1763"/>
    </row>
    <row r="26" spans="1:8" ht="16.5" customHeight="1" x14ac:dyDescent="0.2">
      <c r="A26" s="1765"/>
      <c r="B26" s="9">
        <v>9</v>
      </c>
      <c r="C26" s="1760"/>
      <c r="D26" s="1761"/>
      <c r="E26" s="1760"/>
      <c r="F26" s="1762"/>
      <c r="G26" s="1762"/>
      <c r="H26" s="1763"/>
    </row>
    <row r="27" spans="1:8" ht="16.5" customHeight="1" x14ac:dyDescent="0.2">
      <c r="A27" s="1765"/>
      <c r="B27" s="9">
        <v>10</v>
      </c>
      <c r="C27" s="1760"/>
      <c r="D27" s="1761"/>
      <c r="E27" s="1760"/>
      <c r="F27" s="1762"/>
      <c r="G27" s="1762"/>
      <c r="H27" s="1763"/>
    </row>
    <row r="28" spans="1:8" ht="16.5" customHeight="1" x14ac:dyDescent="0.2">
      <c r="A28" s="1765"/>
      <c r="B28" s="9">
        <v>11</v>
      </c>
      <c r="C28" s="1760"/>
      <c r="D28" s="1761"/>
      <c r="E28" s="1760"/>
      <c r="F28" s="1762"/>
      <c r="G28" s="1762"/>
      <c r="H28" s="1763"/>
    </row>
    <row r="29" spans="1:8" ht="16.5" customHeight="1" x14ac:dyDescent="0.2">
      <c r="A29" s="1765"/>
      <c r="B29" s="9">
        <v>12</v>
      </c>
      <c r="C29" s="1760"/>
      <c r="D29" s="1761"/>
      <c r="E29" s="1760"/>
      <c r="F29" s="1762"/>
      <c r="G29" s="1762"/>
      <c r="H29" s="1763"/>
    </row>
    <row r="30" spans="1:8" ht="16.5" customHeight="1" x14ac:dyDescent="0.2">
      <c r="A30" s="1765"/>
      <c r="B30" s="9">
        <v>13</v>
      </c>
      <c r="C30" s="1760"/>
      <c r="D30" s="1761"/>
      <c r="E30" s="1760"/>
      <c r="F30" s="1762"/>
      <c r="G30" s="1762"/>
      <c r="H30" s="1763"/>
    </row>
    <row r="31" spans="1:8" ht="16.5" customHeight="1" x14ac:dyDescent="0.2">
      <c r="A31" s="1765"/>
      <c r="B31" s="9">
        <v>14</v>
      </c>
      <c r="C31" s="1760"/>
      <c r="D31" s="1761"/>
      <c r="E31" s="1760"/>
      <c r="F31" s="1762"/>
      <c r="G31" s="1762"/>
      <c r="H31" s="1763"/>
    </row>
    <row r="32" spans="1:8" ht="16.5" customHeight="1" x14ac:dyDescent="0.2">
      <c r="A32" s="1765"/>
      <c r="B32" s="9">
        <v>15</v>
      </c>
      <c r="C32" s="1760"/>
      <c r="D32" s="1761"/>
      <c r="E32" s="1760"/>
      <c r="F32" s="1762"/>
      <c r="G32" s="1762"/>
      <c r="H32" s="1763"/>
    </row>
    <row r="33" spans="1:8" ht="16.5" customHeight="1" x14ac:dyDescent="0.2">
      <c r="A33" s="1765"/>
      <c r="B33" s="9">
        <v>16</v>
      </c>
      <c r="C33" s="1760"/>
      <c r="D33" s="1761"/>
      <c r="E33" s="1760"/>
      <c r="F33" s="1762"/>
      <c r="G33" s="1762"/>
      <c r="H33" s="1763"/>
    </row>
    <row r="34" spans="1:8" ht="16.5" customHeight="1" x14ac:dyDescent="0.2">
      <c r="A34" s="1765"/>
      <c r="B34" s="9">
        <v>17</v>
      </c>
      <c r="C34" s="1760"/>
      <c r="D34" s="1761"/>
      <c r="E34" s="1760"/>
      <c r="F34" s="1762"/>
      <c r="G34" s="1762"/>
      <c r="H34" s="1763"/>
    </row>
    <row r="35" spans="1:8" ht="16.5" customHeight="1" x14ac:dyDescent="0.2">
      <c r="A35" s="1765"/>
      <c r="B35" s="9">
        <v>18</v>
      </c>
      <c r="C35" s="1760"/>
      <c r="D35" s="1761"/>
      <c r="E35" s="1760"/>
      <c r="F35" s="1762"/>
      <c r="G35" s="1762"/>
      <c r="H35" s="1763"/>
    </row>
    <row r="36" spans="1:8" ht="16.5" customHeight="1" x14ac:dyDescent="0.2">
      <c r="A36" s="1765"/>
      <c r="B36" s="9">
        <v>19</v>
      </c>
      <c r="C36" s="1760"/>
      <c r="D36" s="1761"/>
      <c r="E36" s="1760"/>
      <c r="F36" s="1762"/>
      <c r="G36" s="1762"/>
      <c r="H36" s="1763"/>
    </row>
    <row r="37" spans="1:8" ht="16.5" customHeight="1" x14ac:dyDescent="0.2">
      <c r="A37" s="1765"/>
      <c r="B37" s="9">
        <v>20</v>
      </c>
      <c r="C37" s="1760"/>
      <c r="D37" s="1761"/>
      <c r="E37" s="1760"/>
      <c r="F37" s="1762"/>
      <c r="G37" s="1762"/>
      <c r="H37" s="1763"/>
    </row>
    <row r="38" spans="1:8" ht="16.5" customHeight="1" x14ac:dyDescent="0.2">
      <c r="A38" s="1765"/>
      <c r="B38" s="9">
        <v>21</v>
      </c>
      <c r="C38" s="1760"/>
      <c r="D38" s="1761"/>
      <c r="E38" s="1760"/>
      <c r="F38" s="1762"/>
      <c r="G38" s="1762"/>
      <c r="H38" s="1763"/>
    </row>
    <row r="39" spans="1:8" ht="16.5" customHeight="1" x14ac:dyDescent="0.2">
      <c r="A39" s="1765"/>
      <c r="B39" s="9">
        <v>22</v>
      </c>
      <c r="C39" s="1760"/>
      <c r="D39" s="1761"/>
      <c r="E39" s="1760"/>
      <c r="F39" s="1762"/>
      <c r="G39" s="1762"/>
      <c r="H39" s="1763"/>
    </row>
    <row r="40" spans="1:8" ht="16.5" customHeight="1" x14ac:dyDescent="0.2">
      <c r="A40" s="1765"/>
      <c r="B40" s="9">
        <v>23</v>
      </c>
      <c r="C40" s="1760"/>
      <c r="D40" s="1761"/>
      <c r="E40" s="1760"/>
      <c r="F40" s="1762"/>
      <c r="G40" s="1762"/>
      <c r="H40" s="1763"/>
    </row>
    <row r="41" spans="1:8" ht="16.5" customHeight="1" x14ac:dyDescent="0.2">
      <c r="A41" s="1765"/>
      <c r="B41" s="9">
        <v>24</v>
      </c>
      <c r="C41" s="1760"/>
      <c r="D41" s="1761"/>
      <c r="E41" s="1760"/>
      <c r="F41" s="1762"/>
      <c r="G41" s="1762"/>
      <c r="H41" s="1763"/>
    </row>
    <row r="42" spans="1:8" ht="16.5" customHeight="1" x14ac:dyDescent="0.2">
      <c r="A42" s="1765"/>
      <c r="B42" s="9">
        <v>25</v>
      </c>
      <c r="C42" s="1760"/>
      <c r="D42" s="1761"/>
      <c r="E42" s="1760"/>
      <c r="F42" s="1762"/>
      <c r="G42" s="1762"/>
      <c r="H42" s="1763"/>
    </row>
    <row r="43" spans="1:8" ht="16.5" customHeight="1" x14ac:dyDescent="0.2">
      <c r="A43" s="1765"/>
      <c r="B43" s="9">
        <v>26</v>
      </c>
      <c r="C43" s="1760"/>
      <c r="D43" s="1761"/>
      <c r="E43" s="1760"/>
      <c r="F43" s="1762"/>
      <c r="G43" s="1762"/>
      <c r="H43" s="1763"/>
    </row>
    <row r="44" spans="1:8" ht="16.5" customHeight="1" x14ac:dyDescent="0.2">
      <c r="A44" s="1765"/>
      <c r="B44" s="9">
        <v>27</v>
      </c>
      <c r="C44" s="1760"/>
      <c r="D44" s="1761"/>
      <c r="E44" s="1760"/>
      <c r="F44" s="1762"/>
      <c r="G44" s="1762"/>
      <c r="H44" s="1763"/>
    </row>
    <row r="45" spans="1:8" ht="16.5" customHeight="1" x14ac:dyDescent="0.2">
      <c r="A45" s="1765"/>
      <c r="B45" s="9">
        <v>28</v>
      </c>
      <c r="C45" s="1760"/>
      <c r="D45" s="1761"/>
      <c r="E45" s="1760"/>
      <c r="F45" s="1762"/>
      <c r="G45" s="1762"/>
      <c r="H45" s="1763"/>
    </row>
    <row r="46" spans="1:8" ht="16.5" customHeight="1" x14ac:dyDescent="0.2">
      <c r="A46" s="1765"/>
      <c r="B46" s="9">
        <v>29</v>
      </c>
      <c r="C46" s="1760"/>
      <c r="D46" s="1761"/>
      <c r="E46" s="1760"/>
      <c r="F46" s="1762"/>
      <c r="G46" s="1762"/>
      <c r="H46" s="1763"/>
    </row>
    <row r="47" spans="1:8" ht="16.5" customHeight="1" thickBot="1" x14ac:dyDescent="0.25">
      <c r="A47" s="1766"/>
      <c r="B47" s="41">
        <v>30</v>
      </c>
      <c r="C47" s="1751"/>
      <c r="D47" s="1752"/>
      <c r="E47" s="1751"/>
      <c r="F47" s="1753"/>
      <c r="G47" s="1753"/>
      <c r="H47" s="1754"/>
    </row>
    <row r="48" spans="1:8" ht="13.5" customHeight="1" x14ac:dyDescent="0.2"/>
    <row r="49" spans="1:1" ht="13.5" customHeight="1" x14ac:dyDescent="0.2">
      <c r="A49" s="52" t="s">
        <v>44</v>
      </c>
    </row>
    <row r="50" spans="1:1" ht="13.5" customHeight="1" x14ac:dyDescent="0.2">
      <c r="A50" s="52" t="s">
        <v>42</v>
      </c>
    </row>
    <row r="51" spans="1:1" ht="13.5" customHeight="1" x14ac:dyDescent="0.2">
      <c r="A51" s="52" t="s">
        <v>43</v>
      </c>
    </row>
    <row r="52" spans="1:1" ht="13.5" customHeight="1" x14ac:dyDescent="0.2">
      <c r="A52" s="52" t="s">
        <v>304</v>
      </c>
    </row>
  </sheetData>
  <customSheetViews>
    <customSheetView guid="{FA98832E-F01A-4598-9960-E27C2FDAB118}" scale="115">
      <selection activeCell="J20" sqref="J20"/>
      <pageMargins left="0.39370078740157483" right="0.39370078740157483" top="0.59" bottom="0.39" header="0.51181102362204722" footer="0.31"/>
      <printOptions horizontalCentered="1"/>
      <pageSetup paperSize="9" orientation="portrait" horizontalDpi="300" verticalDpi="300" r:id="rId1"/>
      <headerFooter alignWithMargins="0"/>
    </customSheetView>
    <customSheetView guid="{8494577A-77FB-45FD-BD2B-C737BCFAD5B3}" scale="115">
      <selection activeCell="J20" sqref="J20"/>
      <pageMargins left="0.39370078740157483" right="0.39370078740157483" top="0.59" bottom="0.39" header="0.51181102362204722" footer="0.31"/>
      <printOptions horizontalCentered="1"/>
      <pageSetup paperSize="9" orientation="portrait" horizontalDpi="300" verticalDpi="300" r:id="rId2"/>
      <headerFooter alignWithMargins="0"/>
    </customSheetView>
  </customSheetViews>
  <mergeCells count="92">
    <mergeCell ref="A8:A9"/>
    <mergeCell ref="C8:E8"/>
    <mergeCell ref="F8:F9"/>
    <mergeCell ref="G8:H9"/>
    <mergeCell ref="C9:E9"/>
    <mergeCell ref="A6:B6"/>
    <mergeCell ref="C6:H6"/>
    <mergeCell ref="A3:H3"/>
    <mergeCell ref="A5:B5"/>
    <mergeCell ref="C5:H5"/>
    <mergeCell ref="A10:D10"/>
    <mergeCell ref="E10:H10"/>
    <mergeCell ref="A11:A15"/>
    <mergeCell ref="B11:F11"/>
    <mergeCell ref="G11:H11"/>
    <mergeCell ref="B12:B15"/>
    <mergeCell ref="C12:D13"/>
    <mergeCell ref="E12:F12"/>
    <mergeCell ref="G12:H12"/>
    <mergeCell ref="E13:F13"/>
    <mergeCell ref="G13:H13"/>
    <mergeCell ref="C14:F14"/>
    <mergeCell ref="G14:H14"/>
    <mergeCell ref="C15:F15"/>
    <mergeCell ref="G15:H15"/>
    <mergeCell ref="A16:A47"/>
    <mergeCell ref="B16:F16"/>
    <mergeCell ref="G16:H16"/>
    <mergeCell ref="B17:D17"/>
    <mergeCell ref="E17:H17"/>
    <mergeCell ref="C18:D18"/>
    <mergeCell ref="E18:H18"/>
    <mergeCell ref="C19:D19"/>
    <mergeCell ref="E19:H19"/>
    <mergeCell ref="C20:D20"/>
    <mergeCell ref="E20:H20"/>
    <mergeCell ref="C21:D21"/>
    <mergeCell ref="E21:H21"/>
    <mergeCell ref="C22:D22"/>
    <mergeCell ref="E22:H22"/>
    <mergeCell ref="C23:D23"/>
    <mergeCell ref="E23:H23"/>
    <mergeCell ref="C24:D24"/>
    <mergeCell ref="E24:H24"/>
    <mergeCell ref="C25:D25"/>
    <mergeCell ref="E25:H25"/>
    <mergeCell ref="C26:D26"/>
    <mergeCell ref="E26:H26"/>
    <mergeCell ref="C27:D27"/>
    <mergeCell ref="E27:H27"/>
    <mergeCell ref="C28:D28"/>
    <mergeCell ref="E28:H28"/>
    <mergeCell ref="C29:D29"/>
    <mergeCell ref="E29:H29"/>
    <mergeCell ref="C30:D30"/>
    <mergeCell ref="E30:H30"/>
    <mergeCell ref="C31:D31"/>
    <mergeCell ref="E31:H31"/>
    <mergeCell ref="C32:D32"/>
    <mergeCell ref="E32:H32"/>
    <mergeCell ref="C33:D33"/>
    <mergeCell ref="E33:H33"/>
    <mergeCell ref="C34:D34"/>
    <mergeCell ref="E34:H34"/>
    <mergeCell ref="C35:D35"/>
    <mergeCell ref="E35:H35"/>
    <mergeCell ref="C41:D41"/>
    <mergeCell ref="E41:H41"/>
    <mergeCell ref="C42:D42"/>
    <mergeCell ref="E42:H42"/>
    <mergeCell ref="C36:D36"/>
    <mergeCell ref="E36:H36"/>
    <mergeCell ref="C37:D37"/>
    <mergeCell ref="E37:H37"/>
    <mergeCell ref="C38:D38"/>
    <mergeCell ref="E38:H38"/>
    <mergeCell ref="C47:D47"/>
    <mergeCell ref="E47:H47"/>
    <mergeCell ref="A7:B7"/>
    <mergeCell ref="C7:H7"/>
    <mergeCell ref="C45:D45"/>
    <mergeCell ref="E45:H45"/>
    <mergeCell ref="C46:D46"/>
    <mergeCell ref="E46:H46"/>
    <mergeCell ref="C43:D43"/>
    <mergeCell ref="E43:H43"/>
    <mergeCell ref="C39:D39"/>
    <mergeCell ref="E39:H39"/>
    <mergeCell ref="C40:D40"/>
    <mergeCell ref="E40:H40"/>
    <mergeCell ref="C44:D44"/>
    <mergeCell ref="E44:H44"/>
  </mergeCells>
  <phoneticPr fontId="6"/>
  <printOptions horizontalCentered="1"/>
  <pageMargins left="0.39370078740157483" right="0.39370078740157483" top="0.59" bottom="0.39" header="0.51181102362204722" footer="0.31"/>
  <pageSetup paperSize="9" orientation="portrait" horizontalDpi="300" verticalDpi="300" r:id="rId3"/>
  <headerFooter alignWithMargins="0"/>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F11"/>
  <sheetViews>
    <sheetView view="pageBreakPreview" zoomScale="85" zoomScaleNormal="100" zoomScaleSheetLayoutView="85" workbookViewId="0"/>
  </sheetViews>
  <sheetFormatPr defaultRowHeight="13.2" x14ac:dyDescent="0.2"/>
  <cols>
    <col min="1" max="1" width="21.21875" style="638" customWidth="1"/>
    <col min="2" max="2" width="17.33203125" style="638" customWidth="1"/>
    <col min="3" max="3" width="16.88671875" style="638" customWidth="1"/>
    <col min="4" max="4" width="19.44140625" style="638" customWidth="1"/>
    <col min="5" max="5" width="16.77734375" style="638" customWidth="1"/>
    <col min="6" max="6" width="16.88671875" style="638" customWidth="1"/>
    <col min="7" max="7" width="4.109375" style="638" customWidth="1"/>
    <col min="8" max="8" width="2.77734375" style="638" customWidth="1"/>
    <col min="9" max="255" width="8.88671875" style="638"/>
    <col min="256" max="256" width="1.21875" style="638" customWidth="1"/>
    <col min="257" max="258" width="17.33203125" style="638" customWidth="1"/>
    <col min="259" max="259" width="16.88671875" style="638" customWidth="1"/>
    <col min="260" max="260" width="19.44140625" style="638" customWidth="1"/>
    <col min="261" max="261" width="16.77734375" style="638" customWidth="1"/>
    <col min="262" max="262" width="16.88671875" style="638" customWidth="1"/>
    <col min="263" max="263" width="4.109375" style="638" customWidth="1"/>
    <col min="264" max="264" width="2.77734375" style="638" customWidth="1"/>
    <col min="265" max="511" width="8.88671875" style="638"/>
    <col min="512" max="512" width="1.21875" style="638" customWidth="1"/>
    <col min="513" max="514" width="17.33203125" style="638" customWidth="1"/>
    <col min="515" max="515" width="16.88671875" style="638" customWidth="1"/>
    <col min="516" max="516" width="19.44140625" style="638" customWidth="1"/>
    <col min="517" max="517" width="16.77734375" style="638" customWidth="1"/>
    <col min="518" max="518" width="16.88671875" style="638" customWidth="1"/>
    <col min="519" max="519" width="4.109375" style="638" customWidth="1"/>
    <col min="520" max="520" width="2.77734375" style="638" customWidth="1"/>
    <col min="521" max="767" width="8.88671875" style="638"/>
    <col min="768" max="768" width="1.21875" style="638" customWidth="1"/>
    <col min="769" max="770" width="17.33203125" style="638" customWidth="1"/>
    <col min="771" max="771" width="16.88671875" style="638" customWidth="1"/>
    <col min="772" max="772" width="19.44140625" style="638" customWidth="1"/>
    <col min="773" max="773" width="16.77734375" style="638" customWidth="1"/>
    <col min="774" max="774" width="16.88671875" style="638" customWidth="1"/>
    <col min="775" max="775" width="4.109375" style="638" customWidth="1"/>
    <col min="776" max="776" width="2.77734375" style="638" customWidth="1"/>
    <col min="777" max="1023" width="8.88671875" style="638"/>
    <col min="1024" max="1024" width="1.21875" style="638" customWidth="1"/>
    <col min="1025" max="1026" width="17.33203125" style="638" customWidth="1"/>
    <col min="1027" max="1027" width="16.88671875" style="638" customWidth="1"/>
    <col min="1028" max="1028" width="19.44140625" style="638" customWidth="1"/>
    <col min="1029" max="1029" width="16.77734375" style="638" customWidth="1"/>
    <col min="1030" max="1030" width="16.88671875" style="638" customWidth="1"/>
    <col min="1031" max="1031" width="4.109375" style="638" customWidth="1"/>
    <col min="1032" max="1032" width="2.77734375" style="638" customWidth="1"/>
    <col min="1033" max="1279" width="8.88671875" style="638"/>
    <col min="1280" max="1280" width="1.21875" style="638" customWidth="1"/>
    <col min="1281" max="1282" width="17.33203125" style="638" customWidth="1"/>
    <col min="1283" max="1283" width="16.88671875" style="638" customWidth="1"/>
    <col min="1284" max="1284" width="19.44140625" style="638" customWidth="1"/>
    <col min="1285" max="1285" width="16.77734375" style="638" customWidth="1"/>
    <col min="1286" max="1286" width="16.88671875" style="638" customWidth="1"/>
    <col min="1287" max="1287" width="4.109375" style="638" customWidth="1"/>
    <col min="1288" max="1288" width="2.77734375" style="638" customWidth="1"/>
    <col min="1289" max="1535" width="8.88671875" style="638"/>
    <col min="1536" max="1536" width="1.21875" style="638" customWidth="1"/>
    <col min="1537" max="1538" width="17.33203125" style="638" customWidth="1"/>
    <col min="1539" max="1539" width="16.88671875" style="638" customWidth="1"/>
    <col min="1540" max="1540" width="19.44140625" style="638" customWidth="1"/>
    <col min="1541" max="1541" width="16.77734375" style="638" customWidth="1"/>
    <col min="1542" max="1542" width="16.88671875" style="638" customWidth="1"/>
    <col min="1543" max="1543" width="4.109375" style="638" customWidth="1"/>
    <col min="1544" max="1544" width="2.77734375" style="638" customWidth="1"/>
    <col min="1545" max="1791" width="8.88671875" style="638"/>
    <col min="1792" max="1792" width="1.21875" style="638" customWidth="1"/>
    <col min="1793" max="1794" width="17.33203125" style="638" customWidth="1"/>
    <col min="1795" max="1795" width="16.88671875" style="638" customWidth="1"/>
    <col min="1796" max="1796" width="19.44140625" style="638" customWidth="1"/>
    <col min="1797" max="1797" width="16.77734375" style="638" customWidth="1"/>
    <col min="1798" max="1798" width="16.88671875" style="638" customWidth="1"/>
    <col min="1799" max="1799" width="4.109375" style="638" customWidth="1"/>
    <col min="1800" max="1800" width="2.77734375" style="638" customWidth="1"/>
    <col min="1801" max="2047" width="8.88671875" style="638"/>
    <col min="2048" max="2048" width="1.21875" style="638" customWidth="1"/>
    <col min="2049" max="2050" width="17.33203125" style="638" customWidth="1"/>
    <col min="2051" max="2051" width="16.88671875" style="638" customWidth="1"/>
    <col min="2052" max="2052" width="19.44140625" style="638" customWidth="1"/>
    <col min="2053" max="2053" width="16.77734375" style="638" customWidth="1"/>
    <col min="2054" max="2054" width="16.88671875" style="638" customWidth="1"/>
    <col min="2055" max="2055" width="4.109375" style="638" customWidth="1"/>
    <col min="2056" max="2056" width="2.77734375" style="638" customWidth="1"/>
    <col min="2057" max="2303" width="8.88671875" style="638"/>
    <col min="2304" max="2304" width="1.21875" style="638" customWidth="1"/>
    <col min="2305" max="2306" width="17.33203125" style="638" customWidth="1"/>
    <col min="2307" max="2307" width="16.88671875" style="638" customWidth="1"/>
    <col min="2308" max="2308" width="19.44140625" style="638" customWidth="1"/>
    <col min="2309" max="2309" width="16.77734375" style="638" customWidth="1"/>
    <col min="2310" max="2310" width="16.88671875" style="638" customWidth="1"/>
    <col min="2311" max="2311" width="4.109375" style="638" customWidth="1"/>
    <col min="2312" max="2312" width="2.77734375" style="638" customWidth="1"/>
    <col min="2313" max="2559" width="8.88671875" style="638"/>
    <col min="2560" max="2560" width="1.21875" style="638" customWidth="1"/>
    <col min="2561" max="2562" width="17.33203125" style="638" customWidth="1"/>
    <col min="2563" max="2563" width="16.88671875" style="638" customWidth="1"/>
    <col min="2564" max="2564" width="19.44140625" style="638" customWidth="1"/>
    <col min="2565" max="2565" width="16.77734375" style="638" customWidth="1"/>
    <col min="2566" max="2566" width="16.88671875" style="638" customWidth="1"/>
    <col min="2567" max="2567" width="4.109375" style="638" customWidth="1"/>
    <col min="2568" max="2568" width="2.77734375" style="638" customWidth="1"/>
    <col min="2569" max="2815" width="8.88671875" style="638"/>
    <col min="2816" max="2816" width="1.21875" style="638" customWidth="1"/>
    <col min="2817" max="2818" width="17.33203125" style="638" customWidth="1"/>
    <col min="2819" max="2819" width="16.88671875" style="638" customWidth="1"/>
    <col min="2820" max="2820" width="19.44140625" style="638" customWidth="1"/>
    <col min="2821" max="2821" width="16.77734375" style="638" customWidth="1"/>
    <col min="2822" max="2822" width="16.88671875" style="638" customWidth="1"/>
    <col min="2823" max="2823" width="4.109375" style="638" customWidth="1"/>
    <col min="2824" max="2824" width="2.77734375" style="638" customWidth="1"/>
    <col min="2825" max="3071" width="8.88671875" style="638"/>
    <col min="3072" max="3072" width="1.21875" style="638" customWidth="1"/>
    <col min="3073" max="3074" width="17.33203125" style="638" customWidth="1"/>
    <col min="3075" max="3075" width="16.88671875" style="638" customWidth="1"/>
    <col min="3076" max="3076" width="19.44140625" style="638" customWidth="1"/>
    <col min="3077" max="3077" width="16.77734375" style="638" customWidth="1"/>
    <col min="3078" max="3078" width="16.88671875" style="638" customWidth="1"/>
    <col min="3079" max="3079" width="4.109375" style="638" customWidth="1"/>
    <col min="3080" max="3080" width="2.77734375" style="638" customWidth="1"/>
    <col min="3081" max="3327" width="8.88671875" style="638"/>
    <col min="3328" max="3328" width="1.21875" style="638" customWidth="1"/>
    <col min="3329" max="3330" width="17.33203125" style="638" customWidth="1"/>
    <col min="3331" max="3331" width="16.88671875" style="638" customWidth="1"/>
    <col min="3332" max="3332" width="19.44140625" style="638" customWidth="1"/>
    <col min="3333" max="3333" width="16.77734375" style="638" customWidth="1"/>
    <col min="3334" max="3334" width="16.88671875" style="638" customWidth="1"/>
    <col min="3335" max="3335" width="4.109375" style="638" customWidth="1"/>
    <col min="3336" max="3336" width="2.77734375" style="638" customWidth="1"/>
    <col min="3337" max="3583" width="8.88671875" style="638"/>
    <col min="3584" max="3584" width="1.21875" style="638" customWidth="1"/>
    <col min="3585" max="3586" width="17.33203125" style="638" customWidth="1"/>
    <col min="3587" max="3587" width="16.88671875" style="638" customWidth="1"/>
    <col min="3588" max="3588" width="19.44140625" style="638" customWidth="1"/>
    <col min="3589" max="3589" width="16.77734375" style="638" customWidth="1"/>
    <col min="3590" max="3590" width="16.88671875" style="638" customWidth="1"/>
    <col min="3591" max="3591" width="4.109375" style="638" customWidth="1"/>
    <col min="3592" max="3592" width="2.77734375" style="638" customWidth="1"/>
    <col min="3593" max="3839" width="8.88671875" style="638"/>
    <col min="3840" max="3840" width="1.21875" style="638" customWidth="1"/>
    <col min="3841" max="3842" width="17.33203125" style="638" customWidth="1"/>
    <col min="3843" max="3843" width="16.88671875" style="638" customWidth="1"/>
    <col min="3844" max="3844" width="19.44140625" style="638" customWidth="1"/>
    <col min="3845" max="3845" width="16.77734375" style="638" customWidth="1"/>
    <col min="3846" max="3846" width="16.88671875" style="638" customWidth="1"/>
    <col min="3847" max="3847" width="4.109375" style="638" customWidth="1"/>
    <col min="3848" max="3848" width="2.77734375" style="638" customWidth="1"/>
    <col min="3849" max="4095" width="8.88671875" style="638"/>
    <col min="4096" max="4096" width="1.21875" style="638" customWidth="1"/>
    <col min="4097" max="4098" width="17.33203125" style="638" customWidth="1"/>
    <col min="4099" max="4099" width="16.88671875" style="638" customWidth="1"/>
    <col min="4100" max="4100" width="19.44140625" style="638" customWidth="1"/>
    <col min="4101" max="4101" width="16.77734375" style="638" customWidth="1"/>
    <col min="4102" max="4102" width="16.88671875" style="638" customWidth="1"/>
    <col min="4103" max="4103" width="4.109375" style="638" customWidth="1"/>
    <col min="4104" max="4104" width="2.77734375" style="638" customWidth="1"/>
    <col min="4105" max="4351" width="8.88671875" style="638"/>
    <col min="4352" max="4352" width="1.21875" style="638" customWidth="1"/>
    <col min="4353" max="4354" width="17.33203125" style="638" customWidth="1"/>
    <col min="4355" max="4355" width="16.88671875" style="638" customWidth="1"/>
    <col min="4356" max="4356" width="19.44140625" style="638" customWidth="1"/>
    <col min="4357" max="4357" width="16.77734375" style="638" customWidth="1"/>
    <col min="4358" max="4358" width="16.88671875" style="638" customWidth="1"/>
    <col min="4359" max="4359" width="4.109375" style="638" customWidth="1"/>
    <col min="4360" max="4360" width="2.77734375" style="638" customWidth="1"/>
    <col min="4361" max="4607" width="8.88671875" style="638"/>
    <col min="4608" max="4608" width="1.21875" style="638" customWidth="1"/>
    <col min="4609" max="4610" width="17.33203125" style="638" customWidth="1"/>
    <col min="4611" max="4611" width="16.88671875" style="638" customWidth="1"/>
    <col min="4612" max="4612" width="19.44140625" style="638" customWidth="1"/>
    <col min="4613" max="4613" width="16.77734375" style="638" customWidth="1"/>
    <col min="4614" max="4614" width="16.88671875" style="638" customWidth="1"/>
    <col min="4615" max="4615" width="4.109375" style="638" customWidth="1"/>
    <col min="4616" max="4616" width="2.77734375" style="638" customWidth="1"/>
    <col min="4617" max="4863" width="8.88671875" style="638"/>
    <col min="4864" max="4864" width="1.21875" style="638" customWidth="1"/>
    <col min="4865" max="4866" width="17.33203125" style="638" customWidth="1"/>
    <col min="4867" max="4867" width="16.88671875" style="638" customWidth="1"/>
    <col min="4868" max="4868" width="19.44140625" style="638" customWidth="1"/>
    <col min="4869" max="4869" width="16.77734375" style="638" customWidth="1"/>
    <col min="4870" max="4870" width="16.88671875" style="638" customWidth="1"/>
    <col min="4871" max="4871" width="4.109375" style="638" customWidth="1"/>
    <col min="4872" max="4872" width="2.77734375" style="638" customWidth="1"/>
    <col min="4873" max="5119" width="8.88671875" style="638"/>
    <col min="5120" max="5120" width="1.21875" style="638" customWidth="1"/>
    <col min="5121" max="5122" width="17.33203125" style="638" customWidth="1"/>
    <col min="5123" max="5123" width="16.88671875" style="638" customWidth="1"/>
    <col min="5124" max="5124" width="19.44140625" style="638" customWidth="1"/>
    <col min="5125" max="5125" width="16.77734375" style="638" customWidth="1"/>
    <col min="5126" max="5126" width="16.88671875" style="638" customWidth="1"/>
    <col min="5127" max="5127" width="4.109375" style="638" customWidth="1"/>
    <col min="5128" max="5128" width="2.77734375" style="638" customWidth="1"/>
    <col min="5129" max="5375" width="8.88671875" style="638"/>
    <col min="5376" max="5376" width="1.21875" style="638" customWidth="1"/>
    <col min="5377" max="5378" width="17.33203125" style="638" customWidth="1"/>
    <col min="5379" max="5379" width="16.88671875" style="638" customWidth="1"/>
    <col min="5380" max="5380" width="19.44140625" style="638" customWidth="1"/>
    <col min="5381" max="5381" width="16.77734375" style="638" customWidth="1"/>
    <col min="5382" max="5382" width="16.88671875" style="638" customWidth="1"/>
    <col min="5383" max="5383" width="4.109375" style="638" customWidth="1"/>
    <col min="5384" max="5384" width="2.77734375" style="638" customWidth="1"/>
    <col min="5385" max="5631" width="8.88671875" style="638"/>
    <col min="5632" max="5632" width="1.21875" style="638" customWidth="1"/>
    <col min="5633" max="5634" width="17.33203125" style="638" customWidth="1"/>
    <col min="5635" max="5635" width="16.88671875" style="638" customWidth="1"/>
    <col min="5636" max="5636" width="19.44140625" style="638" customWidth="1"/>
    <col min="5637" max="5637" width="16.77734375" style="638" customWidth="1"/>
    <col min="5638" max="5638" width="16.88671875" style="638" customWidth="1"/>
    <col min="5639" max="5639" width="4.109375" style="638" customWidth="1"/>
    <col min="5640" max="5640" width="2.77734375" style="638" customWidth="1"/>
    <col min="5641" max="5887" width="8.88671875" style="638"/>
    <col min="5888" max="5888" width="1.21875" style="638" customWidth="1"/>
    <col min="5889" max="5890" width="17.33203125" style="638" customWidth="1"/>
    <col min="5891" max="5891" width="16.88671875" style="638" customWidth="1"/>
    <col min="5892" max="5892" width="19.44140625" style="638" customWidth="1"/>
    <col min="5893" max="5893" width="16.77734375" style="638" customWidth="1"/>
    <col min="5894" max="5894" width="16.88671875" style="638" customWidth="1"/>
    <col min="5895" max="5895" width="4.109375" style="638" customWidth="1"/>
    <col min="5896" max="5896" width="2.77734375" style="638" customWidth="1"/>
    <col min="5897" max="6143" width="8.88671875" style="638"/>
    <col min="6144" max="6144" width="1.21875" style="638" customWidth="1"/>
    <col min="6145" max="6146" width="17.33203125" style="638" customWidth="1"/>
    <col min="6147" max="6147" width="16.88671875" style="638" customWidth="1"/>
    <col min="6148" max="6148" width="19.44140625" style="638" customWidth="1"/>
    <col min="6149" max="6149" width="16.77734375" style="638" customWidth="1"/>
    <col min="6150" max="6150" width="16.88671875" style="638" customWidth="1"/>
    <col min="6151" max="6151" width="4.109375" style="638" customWidth="1"/>
    <col min="6152" max="6152" width="2.77734375" style="638" customWidth="1"/>
    <col min="6153" max="6399" width="8.88671875" style="638"/>
    <col min="6400" max="6400" width="1.21875" style="638" customWidth="1"/>
    <col min="6401" max="6402" width="17.33203125" style="638" customWidth="1"/>
    <col min="6403" max="6403" width="16.88671875" style="638" customWidth="1"/>
    <col min="6404" max="6404" width="19.44140625" style="638" customWidth="1"/>
    <col min="6405" max="6405" width="16.77734375" style="638" customWidth="1"/>
    <col min="6406" max="6406" width="16.88671875" style="638" customWidth="1"/>
    <col min="6407" max="6407" width="4.109375" style="638" customWidth="1"/>
    <col min="6408" max="6408" width="2.77734375" style="638" customWidth="1"/>
    <col min="6409" max="6655" width="8.88671875" style="638"/>
    <col min="6656" max="6656" width="1.21875" style="638" customWidth="1"/>
    <col min="6657" max="6658" width="17.33203125" style="638" customWidth="1"/>
    <col min="6659" max="6659" width="16.88671875" style="638" customWidth="1"/>
    <col min="6660" max="6660" width="19.44140625" style="638" customWidth="1"/>
    <col min="6661" max="6661" width="16.77734375" style="638" customWidth="1"/>
    <col min="6662" max="6662" width="16.88671875" style="638" customWidth="1"/>
    <col min="6663" max="6663" width="4.109375" style="638" customWidth="1"/>
    <col min="6664" max="6664" width="2.77734375" style="638" customWidth="1"/>
    <col min="6665" max="6911" width="8.88671875" style="638"/>
    <col min="6912" max="6912" width="1.21875" style="638" customWidth="1"/>
    <col min="6913" max="6914" width="17.33203125" style="638" customWidth="1"/>
    <col min="6915" max="6915" width="16.88671875" style="638" customWidth="1"/>
    <col min="6916" max="6916" width="19.44140625" style="638" customWidth="1"/>
    <col min="6917" max="6917" width="16.77734375" style="638" customWidth="1"/>
    <col min="6918" max="6918" width="16.88671875" style="638" customWidth="1"/>
    <col min="6919" max="6919" width="4.109375" style="638" customWidth="1"/>
    <col min="6920" max="6920" width="2.77734375" style="638" customWidth="1"/>
    <col min="6921" max="7167" width="8.88671875" style="638"/>
    <col min="7168" max="7168" width="1.21875" style="638" customWidth="1"/>
    <col min="7169" max="7170" width="17.33203125" style="638" customWidth="1"/>
    <col min="7171" max="7171" width="16.88671875" style="638" customWidth="1"/>
    <col min="7172" max="7172" width="19.44140625" style="638" customWidth="1"/>
    <col min="7173" max="7173" width="16.77734375" style="638" customWidth="1"/>
    <col min="7174" max="7174" width="16.88671875" style="638" customWidth="1"/>
    <col min="7175" max="7175" width="4.109375" style="638" customWidth="1"/>
    <col min="7176" max="7176" width="2.77734375" style="638" customWidth="1"/>
    <col min="7177" max="7423" width="8.88671875" style="638"/>
    <col min="7424" max="7424" width="1.21875" style="638" customWidth="1"/>
    <col min="7425" max="7426" width="17.33203125" style="638" customWidth="1"/>
    <col min="7427" max="7427" width="16.88671875" style="638" customWidth="1"/>
    <col min="7428" max="7428" width="19.44140625" style="638" customWidth="1"/>
    <col min="7429" max="7429" width="16.77734375" style="638" customWidth="1"/>
    <col min="7430" max="7430" width="16.88671875" style="638" customWidth="1"/>
    <col min="7431" max="7431" width="4.109375" style="638" customWidth="1"/>
    <col min="7432" max="7432" width="2.77734375" style="638" customWidth="1"/>
    <col min="7433" max="7679" width="8.88671875" style="638"/>
    <col min="7680" max="7680" width="1.21875" style="638" customWidth="1"/>
    <col min="7681" max="7682" width="17.33203125" style="638" customWidth="1"/>
    <col min="7683" max="7683" width="16.88671875" style="638" customWidth="1"/>
    <col min="7684" max="7684" width="19.44140625" style="638" customWidth="1"/>
    <col min="7685" max="7685" width="16.77734375" style="638" customWidth="1"/>
    <col min="7686" max="7686" width="16.88671875" style="638" customWidth="1"/>
    <col min="7687" max="7687" width="4.109375" style="638" customWidth="1"/>
    <col min="7688" max="7688" width="2.77734375" style="638" customWidth="1"/>
    <col min="7689" max="7935" width="8.88671875" style="638"/>
    <col min="7936" max="7936" width="1.21875" style="638" customWidth="1"/>
    <col min="7937" max="7938" width="17.33203125" style="638" customWidth="1"/>
    <col min="7939" max="7939" width="16.88671875" style="638" customWidth="1"/>
    <col min="7940" max="7940" width="19.44140625" style="638" customWidth="1"/>
    <col min="7941" max="7941" width="16.77734375" style="638" customWidth="1"/>
    <col min="7942" max="7942" width="16.88671875" style="638" customWidth="1"/>
    <col min="7943" max="7943" width="4.109375" style="638" customWidth="1"/>
    <col min="7944" max="7944" width="2.77734375" style="638" customWidth="1"/>
    <col min="7945" max="8191" width="8.88671875" style="638"/>
    <col min="8192" max="8192" width="1.21875" style="638" customWidth="1"/>
    <col min="8193" max="8194" width="17.33203125" style="638" customWidth="1"/>
    <col min="8195" max="8195" width="16.88671875" style="638" customWidth="1"/>
    <col min="8196" max="8196" width="19.44140625" style="638" customWidth="1"/>
    <col min="8197" max="8197" width="16.77734375" style="638" customWidth="1"/>
    <col min="8198" max="8198" width="16.88671875" style="638" customWidth="1"/>
    <col min="8199" max="8199" width="4.109375" style="638" customWidth="1"/>
    <col min="8200" max="8200" width="2.77734375" style="638" customWidth="1"/>
    <col min="8201" max="8447" width="8.88671875" style="638"/>
    <col min="8448" max="8448" width="1.21875" style="638" customWidth="1"/>
    <col min="8449" max="8450" width="17.33203125" style="638" customWidth="1"/>
    <col min="8451" max="8451" width="16.88671875" style="638" customWidth="1"/>
    <col min="8452" max="8452" width="19.44140625" style="638" customWidth="1"/>
    <col min="8453" max="8453" width="16.77734375" style="638" customWidth="1"/>
    <col min="8454" max="8454" width="16.88671875" style="638" customWidth="1"/>
    <col min="8455" max="8455" width="4.109375" style="638" customWidth="1"/>
    <col min="8456" max="8456" width="2.77734375" style="638" customWidth="1"/>
    <col min="8457" max="8703" width="8.88671875" style="638"/>
    <col min="8704" max="8704" width="1.21875" style="638" customWidth="1"/>
    <col min="8705" max="8706" width="17.33203125" style="638" customWidth="1"/>
    <col min="8707" max="8707" width="16.88671875" style="638" customWidth="1"/>
    <col min="8708" max="8708" width="19.44140625" style="638" customWidth="1"/>
    <col min="8709" max="8709" width="16.77734375" style="638" customWidth="1"/>
    <col min="8710" max="8710" width="16.88671875" style="638" customWidth="1"/>
    <col min="8711" max="8711" width="4.109375" style="638" customWidth="1"/>
    <col min="8712" max="8712" width="2.77734375" style="638" customWidth="1"/>
    <col min="8713" max="8959" width="8.88671875" style="638"/>
    <col min="8960" max="8960" width="1.21875" style="638" customWidth="1"/>
    <col min="8961" max="8962" width="17.33203125" style="638" customWidth="1"/>
    <col min="8963" max="8963" width="16.88671875" style="638" customWidth="1"/>
    <col min="8964" max="8964" width="19.44140625" style="638" customWidth="1"/>
    <col min="8965" max="8965" width="16.77734375" style="638" customWidth="1"/>
    <col min="8966" max="8966" width="16.88671875" style="638" customWidth="1"/>
    <col min="8967" max="8967" width="4.109375" style="638" customWidth="1"/>
    <col min="8968" max="8968" width="2.77734375" style="638" customWidth="1"/>
    <col min="8969" max="9215" width="8.88671875" style="638"/>
    <col min="9216" max="9216" width="1.21875" style="638" customWidth="1"/>
    <col min="9217" max="9218" width="17.33203125" style="638" customWidth="1"/>
    <col min="9219" max="9219" width="16.88671875" style="638" customWidth="1"/>
    <col min="9220" max="9220" width="19.44140625" style="638" customWidth="1"/>
    <col min="9221" max="9221" width="16.77734375" style="638" customWidth="1"/>
    <col min="9222" max="9222" width="16.88671875" style="638" customWidth="1"/>
    <col min="9223" max="9223" width="4.109375" style="638" customWidth="1"/>
    <col min="9224" max="9224" width="2.77734375" style="638" customWidth="1"/>
    <col min="9225" max="9471" width="8.88671875" style="638"/>
    <col min="9472" max="9472" width="1.21875" style="638" customWidth="1"/>
    <col min="9473" max="9474" width="17.33203125" style="638" customWidth="1"/>
    <col min="9475" max="9475" width="16.88671875" style="638" customWidth="1"/>
    <col min="9476" max="9476" width="19.44140625" style="638" customWidth="1"/>
    <col min="9477" max="9477" width="16.77734375" style="638" customWidth="1"/>
    <col min="9478" max="9478" width="16.88671875" style="638" customWidth="1"/>
    <col min="9479" max="9479" width="4.109375" style="638" customWidth="1"/>
    <col min="9480" max="9480" width="2.77734375" style="638" customWidth="1"/>
    <col min="9481" max="9727" width="8.88671875" style="638"/>
    <col min="9728" max="9728" width="1.21875" style="638" customWidth="1"/>
    <col min="9729" max="9730" width="17.33203125" style="638" customWidth="1"/>
    <col min="9731" max="9731" width="16.88671875" style="638" customWidth="1"/>
    <col min="9732" max="9732" width="19.44140625" style="638" customWidth="1"/>
    <col min="9733" max="9733" width="16.77734375" style="638" customWidth="1"/>
    <col min="9734" max="9734" width="16.88671875" style="638" customWidth="1"/>
    <col min="9735" max="9735" width="4.109375" style="638" customWidth="1"/>
    <col min="9736" max="9736" width="2.77734375" style="638" customWidth="1"/>
    <col min="9737" max="9983" width="8.88671875" style="638"/>
    <col min="9984" max="9984" width="1.21875" style="638" customWidth="1"/>
    <col min="9985" max="9986" width="17.33203125" style="638" customWidth="1"/>
    <col min="9987" max="9987" width="16.88671875" style="638" customWidth="1"/>
    <col min="9988" max="9988" width="19.44140625" style="638" customWidth="1"/>
    <col min="9989" max="9989" width="16.77734375" style="638" customWidth="1"/>
    <col min="9990" max="9990" width="16.88671875" style="638" customWidth="1"/>
    <col min="9991" max="9991" width="4.109375" style="638" customWidth="1"/>
    <col min="9992" max="9992" width="2.77734375" style="638" customWidth="1"/>
    <col min="9993" max="10239" width="8.88671875" style="638"/>
    <col min="10240" max="10240" width="1.21875" style="638" customWidth="1"/>
    <col min="10241" max="10242" width="17.33203125" style="638" customWidth="1"/>
    <col min="10243" max="10243" width="16.88671875" style="638" customWidth="1"/>
    <col min="10244" max="10244" width="19.44140625" style="638" customWidth="1"/>
    <col min="10245" max="10245" width="16.77734375" style="638" customWidth="1"/>
    <col min="10246" max="10246" width="16.88671875" style="638" customWidth="1"/>
    <col min="10247" max="10247" width="4.109375" style="638" customWidth="1"/>
    <col min="10248" max="10248" width="2.77734375" style="638" customWidth="1"/>
    <col min="10249" max="10495" width="8.88671875" style="638"/>
    <col min="10496" max="10496" width="1.21875" style="638" customWidth="1"/>
    <col min="10497" max="10498" width="17.33203125" style="638" customWidth="1"/>
    <col min="10499" max="10499" width="16.88671875" style="638" customWidth="1"/>
    <col min="10500" max="10500" width="19.44140625" style="638" customWidth="1"/>
    <col min="10501" max="10501" width="16.77734375" style="638" customWidth="1"/>
    <col min="10502" max="10502" width="16.88671875" style="638" customWidth="1"/>
    <col min="10503" max="10503" width="4.109375" style="638" customWidth="1"/>
    <col min="10504" max="10504" width="2.77734375" style="638" customWidth="1"/>
    <col min="10505" max="10751" width="8.88671875" style="638"/>
    <col min="10752" max="10752" width="1.21875" style="638" customWidth="1"/>
    <col min="10753" max="10754" width="17.33203125" style="638" customWidth="1"/>
    <col min="10755" max="10755" width="16.88671875" style="638" customWidth="1"/>
    <col min="10756" max="10756" width="19.44140625" style="638" customWidth="1"/>
    <col min="10757" max="10757" width="16.77734375" style="638" customWidth="1"/>
    <col min="10758" max="10758" width="16.88671875" style="638" customWidth="1"/>
    <col min="10759" max="10759" width="4.109375" style="638" customWidth="1"/>
    <col min="10760" max="10760" width="2.77734375" style="638" customWidth="1"/>
    <col min="10761" max="11007" width="8.88671875" style="638"/>
    <col min="11008" max="11008" width="1.21875" style="638" customWidth="1"/>
    <col min="11009" max="11010" width="17.33203125" style="638" customWidth="1"/>
    <col min="11011" max="11011" width="16.88671875" style="638" customWidth="1"/>
    <col min="11012" max="11012" width="19.44140625" style="638" customWidth="1"/>
    <col min="11013" max="11013" width="16.77734375" style="638" customWidth="1"/>
    <col min="11014" max="11014" width="16.88671875" style="638" customWidth="1"/>
    <col min="11015" max="11015" width="4.109375" style="638" customWidth="1"/>
    <col min="11016" max="11016" width="2.77734375" style="638" customWidth="1"/>
    <col min="11017" max="11263" width="8.88671875" style="638"/>
    <col min="11264" max="11264" width="1.21875" style="638" customWidth="1"/>
    <col min="11265" max="11266" width="17.33203125" style="638" customWidth="1"/>
    <col min="11267" max="11267" width="16.88671875" style="638" customWidth="1"/>
    <col min="11268" max="11268" width="19.44140625" style="638" customWidth="1"/>
    <col min="11269" max="11269" width="16.77734375" style="638" customWidth="1"/>
    <col min="11270" max="11270" width="16.88671875" style="638" customWidth="1"/>
    <col min="11271" max="11271" width="4.109375" style="638" customWidth="1"/>
    <col min="11272" max="11272" width="2.77734375" style="638" customWidth="1"/>
    <col min="11273" max="11519" width="8.88671875" style="638"/>
    <col min="11520" max="11520" width="1.21875" style="638" customWidth="1"/>
    <col min="11521" max="11522" width="17.33203125" style="638" customWidth="1"/>
    <col min="11523" max="11523" width="16.88671875" style="638" customWidth="1"/>
    <col min="11524" max="11524" width="19.44140625" style="638" customWidth="1"/>
    <col min="11525" max="11525" width="16.77734375" style="638" customWidth="1"/>
    <col min="11526" max="11526" width="16.88671875" style="638" customWidth="1"/>
    <col min="11527" max="11527" width="4.109375" style="638" customWidth="1"/>
    <col min="11528" max="11528" width="2.77734375" style="638" customWidth="1"/>
    <col min="11529" max="11775" width="8.88671875" style="638"/>
    <col min="11776" max="11776" width="1.21875" style="638" customWidth="1"/>
    <col min="11777" max="11778" width="17.33203125" style="638" customWidth="1"/>
    <col min="11779" max="11779" width="16.88671875" style="638" customWidth="1"/>
    <col min="11780" max="11780" width="19.44140625" style="638" customWidth="1"/>
    <col min="11781" max="11781" width="16.77734375" style="638" customWidth="1"/>
    <col min="11782" max="11782" width="16.88671875" style="638" customWidth="1"/>
    <col min="11783" max="11783" width="4.109375" style="638" customWidth="1"/>
    <col min="11784" max="11784" width="2.77734375" style="638" customWidth="1"/>
    <col min="11785" max="12031" width="8.88671875" style="638"/>
    <col min="12032" max="12032" width="1.21875" style="638" customWidth="1"/>
    <col min="12033" max="12034" width="17.33203125" style="638" customWidth="1"/>
    <col min="12035" max="12035" width="16.88671875" style="638" customWidth="1"/>
    <col min="12036" max="12036" width="19.44140625" style="638" customWidth="1"/>
    <col min="12037" max="12037" width="16.77734375" style="638" customWidth="1"/>
    <col min="12038" max="12038" width="16.88671875" style="638" customWidth="1"/>
    <col min="12039" max="12039" width="4.109375" style="638" customWidth="1"/>
    <col min="12040" max="12040" width="2.77734375" style="638" customWidth="1"/>
    <col min="12041" max="12287" width="8.88671875" style="638"/>
    <col min="12288" max="12288" width="1.21875" style="638" customWidth="1"/>
    <col min="12289" max="12290" width="17.33203125" style="638" customWidth="1"/>
    <col min="12291" max="12291" width="16.88671875" style="638" customWidth="1"/>
    <col min="12292" max="12292" width="19.44140625" style="638" customWidth="1"/>
    <col min="12293" max="12293" width="16.77734375" style="638" customWidth="1"/>
    <col min="12294" max="12294" width="16.88671875" style="638" customWidth="1"/>
    <col min="12295" max="12295" width="4.109375" style="638" customWidth="1"/>
    <col min="12296" max="12296" width="2.77734375" style="638" customWidth="1"/>
    <col min="12297" max="12543" width="8.88671875" style="638"/>
    <col min="12544" max="12544" width="1.21875" style="638" customWidth="1"/>
    <col min="12545" max="12546" width="17.33203125" style="638" customWidth="1"/>
    <col min="12547" max="12547" width="16.88671875" style="638" customWidth="1"/>
    <col min="12548" max="12548" width="19.44140625" style="638" customWidth="1"/>
    <col min="12549" max="12549" width="16.77734375" style="638" customWidth="1"/>
    <col min="12550" max="12550" width="16.88671875" style="638" customWidth="1"/>
    <col min="12551" max="12551" width="4.109375" style="638" customWidth="1"/>
    <col min="12552" max="12552" width="2.77734375" style="638" customWidth="1"/>
    <col min="12553" max="12799" width="8.88671875" style="638"/>
    <col min="12800" max="12800" width="1.21875" style="638" customWidth="1"/>
    <col min="12801" max="12802" width="17.33203125" style="638" customWidth="1"/>
    <col min="12803" max="12803" width="16.88671875" style="638" customWidth="1"/>
    <col min="12804" max="12804" width="19.44140625" style="638" customWidth="1"/>
    <col min="12805" max="12805" width="16.77734375" style="638" customWidth="1"/>
    <col min="12806" max="12806" width="16.88671875" style="638" customWidth="1"/>
    <col min="12807" max="12807" width="4.109375" style="638" customWidth="1"/>
    <col min="12808" max="12808" width="2.77734375" style="638" customWidth="1"/>
    <col min="12809" max="13055" width="8.88671875" style="638"/>
    <col min="13056" max="13056" width="1.21875" style="638" customWidth="1"/>
    <col min="13057" max="13058" width="17.33203125" style="638" customWidth="1"/>
    <col min="13059" max="13059" width="16.88671875" style="638" customWidth="1"/>
    <col min="13060" max="13060" width="19.44140625" style="638" customWidth="1"/>
    <col min="13061" max="13061" width="16.77734375" style="638" customWidth="1"/>
    <col min="13062" max="13062" width="16.88671875" style="638" customWidth="1"/>
    <col min="13063" max="13063" width="4.109375" style="638" customWidth="1"/>
    <col min="13064" max="13064" width="2.77734375" style="638" customWidth="1"/>
    <col min="13065" max="13311" width="8.88671875" style="638"/>
    <col min="13312" max="13312" width="1.21875" style="638" customWidth="1"/>
    <col min="13313" max="13314" width="17.33203125" style="638" customWidth="1"/>
    <col min="13315" max="13315" width="16.88671875" style="638" customWidth="1"/>
    <col min="13316" max="13316" width="19.44140625" style="638" customWidth="1"/>
    <col min="13317" max="13317" width="16.77734375" style="638" customWidth="1"/>
    <col min="13318" max="13318" width="16.88671875" style="638" customWidth="1"/>
    <col min="13319" max="13319" width="4.109375" style="638" customWidth="1"/>
    <col min="13320" max="13320" width="2.77734375" style="638" customWidth="1"/>
    <col min="13321" max="13567" width="8.88671875" style="638"/>
    <col min="13568" max="13568" width="1.21875" style="638" customWidth="1"/>
    <col min="13569" max="13570" width="17.33203125" style="638" customWidth="1"/>
    <col min="13571" max="13571" width="16.88671875" style="638" customWidth="1"/>
    <col min="13572" max="13572" width="19.44140625" style="638" customWidth="1"/>
    <col min="13573" max="13573" width="16.77734375" style="638" customWidth="1"/>
    <col min="13574" max="13574" width="16.88671875" style="638" customWidth="1"/>
    <col min="13575" max="13575" width="4.109375" style="638" customWidth="1"/>
    <col min="13576" max="13576" width="2.77734375" style="638" customWidth="1"/>
    <col min="13577" max="13823" width="8.88671875" style="638"/>
    <col min="13824" max="13824" width="1.21875" style="638" customWidth="1"/>
    <col min="13825" max="13826" width="17.33203125" style="638" customWidth="1"/>
    <col min="13827" max="13827" width="16.88671875" style="638" customWidth="1"/>
    <col min="13828" max="13828" width="19.44140625" style="638" customWidth="1"/>
    <col min="13829" max="13829" width="16.77734375" style="638" customWidth="1"/>
    <col min="13830" max="13830" width="16.88671875" style="638" customWidth="1"/>
    <col min="13831" max="13831" width="4.109375" style="638" customWidth="1"/>
    <col min="13832" max="13832" width="2.77734375" style="638" customWidth="1"/>
    <col min="13833" max="14079" width="8.88671875" style="638"/>
    <col min="14080" max="14080" width="1.21875" style="638" customWidth="1"/>
    <col min="14081" max="14082" width="17.33203125" style="638" customWidth="1"/>
    <col min="14083" max="14083" width="16.88671875" style="638" customWidth="1"/>
    <col min="14084" max="14084" width="19.44140625" style="638" customWidth="1"/>
    <col min="14085" max="14085" width="16.77734375" style="638" customWidth="1"/>
    <col min="14086" max="14086" width="16.88671875" style="638" customWidth="1"/>
    <col min="14087" max="14087" width="4.109375" style="638" customWidth="1"/>
    <col min="14088" max="14088" width="2.77734375" style="638" customWidth="1"/>
    <col min="14089" max="14335" width="8.88671875" style="638"/>
    <col min="14336" max="14336" width="1.21875" style="638" customWidth="1"/>
    <col min="14337" max="14338" width="17.33203125" style="638" customWidth="1"/>
    <col min="14339" max="14339" width="16.88671875" style="638" customWidth="1"/>
    <col min="14340" max="14340" width="19.44140625" style="638" customWidth="1"/>
    <col min="14341" max="14341" width="16.77734375" style="638" customWidth="1"/>
    <col min="14342" max="14342" width="16.88671875" style="638" customWidth="1"/>
    <col min="14343" max="14343" width="4.109375" style="638" customWidth="1"/>
    <col min="14344" max="14344" width="2.77734375" style="638" customWidth="1"/>
    <col min="14345" max="14591" width="8.88671875" style="638"/>
    <col min="14592" max="14592" width="1.21875" style="638" customWidth="1"/>
    <col min="14593" max="14594" width="17.33203125" style="638" customWidth="1"/>
    <col min="14595" max="14595" width="16.88671875" style="638" customWidth="1"/>
    <col min="14596" max="14596" width="19.44140625" style="638" customWidth="1"/>
    <col min="14597" max="14597" width="16.77734375" style="638" customWidth="1"/>
    <col min="14598" max="14598" width="16.88671875" style="638" customWidth="1"/>
    <col min="14599" max="14599" width="4.109375" style="638" customWidth="1"/>
    <col min="14600" max="14600" width="2.77734375" style="638" customWidth="1"/>
    <col min="14601" max="14847" width="8.88671875" style="638"/>
    <col min="14848" max="14848" width="1.21875" style="638" customWidth="1"/>
    <col min="14849" max="14850" width="17.33203125" style="638" customWidth="1"/>
    <col min="14851" max="14851" width="16.88671875" style="638" customWidth="1"/>
    <col min="14852" max="14852" width="19.44140625" style="638" customWidth="1"/>
    <col min="14853" max="14853" width="16.77734375" style="638" customWidth="1"/>
    <col min="14854" max="14854" width="16.88671875" style="638" customWidth="1"/>
    <col min="14855" max="14855" width="4.109375" style="638" customWidth="1"/>
    <col min="14856" max="14856" width="2.77734375" style="638" customWidth="1"/>
    <col min="14857" max="15103" width="8.88671875" style="638"/>
    <col min="15104" max="15104" width="1.21875" style="638" customWidth="1"/>
    <col min="15105" max="15106" width="17.33203125" style="638" customWidth="1"/>
    <col min="15107" max="15107" width="16.88671875" style="638" customWidth="1"/>
    <col min="15108" max="15108" width="19.44140625" style="638" customWidth="1"/>
    <col min="15109" max="15109" width="16.77734375" style="638" customWidth="1"/>
    <col min="15110" max="15110" width="16.88671875" style="638" customWidth="1"/>
    <col min="15111" max="15111" width="4.109375" style="638" customWidth="1"/>
    <col min="15112" max="15112" width="2.77734375" style="638" customWidth="1"/>
    <col min="15113" max="15359" width="8.88671875" style="638"/>
    <col min="15360" max="15360" width="1.21875" style="638" customWidth="1"/>
    <col min="15361" max="15362" width="17.33203125" style="638" customWidth="1"/>
    <col min="15363" max="15363" width="16.88671875" style="638" customWidth="1"/>
    <col min="15364" max="15364" width="19.44140625" style="638" customWidth="1"/>
    <col min="15365" max="15365" width="16.77734375" style="638" customWidth="1"/>
    <col min="15366" max="15366" width="16.88671875" style="638" customWidth="1"/>
    <col min="15367" max="15367" width="4.109375" style="638" customWidth="1"/>
    <col min="15368" max="15368" width="2.77734375" style="638" customWidth="1"/>
    <col min="15369" max="15615" width="8.88671875" style="638"/>
    <col min="15616" max="15616" width="1.21875" style="638" customWidth="1"/>
    <col min="15617" max="15618" width="17.33203125" style="638" customWidth="1"/>
    <col min="15619" max="15619" width="16.88671875" style="638" customWidth="1"/>
    <col min="15620" max="15620" width="19.44140625" style="638" customWidth="1"/>
    <col min="15621" max="15621" width="16.77734375" style="638" customWidth="1"/>
    <col min="15622" max="15622" width="16.88671875" style="638" customWidth="1"/>
    <col min="15623" max="15623" width="4.109375" style="638" customWidth="1"/>
    <col min="15624" max="15624" width="2.77734375" style="638" customWidth="1"/>
    <col min="15625" max="15871" width="8.88671875" style="638"/>
    <col min="15872" max="15872" width="1.21875" style="638" customWidth="1"/>
    <col min="15873" max="15874" width="17.33203125" style="638" customWidth="1"/>
    <col min="15875" max="15875" width="16.88671875" style="638" customWidth="1"/>
    <col min="15876" max="15876" width="19.44140625" style="638" customWidth="1"/>
    <col min="15877" max="15877" width="16.77734375" style="638" customWidth="1"/>
    <col min="15878" max="15878" width="16.88671875" style="638" customWidth="1"/>
    <col min="15879" max="15879" width="4.109375" style="638" customWidth="1"/>
    <col min="15880" max="15880" width="2.77734375" style="638" customWidth="1"/>
    <col min="15881" max="16127" width="8.88671875" style="638"/>
    <col min="16128" max="16128" width="1.21875" style="638" customWidth="1"/>
    <col min="16129" max="16130" width="17.33203125" style="638" customWidth="1"/>
    <col min="16131" max="16131" width="16.88671875" style="638" customWidth="1"/>
    <col min="16132" max="16132" width="19.44140625" style="638" customWidth="1"/>
    <col min="16133" max="16133" width="16.77734375" style="638" customWidth="1"/>
    <col min="16134" max="16134" width="16.88671875" style="638" customWidth="1"/>
    <col min="16135" max="16135" width="4.109375" style="638" customWidth="1"/>
    <col min="16136" max="16136" width="2.77734375" style="638" customWidth="1"/>
    <col min="16137" max="16384" width="8.88671875" style="638"/>
  </cols>
  <sheetData>
    <row r="1" spans="1:6" ht="20.100000000000001" customHeight="1" x14ac:dyDescent="0.2">
      <c r="A1" s="661" t="s">
        <v>1083</v>
      </c>
    </row>
    <row r="2" spans="1:6" ht="20.100000000000001" customHeight="1" x14ac:dyDescent="0.2">
      <c r="E2" s="1805" t="s">
        <v>723</v>
      </c>
      <c r="F2" s="1805"/>
    </row>
    <row r="3" spans="1:6" ht="20.100000000000001" customHeight="1" x14ac:dyDescent="0.2">
      <c r="E3" s="655"/>
      <c r="F3" s="655"/>
    </row>
    <row r="4" spans="1:6" ht="20.100000000000001" customHeight="1" x14ac:dyDescent="0.2">
      <c r="A4" s="1806" t="s">
        <v>1076</v>
      </c>
      <c r="B4" s="1806"/>
      <c r="C4" s="1806"/>
      <c r="D4" s="1806"/>
      <c r="E4" s="1806"/>
      <c r="F4" s="1806"/>
    </row>
    <row r="5" spans="1:6" ht="20.100000000000001" customHeight="1" x14ac:dyDescent="0.2">
      <c r="A5" s="656"/>
      <c r="B5" s="656"/>
      <c r="C5" s="656"/>
      <c r="D5" s="656"/>
      <c r="E5" s="656"/>
      <c r="F5" s="656"/>
    </row>
    <row r="6" spans="1:6" ht="50.1" customHeight="1" x14ac:dyDescent="0.2">
      <c r="A6" s="640" t="s">
        <v>1077</v>
      </c>
      <c r="B6" s="1807"/>
      <c r="C6" s="1808"/>
      <c r="D6" s="1808"/>
      <c r="E6" s="1808"/>
      <c r="F6" s="1809"/>
    </row>
    <row r="7" spans="1:6" ht="50.1" customHeight="1" x14ac:dyDescent="0.2">
      <c r="A7" s="657" t="s">
        <v>81</v>
      </c>
      <c r="B7" s="1810" t="s">
        <v>45</v>
      </c>
      <c r="C7" s="1810"/>
      <c r="D7" s="1810"/>
      <c r="E7" s="1810"/>
      <c r="F7" s="1811"/>
    </row>
    <row r="8" spans="1:6" ht="28.5" customHeight="1" x14ac:dyDescent="0.2">
      <c r="A8" s="1812" t="s">
        <v>1078</v>
      </c>
      <c r="B8" s="1815" t="s">
        <v>1079</v>
      </c>
      <c r="C8" s="1816"/>
      <c r="D8" s="1816"/>
      <c r="E8" s="1817"/>
      <c r="F8" s="658"/>
    </row>
    <row r="9" spans="1:6" ht="112.5" customHeight="1" x14ac:dyDescent="0.2">
      <c r="A9" s="1813"/>
      <c r="B9" s="1818" t="s">
        <v>1080</v>
      </c>
      <c r="C9" s="1819"/>
      <c r="D9" s="1819"/>
      <c r="E9" s="1820"/>
      <c r="F9" s="659" t="s">
        <v>1081</v>
      </c>
    </row>
    <row r="10" spans="1:6" ht="103.5" customHeight="1" x14ac:dyDescent="0.2">
      <c r="A10" s="1814"/>
      <c r="B10" s="1821" t="s">
        <v>1082</v>
      </c>
      <c r="C10" s="1822"/>
      <c r="D10" s="1823"/>
      <c r="E10" s="659" t="s">
        <v>1081</v>
      </c>
      <c r="F10" s="659" t="s">
        <v>1081</v>
      </c>
    </row>
    <row r="11" spans="1:6" x14ac:dyDescent="0.2">
      <c r="A11" s="660"/>
    </row>
  </sheetData>
  <mergeCells count="8">
    <mergeCell ref="E2:F2"/>
    <mergeCell ref="A4:F4"/>
    <mergeCell ref="B6:F6"/>
    <mergeCell ref="B7:F7"/>
    <mergeCell ref="A8:A10"/>
    <mergeCell ref="B8:E8"/>
    <mergeCell ref="B9:E9"/>
    <mergeCell ref="B10:D10"/>
  </mergeCells>
  <phoneticPr fontId="6"/>
  <pageMargins left="0.7" right="0.7" top="0.75" bottom="0.75" header="0.3" footer="0.3"/>
  <pageSetup paperSize="9" scale="83" orientation="portrait" r:id="rId1"/>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A1:AI348"/>
  <sheetViews>
    <sheetView view="pageBreakPreview" zoomScaleNormal="100" workbookViewId="0">
      <selection activeCell="C20" sqref="C20:W20"/>
    </sheetView>
  </sheetViews>
  <sheetFormatPr defaultColWidth="9" defaultRowHeight="13.2" x14ac:dyDescent="0.2"/>
  <cols>
    <col min="1" max="64" width="2.6640625" style="103" customWidth="1"/>
    <col min="65" max="16384" width="9" style="103"/>
  </cols>
  <sheetData>
    <row r="1" spans="1:35" s="95" customFormat="1" ht="21" customHeight="1" x14ac:dyDescent="0.2">
      <c r="A1" s="247" t="s">
        <v>279</v>
      </c>
      <c r="B1" s="146"/>
      <c r="C1" s="146"/>
      <c r="D1" s="146"/>
      <c r="E1" s="146"/>
      <c r="F1" s="146"/>
      <c r="G1" s="146"/>
      <c r="H1" s="146"/>
      <c r="I1" s="146"/>
      <c r="J1" s="146"/>
      <c r="K1" s="146"/>
      <c r="L1" s="146"/>
      <c r="M1" s="146"/>
      <c r="N1" s="146"/>
      <c r="O1" s="146"/>
      <c r="P1" s="146"/>
      <c r="Q1" s="146"/>
      <c r="R1" s="146"/>
      <c r="S1" s="146"/>
      <c r="T1" s="146"/>
      <c r="U1" s="146"/>
      <c r="V1" s="146"/>
      <c r="W1" s="146"/>
      <c r="X1" s="146"/>
      <c r="Y1" s="146"/>
      <c r="Z1" s="146"/>
      <c r="AA1" s="146"/>
      <c r="AB1" s="146"/>
      <c r="AC1" s="146"/>
      <c r="AD1" s="146"/>
      <c r="AE1" s="146"/>
      <c r="AF1" s="146"/>
      <c r="AG1" s="146"/>
      <c r="AH1" s="146"/>
      <c r="AI1" s="146"/>
    </row>
    <row r="2" spans="1:35" s="95" customFormat="1" ht="21" customHeight="1" x14ac:dyDescent="0.2">
      <c r="A2" s="1883" t="s">
        <v>345</v>
      </c>
      <c r="B2" s="1883"/>
      <c r="C2" s="1883"/>
      <c r="D2" s="1883"/>
      <c r="E2" s="1883"/>
      <c r="F2" s="1883"/>
      <c r="G2" s="1883"/>
      <c r="H2" s="1883"/>
      <c r="I2" s="1883"/>
      <c r="J2" s="1883"/>
      <c r="K2" s="1883"/>
      <c r="L2" s="1883"/>
      <c r="M2" s="1883"/>
      <c r="N2" s="1883"/>
      <c r="O2" s="1883"/>
      <c r="P2" s="1883"/>
      <c r="Q2" s="1883"/>
      <c r="R2" s="1883"/>
      <c r="S2" s="1883"/>
      <c r="T2" s="1883"/>
      <c r="U2" s="1883"/>
      <c r="V2" s="1883"/>
      <c r="W2" s="1883"/>
      <c r="X2" s="1883"/>
      <c r="Y2" s="1883"/>
      <c r="Z2" s="1883"/>
      <c r="AA2" s="1883"/>
      <c r="AB2" s="1883"/>
      <c r="AC2" s="1883"/>
      <c r="AD2" s="1883"/>
      <c r="AE2" s="1883"/>
      <c r="AF2" s="1883"/>
      <c r="AG2" s="1883"/>
      <c r="AH2" s="1883"/>
      <c r="AI2" s="1883"/>
    </row>
    <row r="3" spans="1:35" ht="21" customHeight="1" thickBot="1" x14ac:dyDescent="0.25">
      <c r="A3" s="102"/>
      <c r="B3" s="102"/>
      <c r="C3" s="102"/>
      <c r="D3" s="102"/>
      <c r="E3" s="102"/>
      <c r="F3" s="102"/>
      <c r="G3" s="102"/>
      <c r="H3" s="102"/>
      <c r="I3" s="102"/>
      <c r="J3" s="102"/>
      <c r="K3" s="102"/>
      <c r="L3" s="102"/>
      <c r="M3" s="102"/>
      <c r="N3" s="102"/>
      <c r="O3" s="102"/>
      <c r="P3" s="102"/>
      <c r="Q3" s="102"/>
      <c r="R3" s="102"/>
      <c r="S3" s="102"/>
      <c r="T3" s="102"/>
      <c r="U3" s="102"/>
      <c r="V3" s="102"/>
      <c r="W3" s="102"/>
      <c r="X3" s="102"/>
      <c r="Y3" s="102"/>
      <c r="Z3" s="102"/>
      <c r="AA3" s="102"/>
      <c r="AB3" s="102"/>
      <c r="AC3" s="102"/>
      <c r="AD3" s="102"/>
      <c r="AE3" s="102"/>
      <c r="AF3" s="102"/>
      <c r="AG3" s="102"/>
      <c r="AH3" s="102"/>
      <c r="AI3" s="102"/>
    </row>
    <row r="4" spans="1:35" ht="21" customHeight="1" x14ac:dyDescent="0.2">
      <c r="A4" s="1884" t="s">
        <v>133</v>
      </c>
      <c r="B4" s="1885"/>
      <c r="C4" s="1885"/>
      <c r="D4" s="1885"/>
      <c r="E4" s="1885"/>
      <c r="F4" s="1885"/>
      <c r="G4" s="1885"/>
      <c r="H4" s="1885"/>
      <c r="I4" s="1885"/>
      <c r="J4" s="1885"/>
      <c r="K4" s="1885"/>
      <c r="L4" s="1886"/>
      <c r="M4" s="1886"/>
      <c r="N4" s="1886"/>
      <c r="O4" s="1886"/>
      <c r="P4" s="1886"/>
      <c r="Q4" s="1886"/>
      <c r="R4" s="1886"/>
      <c r="S4" s="1886"/>
      <c r="T4" s="1886"/>
      <c r="U4" s="1886"/>
      <c r="V4" s="1886"/>
      <c r="W4" s="1886"/>
      <c r="X4" s="1886"/>
      <c r="Y4" s="1886"/>
      <c r="Z4" s="1886"/>
      <c r="AA4" s="1886"/>
      <c r="AB4" s="1886"/>
      <c r="AC4" s="1886"/>
      <c r="AD4" s="1886"/>
      <c r="AE4" s="1886"/>
      <c r="AF4" s="1886"/>
      <c r="AG4" s="1886"/>
      <c r="AH4" s="1886"/>
      <c r="AI4" s="1887"/>
    </row>
    <row r="5" spans="1:35" ht="21" customHeight="1" x14ac:dyDescent="0.2">
      <c r="A5" s="1888" t="s">
        <v>346</v>
      </c>
      <c r="B5" s="1879"/>
      <c r="C5" s="1879"/>
      <c r="D5" s="1879"/>
      <c r="E5" s="1879"/>
      <c r="F5" s="1879"/>
      <c r="G5" s="1879"/>
      <c r="H5" s="1879"/>
      <c r="I5" s="1879"/>
      <c r="J5" s="1879"/>
      <c r="K5" s="1879"/>
      <c r="L5" s="1860" t="s">
        <v>347</v>
      </c>
      <c r="M5" s="1861"/>
      <c r="N5" s="1861"/>
      <c r="O5" s="1861"/>
      <c r="P5" s="1861"/>
      <c r="Q5" s="1861"/>
      <c r="R5" s="1861"/>
      <c r="S5" s="1861"/>
      <c r="T5" s="1861"/>
      <c r="U5" s="1861"/>
      <c r="V5" s="1861"/>
      <c r="W5" s="1861"/>
      <c r="X5" s="1861"/>
      <c r="Y5" s="1861"/>
      <c r="Z5" s="1861"/>
      <c r="AA5" s="1861"/>
      <c r="AB5" s="1861"/>
      <c r="AC5" s="1861"/>
      <c r="AD5" s="1861"/>
      <c r="AE5" s="1861"/>
      <c r="AF5" s="1861"/>
      <c r="AG5" s="1861"/>
      <c r="AH5" s="1861"/>
      <c r="AI5" s="1862"/>
    </row>
    <row r="6" spans="1:35" ht="21" customHeight="1" x14ac:dyDescent="0.2">
      <c r="A6" s="1888" t="s">
        <v>126</v>
      </c>
      <c r="B6" s="1879"/>
      <c r="C6" s="1879"/>
      <c r="D6" s="1879"/>
      <c r="E6" s="1879"/>
      <c r="F6" s="1879"/>
      <c r="G6" s="1879"/>
      <c r="H6" s="1879"/>
      <c r="I6" s="1879"/>
      <c r="J6" s="1879"/>
      <c r="K6" s="1879"/>
      <c r="L6" s="1889"/>
      <c r="M6" s="1889"/>
      <c r="N6" s="1889"/>
      <c r="O6" s="1889"/>
      <c r="P6" s="1889"/>
      <c r="Q6" s="1889"/>
      <c r="R6" s="1889"/>
      <c r="S6" s="1889"/>
      <c r="T6" s="1889"/>
      <c r="U6" s="1889"/>
      <c r="V6" s="1889"/>
      <c r="W6" s="1889"/>
      <c r="X6" s="1889"/>
      <c r="Y6" s="1889"/>
      <c r="Z6" s="1889"/>
      <c r="AA6" s="1889"/>
      <c r="AB6" s="1889"/>
      <c r="AC6" s="1889"/>
      <c r="AD6" s="1889"/>
      <c r="AE6" s="1889"/>
      <c r="AF6" s="1889"/>
      <c r="AG6" s="1889"/>
      <c r="AH6" s="1889"/>
      <c r="AI6" s="1890"/>
    </row>
    <row r="7" spans="1:35" ht="21" customHeight="1" x14ac:dyDescent="0.2">
      <c r="A7" s="1457" t="s">
        <v>127</v>
      </c>
      <c r="B7" s="1458"/>
      <c r="C7" s="1458"/>
      <c r="D7" s="1458"/>
      <c r="E7" s="1458"/>
      <c r="F7" s="1879" t="s">
        <v>128</v>
      </c>
      <c r="G7" s="1879"/>
      <c r="H7" s="1879"/>
      <c r="I7" s="1879"/>
      <c r="J7" s="1879"/>
      <c r="K7" s="1879"/>
      <c r="L7" s="1458"/>
      <c r="M7" s="1458"/>
      <c r="N7" s="1458"/>
      <c r="O7" s="1458"/>
      <c r="P7" s="1458"/>
      <c r="Q7" s="1458"/>
      <c r="R7" s="1458"/>
      <c r="S7" s="1458"/>
      <c r="T7" s="1458"/>
      <c r="U7" s="1458"/>
      <c r="V7" s="1458" t="s">
        <v>129</v>
      </c>
      <c r="W7" s="1458"/>
      <c r="X7" s="1458"/>
      <c r="Y7" s="1458"/>
      <c r="Z7" s="1458"/>
      <c r="AA7" s="1458"/>
      <c r="AB7" s="1458"/>
      <c r="AC7" s="1458"/>
      <c r="AD7" s="1458"/>
      <c r="AE7" s="1458"/>
      <c r="AF7" s="1458"/>
      <c r="AG7" s="1458"/>
      <c r="AH7" s="1458"/>
      <c r="AI7" s="1880"/>
    </row>
    <row r="8" spans="1:35" ht="21" customHeight="1" thickBot="1" x14ac:dyDescent="0.25">
      <c r="A8" s="1878"/>
      <c r="B8" s="1858"/>
      <c r="C8" s="1858"/>
      <c r="D8" s="1858"/>
      <c r="E8" s="1858"/>
      <c r="F8" s="1882" t="s">
        <v>130</v>
      </c>
      <c r="G8" s="1882"/>
      <c r="H8" s="1882"/>
      <c r="I8" s="1882"/>
      <c r="J8" s="1882"/>
      <c r="K8" s="1882"/>
      <c r="L8" s="1858"/>
      <c r="M8" s="1858"/>
      <c r="N8" s="1858"/>
      <c r="O8" s="1858"/>
      <c r="P8" s="1858"/>
      <c r="Q8" s="1858"/>
      <c r="R8" s="1858"/>
      <c r="S8" s="1858"/>
      <c r="T8" s="1858"/>
      <c r="U8" s="1858"/>
      <c r="V8" s="1858"/>
      <c r="W8" s="1858"/>
      <c r="X8" s="1858"/>
      <c r="Y8" s="1858"/>
      <c r="Z8" s="1858"/>
      <c r="AA8" s="1858"/>
      <c r="AB8" s="1858"/>
      <c r="AC8" s="1858"/>
      <c r="AD8" s="1858"/>
      <c r="AE8" s="1858"/>
      <c r="AF8" s="1858"/>
      <c r="AG8" s="1858"/>
      <c r="AH8" s="1858"/>
      <c r="AI8" s="1881"/>
    </row>
    <row r="9" spans="1:35" ht="21" customHeight="1" thickTop="1" x14ac:dyDescent="0.2">
      <c r="A9" s="1864" t="s">
        <v>28</v>
      </c>
      <c r="B9" s="1865"/>
      <c r="C9" s="1868" t="s">
        <v>29</v>
      </c>
      <c r="D9" s="1868"/>
      <c r="E9" s="1868"/>
      <c r="F9" s="1868"/>
      <c r="G9" s="1868"/>
      <c r="H9" s="1868"/>
      <c r="I9" s="1868"/>
      <c r="J9" s="1868"/>
      <c r="K9" s="1868"/>
      <c r="L9" s="1454" t="s">
        <v>30</v>
      </c>
      <c r="M9" s="1454"/>
      <c r="N9" s="1454"/>
      <c r="O9" s="1454"/>
      <c r="P9" s="1454"/>
      <c r="Q9" s="1454"/>
      <c r="R9" s="1454"/>
      <c r="S9" s="1454"/>
      <c r="T9" s="1454"/>
      <c r="U9" s="1454"/>
      <c r="V9" s="1454"/>
      <c r="W9" s="1454"/>
      <c r="X9" s="1454" t="s">
        <v>197</v>
      </c>
      <c r="Y9" s="1454"/>
      <c r="Z9" s="1454"/>
      <c r="AA9" s="1454"/>
      <c r="AB9" s="1869" t="s">
        <v>348</v>
      </c>
      <c r="AC9" s="1870"/>
      <c r="AD9" s="1870"/>
      <c r="AE9" s="1870"/>
      <c r="AF9" s="1870"/>
      <c r="AG9" s="1870"/>
      <c r="AH9" s="1870"/>
      <c r="AI9" s="1871"/>
    </row>
    <row r="10" spans="1:35" ht="21" customHeight="1" x14ac:dyDescent="0.2">
      <c r="A10" s="1832"/>
      <c r="B10" s="1833"/>
      <c r="C10" s="1863"/>
      <c r="D10" s="1863"/>
      <c r="E10" s="1863"/>
      <c r="F10" s="1863"/>
      <c r="G10" s="1863"/>
      <c r="H10" s="1863"/>
      <c r="I10" s="1863"/>
      <c r="J10" s="1863"/>
      <c r="K10" s="1863"/>
      <c r="L10" s="1458"/>
      <c r="M10" s="1458"/>
      <c r="N10" s="1458"/>
      <c r="O10" s="1458"/>
      <c r="P10" s="1458"/>
      <c r="Q10" s="1458"/>
      <c r="R10" s="1458"/>
      <c r="S10" s="1458"/>
      <c r="T10" s="1458"/>
      <c r="U10" s="1458"/>
      <c r="V10" s="1458"/>
      <c r="W10" s="1458"/>
      <c r="X10" s="1458"/>
      <c r="Y10" s="1458"/>
      <c r="Z10" s="1458"/>
      <c r="AA10" s="1458"/>
      <c r="AB10" s="1872"/>
      <c r="AC10" s="1854"/>
      <c r="AD10" s="1854"/>
      <c r="AE10" s="1854"/>
      <c r="AF10" s="1854"/>
      <c r="AG10" s="1854"/>
      <c r="AH10" s="1854"/>
      <c r="AI10" s="1855"/>
    </row>
    <row r="11" spans="1:35" ht="21" customHeight="1" x14ac:dyDescent="0.2">
      <c r="A11" s="1832"/>
      <c r="B11" s="1833"/>
      <c r="C11" s="1863"/>
      <c r="D11" s="1863"/>
      <c r="E11" s="1863"/>
      <c r="F11" s="1863"/>
      <c r="G11" s="1863"/>
      <c r="H11" s="1863"/>
      <c r="I11" s="1863"/>
      <c r="J11" s="1863"/>
      <c r="K11" s="1863"/>
      <c r="L11" s="1458"/>
      <c r="M11" s="1458"/>
      <c r="N11" s="1458"/>
      <c r="O11" s="1458"/>
      <c r="P11" s="1458"/>
      <c r="Q11" s="1458"/>
      <c r="R11" s="1458"/>
      <c r="S11" s="1458"/>
      <c r="T11" s="1458"/>
      <c r="U11" s="1458"/>
      <c r="V11" s="1458"/>
      <c r="W11" s="1458"/>
      <c r="X11" s="1458"/>
      <c r="Y11" s="1458"/>
      <c r="Z11" s="1458"/>
      <c r="AA11" s="1458"/>
      <c r="AB11" s="1873"/>
      <c r="AC11" s="1856"/>
      <c r="AD11" s="1856"/>
      <c r="AE11" s="1856"/>
      <c r="AF11" s="1856"/>
      <c r="AG11" s="1856"/>
      <c r="AH11" s="1856"/>
      <c r="AI11" s="1857"/>
    </row>
    <row r="12" spans="1:35" ht="21" customHeight="1" x14ac:dyDescent="0.2">
      <c r="A12" s="1832"/>
      <c r="B12" s="1833"/>
      <c r="C12" s="1863">
        <v>1</v>
      </c>
      <c r="D12" s="1863"/>
      <c r="E12" s="1863"/>
      <c r="F12" s="1863"/>
      <c r="G12" s="1863"/>
      <c r="H12" s="1863"/>
      <c r="I12" s="1863"/>
      <c r="J12" s="1863"/>
      <c r="K12" s="1863"/>
      <c r="L12" s="1874"/>
      <c r="M12" s="1875"/>
      <c r="N12" s="1875"/>
      <c r="O12" s="1875"/>
      <c r="P12" s="1875"/>
      <c r="Q12" s="1875"/>
      <c r="R12" s="1875"/>
      <c r="S12" s="1875"/>
      <c r="T12" s="1875"/>
      <c r="U12" s="1875"/>
      <c r="V12" s="1875"/>
      <c r="W12" s="1876"/>
      <c r="X12" s="1877"/>
      <c r="Y12" s="1458"/>
      <c r="Z12" s="1458"/>
      <c r="AA12" s="1458"/>
      <c r="AB12" s="1860"/>
      <c r="AC12" s="1861"/>
      <c r="AD12" s="1861"/>
      <c r="AE12" s="1861"/>
      <c r="AF12" s="1861"/>
      <c r="AG12" s="1861"/>
      <c r="AH12" s="1861"/>
      <c r="AI12" s="1862"/>
    </row>
    <row r="13" spans="1:35" ht="21" customHeight="1" x14ac:dyDescent="0.2">
      <c r="A13" s="1832"/>
      <c r="B13" s="1833"/>
      <c r="C13" s="1863">
        <v>2</v>
      </c>
      <c r="D13" s="1863"/>
      <c r="E13" s="1863"/>
      <c r="F13" s="1863"/>
      <c r="G13" s="1863"/>
      <c r="H13" s="1863"/>
      <c r="I13" s="1863"/>
      <c r="J13" s="1863"/>
      <c r="K13" s="1863"/>
      <c r="L13" s="1874"/>
      <c r="M13" s="1875"/>
      <c r="N13" s="1875"/>
      <c r="O13" s="1875"/>
      <c r="P13" s="1875"/>
      <c r="Q13" s="1875"/>
      <c r="R13" s="1875"/>
      <c r="S13" s="1875"/>
      <c r="T13" s="1875"/>
      <c r="U13" s="1875"/>
      <c r="V13" s="1875"/>
      <c r="W13" s="1876"/>
      <c r="X13" s="1458"/>
      <c r="Y13" s="1458"/>
      <c r="Z13" s="1458"/>
      <c r="AA13" s="1458"/>
      <c r="AB13" s="1860"/>
      <c r="AC13" s="1861"/>
      <c r="AD13" s="1861"/>
      <c r="AE13" s="1861"/>
      <c r="AF13" s="1861"/>
      <c r="AG13" s="1861"/>
      <c r="AH13" s="1861"/>
      <c r="AI13" s="1862"/>
    </row>
    <row r="14" spans="1:35" ht="21" customHeight="1" x14ac:dyDescent="0.2">
      <c r="A14" s="1832"/>
      <c r="B14" s="1833"/>
      <c r="C14" s="1863">
        <v>3</v>
      </c>
      <c r="D14" s="1863"/>
      <c r="E14" s="1863"/>
      <c r="F14" s="1863"/>
      <c r="G14" s="1863"/>
      <c r="H14" s="1863"/>
      <c r="I14" s="1863"/>
      <c r="J14" s="1863"/>
      <c r="K14" s="1863"/>
      <c r="L14" s="1874"/>
      <c r="M14" s="1875"/>
      <c r="N14" s="1875"/>
      <c r="O14" s="1875"/>
      <c r="P14" s="1875"/>
      <c r="Q14" s="1875"/>
      <c r="R14" s="1875"/>
      <c r="S14" s="1875"/>
      <c r="T14" s="1875"/>
      <c r="U14" s="1875"/>
      <c r="V14" s="1875"/>
      <c r="W14" s="1876"/>
      <c r="X14" s="1458"/>
      <c r="Y14" s="1458"/>
      <c r="Z14" s="1458"/>
      <c r="AA14" s="1458"/>
      <c r="AB14" s="1860"/>
      <c r="AC14" s="1861"/>
      <c r="AD14" s="1861"/>
      <c r="AE14" s="1861"/>
      <c r="AF14" s="1861"/>
      <c r="AG14" s="1861"/>
      <c r="AH14" s="1861"/>
      <c r="AI14" s="1862"/>
    </row>
    <row r="15" spans="1:35" ht="21" customHeight="1" x14ac:dyDescent="0.2">
      <c r="A15" s="1832"/>
      <c r="B15" s="1833"/>
      <c r="C15" s="1863">
        <v>4</v>
      </c>
      <c r="D15" s="1863"/>
      <c r="E15" s="1863"/>
      <c r="F15" s="1863"/>
      <c r="G15" s="1863"/>
      <c r="H15" s="1863"/>
      <c r="I15" s="1863"/>
      <c r="J15" s="1863"/>
      <c r="K15" s="1863"/>
      <c r="L15" s="1458"/>
      <c r="M15" s="1458"/>
      <c r="N15" s="1458"/>
      <c r="O15" s="1458"/>
      <c r="P15" s="1458"/>
      <c r="Q15" s="1458"/>
      <c r="R15" s="1458"/>
      <c r="S15" s="1458"/>
      <c r="T15" s="1458"/>
      <c r="U15" s="1458"/>
      <c r="V15" s="1458"/>
      <c r="W15" s="1458"/>
      <c r="X15" s="1458"/>
      <c r="Y15" s="1458"/>
      <c r="Z15" s="1458"/>
      <c r="AA15" s="1458"/>
      <c r="AB15" s="1860"/>
      <c r="AC15" s="1861"/>
      <c r="AD15" s="1861"/>
      <c r="AE15" s="1861"/>
      <c r="AF15" s="1861"/>
      <c r="AG15" s="1861"/>
      <c r="AH15" s="1861"/>
      <c r="AI15" s="1862"/>
    </row>
    <row r="16" spans="1:35" ht="21" customHeight="1" x14ac:dyDescent="0.2">
      <c r="A16" s="1832"/>
      <c r="B16" s="1833"/>
      <c r="C16" s="1863">
        <v>5</v>
      </c>
      <c r="D16" s="1863"/>
      <c r="E16" s="1863"/>
      <c r="F16" s="1863"/>
      <c r="G16" s="1863"/>
      <c r="H16" s="1863"/>
      <c r="I16" s="1863"/>
      <c r="J16" s="1863"/>
      <c r="K16" s="1863"/>
      <c r="L16" s="1458"/>
      <c r="M16" s="1458"/>
      <c r="N16" s="1458"/>
      <c r="O16" s="1458"/>
      <c r="P16" s="1458"/>
      <c r="Q16" s="1458"/>
      <c r="R16" s="1458"/>
      <c r="S16" s="1458"/>
      <c r="T16" s="1458"/>
      <c r="U16" s="1458"/>
      <c r="V16" s="1458"/>
      <c r="W16" s="1458"/>
      <c r="X16" s="1458"/>
      <c r="Y16" s="1458"/>
      <c r="Z16" s="1458"/>
      <c r="AA16" s="1458"/>
      <c r="AB16" s="1860"/>
      <c r="AC16" s="1861"/>
      <c r="AD16" s="1861"/>
      <c r="AE16" s="1861"/>
      <c r="AF16" s="1861"/>
      <c r="AG16" s="1861"/>
      <c r="AH16" s="1861"/>
      <c r="AI16" s="1862"/>
    </row>
    <row r="17" spans="1:35" ht="21" customHeight="1" x14ac:dyDescent="0.2">
      <c r="A17" s="1832"/>
      <c r="B17" s="1833"/>
      <c r="C17" s="1863">
        <v>6</v>
      </c>
      <c r="D17" s="1863"/>
      <c r="E17" s="1863"/>
      <c r="F17" s="1863"/>
      <c r="G17" s="1863"/>
      <c r="H17" s="1863"/>
      <c r="I17" s="1863"/>
      <c r="J17" s="1863"/>
      <c r="K17" s="1863"/>
      <c r="L17" s="1458"/>
      <c r="M17" s="1458"/>
      <c r="N17" s="1458"/>
      <c r="O17" s="1458"/>
      <c r="P17" s="1458"/>
      <c r="Q17" s="1458"/>
      <c r="R17" s="1458"/>
      <c r="S17" s="1458"/>
      <c r="T17" s="1458"/>
      <c r="U17" s="1458"/>
      <c r="V17" s="1458"/>
      <c r="W17" s="1458"/>
      <c r="X17" s="1458"/>
      <c r="Y17" s="1458"/>
      <c r="Z17" s="1458"/>
      <c r="AA17" s="1458"/>
      <c r="AB17" s="1860"/>
      <c r="AC17" s="1861"/>
      <c r="AD17" s="1861"/>
      <c r="AE17" s="1861"/>
      <c r="AF17" s="1861"/>
      <c r="AG17" s="1861"/>
      <c r="AH17" s="1861"/>
      <c r="AI17" s="1862"/>
    </row>
    <row r="18" spans="1:35" ht="21" customHeight="1" x14ac:dyDescent="0.2">
      <c r="A18" s="1832"/>
      <c r="B18" s="1833"/>
      <c r="C18" s="1863">
        <v>7</v>
      </c>
      <c r="D18" s="1863"/>
      <c r="E18" s="1863"/>
      <c r="F18" s="1863"/>
      <c r="G18" s="1863"/>
      <c r="H18" s="1863"/>
      <c r="I18" s="1863"/>
      <c r="J18" s="1863"/>
      <c r="K18" s="1863"/>
      <c r="L18" s="1458"/>
      <c r="M18" s="1458"/>
      <c r="N18" s="1458"/>
      <c r="O18" s="1458"/>
      <c r="P18" s="1458"/>
      <c r="Q18" s="1458"/>
      <c r="R18" s="1458"/>
      <c r="S18" s="1458"/>
      <c r="T18" s="1458"/>
      <c r="U18" s="1458"/>
      <c r="V18" s="1458"/>
      <c r="W18" s="1458"/>
      <c r="X18" s="1458"/>
      <c r="Y18" s="1458"/>
      <c r="Z18" s="1458"/>
      <c r="AA18" s="1458"/>
      <c r="AB18" s="1860"/>
      <c r="AC18" s="1861"/>
      <c r="AD18" s="1861"/>
      <c r="AE18" s="1861"/>
      <c r="AF18" s="1861"/>
      <c r="AG18" s="1861"/>
      <c r="AH18" s="1861"/>
      <c r="AI18" s="1862"/>
    </row>
    <row r="19" spans="1:35" ht="21" customHeight="1" x14ac:dyDescent="0.2">
      <c r="A19" s="1832"/>
      <c r="B19" s="1833"/>
      <c r="C19" s="1863">
        <v>8</v>
      </c>
      <c r="D19" s="1863"/>
      <c r="E19" s="1863"/>
      <c r="F19" s="1863"/>
      <c r="G19" s="1863"/>
      <c r="H19" s="1863"/>
      <c r="I19" s="1863"/>
      <c r="J19" s="1863"/>
      <c r="K19" s="1863"/>
      <c r="L19" s="1458"/>
      <c r="M19" s="1458"/>
      <c r="N19" s="1458"/>
      <c r="O19" s="1458"/>
      <c r="P19" s="1458"/>
      <c r="Q19" s="1458"/>
      <c r="R19" s="1458"/>
      <c r="S19" s="1458"/>
      <c r="T19" s="1458"/>
      <c r="U19" s="1458"/>
      <c r="V19" s="1458"/>
      <c r="W19" s="1458"/>
      <c r="X19" s="1458"/>
      <c r="Y19" s="1458"/>
      <c r="Z19" s="1458"/>
      <c r="AA19" s="1458"/>
      <c r="AB19" s="1860"/>
      <c r="AC19" s="1861"/>
      <c r="AD19" s="1861"/>
      <c r="AE19" s="1861"/>
      <c r="AF19" s="1861"/>
      <c r="AG19" s="1861"/>
      <c r="AH19" s="1861"/>
      <c r="AI19" s="1862"/>
    </row>
    <row r="20" spans="1:35" ht="21" customHeight="1" thickBot="1" x14ac:dyDescent="0.25">
      <c r="A20" s="1866"/>
      <c r="B20" s="1867"/>
      <c r="C20" s="1858" t="s">
        <v>356</v>
      </c>
      <c r="D20" s="1858"/>
      <c r="E20" s="1858"/>
      <c r="F20" s="1858"/>
      <c r="G20" s="1858"/>
      <c r="H20" s="1858"/>
      <c r="I20" s="1858"/>
      <c r="J20" s="1858"/>
      <c r="K20" s="1858"/>
      <c r="L20" s="1858"/>
      <c r="M20" s="1858"/>
      <c r="N20" s="1858"/>
      <c r="O20" s="1858"/>
      <c r="P20" s="1858"/>
      <c r="Q20" s="1858"/>
      <c r="R20" s="1858"/>
      <c r="S20" s="1858"/>
      <c r="T20" s="1858"/>
      <c r="U20" s="1858"/>
      <c r="V20" s="1858"/>
      <c r="W20" s="1858"/>
      <c r="X20" s="1859" t="s">
        <v>49</v>
      </c>
      <c r="Y20" s="1859"/>
      <c r="Z20" s="1859"/>
      <c r="AA20" s="1859"/>
      <c r="AB20" s="1860"/>
      <c r="AC20" s="1861"/>
      <c r="AD20" s="1861"/>
      <c r="AE20" s="1861"/>
      <c r="AF20" s="1861"/>
      <c r="AG20" s="1861"/>
      <c r="AH20" s="1861"/>
      <c r="AI20" s="1862"/>
    </row>
    <row r="21" spans="1:35" ht="21" customHeight="1" x14ac:dyDescent="0.2">
      <c r="A21" s="1830" t="s">
        <v>358</v>
      </c>
      <c r="B21" s="1831"/>
      <c r="C21" s="1836" t="s">
        <v>31</v>
      </c>
      <c r="D21" s="1836"/>
      <c r="E21" s="1836"/>
      <c r="F21" s="1836"/>
      <c r="G21" s="1836"/>
      <c r="H21" s="1836"/>
      <c r="I21" s="1836"/>
      <c r="J21" s="1838" t="s">
        <v>359</v>
      </c>
      <c r="K21" s="1838"/>
      <c r="L21" s="1838"/>
      <c r="M21" s="1838"/>
      <c r="N21" s="1838"/>
      <c r="O21" s="1838"/>
      <c r="P21" s="1838"/>
      <c r="Q21" s="1838" t="s">
        <v>54</v>
      </c>
      <c r="R21" s="1838"/>
      <c r="S21" s="1838"/>
      <c r="T21" s="1838"/>
      <c r="U21" s="1838"/>
      <c r="V21" s="1838"/>
      <c r="W21" s="1838"/>
      <c r="X21" s="1846" t="s">
        <v>360</v>
      </c>
      <c r="Y21" s="1847"/>
      <c r="Z21" s="1847"/>
      <c r="AA21" s="1848"/>
      <c r="AB21" s="1852" t="s">
        <v>361</v>
      </c>
      <c r="AC21" s="1852"/>
      <c r="AD21" s="1852"/>
      <c r="AE21" s="1852"/>
      <c r="AF21" s="1852"/>
      <c r="AG21" s="1852"/>
      <c r="AH21" s="1852"/>
      <c r="AI21" s="1853"/>
    </row>
    <row r="22" spans="1:35" ht="21" customHeight="1" x14ac:dyDescent="0.2">
      <c r="A22" s="1832"/>
      <c r="B22" s="1833"/>
      <c r="C22" s="1837"/>
      <c r="D22" s="1837"/>
      <c r="E22" s="1837"/>
      <c r="F22" s="1837"/>
      <c r="G22" s="1837"/>
      <c r="H22" s="1837"/>
      <c r="I22" s="1837"/>
      <c r="J22" s="1839"/>
      <c r="K22" s="1839"/>
      <c r="L22" s="1839"/>
      <c r="M22" s="1839"/>
      <c r="N22" s="1839"/>
      <c r="O22" s="1839"/>
      <c r="P22" s="1839"/>
      <c r="Q22" s="1839"/>
      <c r="R22" s="1839"/>
      <c r="S22" s="1839"/>
      <c r="T22" s="1839"/>
      <c r="U22" s="1839"/>
      <c r="V22" s="1839"/>
      <c r="W22" s="1839"/>
      <c r="X22" s="1849"/>
      <c r="Y22" s="1850"/>
      <c r="Z22" s="1850"/>
      <c r="AA22" s="1851"/>
      <c r="AB22" s="1854"/>
      <c r="AC22" s="1854"/>
      <c r="AD22" s="1854"/>
      <c r="AE22" s="1854"/>
      <c r="AF22" s="1854"/>
      <c r="AG22" s="1854"/>
      <c r="AH22" s="1854"/>
      <c r="AI22" s="1855"/>
    </row>
    <row r="23" spans="1:35" ht="21" customHeight="1" x14ac:dyDescent="0.2">
      <c r="A23" s="1832"/>
      <c r="B23" s="1833"/>
      <c r="C23" s="1837"/>
      <c r="D23" s="1837"/>
      <c r="E23" s="1837"/>
      <c r="F23" s="1837"/>
      <c r="G23" s="1837"/>
      <c r="H23" s="1837"/>
      <c r="I23" s="1837"/>
      <c r="J23" s="1839"/>
      <c r="K23" s="1839"/>
      <c r="L23" s="1839"/>
      <c r="M23" s="1839"/>
      <c r="N23" s="1839"/>
      <c r="O23" s="1839"/>
      <c r="P23" s="1839"/>
      <c r="Q23" s="1839"/>
      <c r="R23" s="1839"/>
      <c r="S23" s="1839"/>
      <c r="T23" s="1839"/>
      <c r="U23" s="1839"/>
      <c r="V23" s="1839"/>
      <c r="W23" s="1839"/>
      <c r="X23" s="1849"/>
      <c r="Y23" s="1850"/>
      <c r="Z23" s="1850"/>
      <c r="AA23" s="1851"/>
      <c r="AB23" s="1856"/>
      <c r="AC23" s="1856"/>
      <c r="AD23" s="1856"/>
      <c r="AE23" s="1856"/>
      <c r="AF23" s="1856"/>
      <c r="AG23" s="1856"/>
      <c r="AH23" s="1856"/>
      <c r="AI23" s="1857"/>
    </row>
    <row r="24" spans="1:35" ht="21" customHeight="1" x14ac:dyDescent="0.2">
      <c r="A24" s="1832"/>
      <c r="B24" s="1833"/>
      <c r="C24" s="1842"/>
      <c r="D24" s="1842"/>
      <c r="E24" s="1842"/>
      <c r="F24" s="1842"/>
      <c r="G24" s="1842"/>
      <c r="H24" s="1842"/>
      <c r="I24" s="1842"/>
      <c r="J24" s="1842"/>
      <c r="K24" s="1842"/>
      <c r="L24" s="1842"/>
      <c r="M24" s="1842"/>
      <c r="N24" s="1842"/>
      <c r="O24" s="1842"/>
      <c r="P24" s="1842"/>
      <c r="Q24" s="147">
        <v>1</v>
      </c>
      <c r="R24" s="1842"/>
      <c r="S24" s="1842"/>
      <c r="T24" s="1842"/>
      <c r="U24" s="1842"/>
      <c r="V24" s="1842"/>
      <c r="W24" s="1842"/>
      <c r="X24" s="1843"/>
      <c r="Y24" s="1844"/>
      <c r="Z24" s="1844"/>
      <c r="AA24" s="1845"/>
      <c r="AB24" s="1840"/>
      <c r="AC24" s="1840"/>
      <c r="AD24" s="1840"/>
      <c r="AE24" s="1840"/>
      <c r="AF24" s="1840"/>
      <c r="AG24" s="1840"/>
      <c r="AH24" s="1840"/>
      <c r="AI24" s="1841"/>
    </row>
    <row r="25" spans="1:35" ht="21" customHeight="1" x14ac:dyDescent="0.2">
      <c r="A25" s="1832"/>
      <c r="B25" s="1833"/>
      <c r="C25" s="1842"/>
      <c r="D25" s="1842"/>
      <c r="E25" s="1842"/>
      <c r="F25" s="1842"/>
      <c r="G25" s="1842"/>
      <c r="H25" s="1842"/>
      <c r="I25" s="1842"/>
      <c r="J25" s="1842"/>
      <c r="K25" s="1842"/>
      <c r="L25" s="1842"/>
      <c r="M25" s="1842"/>
      <c r="N25" s="1842"/>
      <c r="O25" s="1842"/>
      <c r="P25" s="1842"/>
      <c r="Q25" s="147">
        <v>2</v>
      </c>
      <c r="R25" s="1842"/>
      <c r="S25" s="1842"/>
      <c r="T25" s="1842"/>
      <c r="U25" s="1842"/>
      <c r="V25" s="1842"/>
      <c r="W25" s="1842"/>
      <c r="X25" s="1843"/>
      <c r="Y25" s="1844"/>
      <c r="Z25" s="1844"/>
      <c r="AA25" s="1845"/>
      <c r="AB25" s="1840"/>
      <c r="AC25" s="1840"/>
      <c r="AD25" s="1840"/>
      <c r="AE25" s="1840"/>
      <c r="AF25" s="1840"/>
      <c r="AG25" s="1840"/>
      <c r="AH25" s="1840"/>
      <c r="AI25" s="1841"/>
    </row>
    <row r="26" spans="1:35" ht="21" customHeight="1" x14ac:dyDescent="0.2">
      <c r="A26" s="1832"/>
      <c r="B26" s="1833"/>
      <c r="C26" s="1842"/>
      <c r="D26" s="1842"/>
      <c r="E26" s="1842"/>
      <c r="F26" s="1842"/>
      <c r="G26" s="1842"/>
      <c r="H26" s="1842"/>
      <c r="I26" s="1842"/>
      <c r="J26" s="1842"/>
      <c r="K26" s="1842"/>
      <c r="L26" s="1842"/>
      <c r="M26" s="1842"/>
      <c r="N26" s="1842"/>
      <c r="O26" s="1842"/>
      <c r="P26" s="1842"/>
      <c r="Q26" s="147">
        <v>3</v>
      </c>
      <c r="R26" s="1842"/>
      <c r="S26" s="1842"/>
      <c r="T26" s="1842"/>
      <c r="U26" s="1842"/>
      <c r="V26" s="1842"/>
      <c r="W26" s="1842"/>
      <c r="X26" s="1843"/>
      <c r="Y26" s="1844"/>
      <c r="Z26" s="1844"/>
      <c r="AA26" s="1845"/>
      <c r="AB26" s="1840"/>
      <c r="AC26" s="1840"/>
      <c r="AD26" s="1840"/>
      <c r="AE26" s="1840"/>
      <c r="AF26" s="1840"/>
      <c r="AG26" s="1840"/>
      <c r="AH26" s="1840"/>
      <c r="AI26" s="1841"/>
    </row>
    <row r="27" spans="1:35" ht="21" customHeight="1" x14ac:dyDescent="0.2">
      <c r="A27" s="1832"/>
      <c r="B27" s="1833"/>
      <c r="C27" s="1842"/>
      <c r="D27" s="1842"/>
      <c r="E27" s="1842"/>
      <c r="F27" s="1842"/>
      <c r="G27" s="1842"/>
      <c r="H27" s="1842"/>
      <c r="I27" s="1842"/>
      <c r="J27" s="1842"/>
      <c r="K27" s="1842"/>
      <c r="L27" s="1842"/>
      <c r="M27" s="1842"/>
      <c r="N27" s="1842"/>
      <c r="O27" s="1842"/>
      <c r="P27" s="1842"/>
      <c r="Q27" s="147">
        <v>4</v>
      </c>
      <c r="R27" s="1842"/>
      <c r="S27" s="1842"/>
      <c r="T27" s="1842"/>
      <c r="U27" s="1842"/>
      <c r="V27" s="1842"/>
      <c r="W27" s="1842"/>
      <c r="X27" s="1843"/>
      <c r="Y27" s="1844"/>
      <c r="Z27" s="1844"/>
      <c r="AA27" s="1845"/>
      <c r="AB27" s="1840"/>
      <c r="AC27" s="1840"/>
      <c r="AD27" s="1840"/>
      <c r="AE27" s="1840"/>
      <c r="AF27" s="1840"/>
      <c r="AG27" s="1840"/>
      <c r="AH27" s="1840"/>
      <c r="AI27" s="1841"/>
    </row>
    <row r="28" spans="1:35" ht="21" customHeight="1" x14ac:dyDescent="0.2">
      <c r="A28" s="1832"/>
      <c r="B28" s="1833"/>
      <c r="C28" s="1842"/>
      <c r="D28" s="1842"/>
      <c r="E28" s="1842"/>
      <c r="F28" s="1842"/>
      <c r="G28" s="1842"/>
      <c r="H28" s="1842"/>
      <c r="I28" s="1842"/>
      <c r="J28" s="1842"/>
      <c r="K28" s="1842"/>
      <c r="L28" s="1842"/>
      <c r="M28" s="1842"/>
      <c r="N28" s="1842"/>
      <c r="O28" s="1842"/>
      <c r="P28" s="1842"/>
      <c r="Q28" s="147">
        <v>5</v>
      </c>
      <c r="R28" s="1842"/>
      <c r="S28" s="1842"/>
      <c r="T28" s="1842"/>
      <c r="U28" s="1842"/>
      <c r="V28" s="1842"/>
      <c r="W28" s="1842"/>
      <c r="X28" s="1843"/>
      <c r="Y28" s="1844"/>
      <c r="Z28" s="1844"/>
      <c r="AA28" s="1845"/>
      <c r="AB28" s="1840"/>
      <c r="AC28" s="1840"/>
      <c r="AD28" s="1840"/>
      <c r="AE28" s="1840"/>
      <c r="AF28" s="1840"/>
      <c r="AG28" s="1840"/>
      <c r="AH28" s="1840"/>
      <c r="AI28" s="1841"/>
    </row>
    <row r="29" spans="1:35" ht="21" customHeight="1" x14ac:dyDescent="0.2">
      <c r="A29" s="1832"/>
      <c r="B29" s="1833"/>
      <c r="C29" s="1842"/>
      <c r="D29" s="1842"/>
      <c r="E29" s="1842"/>
      <c r="F29" s="1842"/>
      <c r="G29" s="1842"/>
      <c r="H29" s="1842"/>
      <c r="I29" s="1842"/>
      <c r="J29" s="1842"/>
      <c r="K29" s="1842"/>
      <c r="L29" s="1842"/>
      <c r="M29" s="1842"/>
      <c r="N29" s="1842"/>
      <c r="O29" s="1842"/>
      <c r="P29" s="1842"/>
      <c r="Q29" s="147">
        <v>6</v>
      </c>
      <c r="R29" s="1842"/>
      <c r="S29" s="1842"/>
      <c r="T29" s="1842"/>
      <c r="U29" s="1842"/>
      <c r="V29" s="1842"/>
      <c r="W29" s="1842"/>
      <c r="X29" s="1843"/>
      <c r="Y29" s="1844"/>
      <c r="Z29" s="1844"/>
      <c r="AA29" s="1845"/>
      <c r="AB29" s="1840"/>
      <c r="AC29" s="1840"/>
      <c r="AD29" s="1840"/>
      <c r="AE29" s="1840"/>
      <c r="AF29" s="1840"/>
      <c r="AG29" s="1840"/>
      <c r="AH29" s="1840"/>
      <c r="AI29" s="1841"/>
    </row>
    <row r="30" spans="1:35" ht="21" customHeight="1" x14ac:dyDescent="0.2">
      <c r="A30" s="1832"/>
      <c r="B30" s="1833"/>
      <c r="C30" s="1842"/>
      <c r="D30" s="1842"/>
      <c r="E30" s="1842"/>
      <c r="F30" s="1842"/>
      <c r="G30" s="1842"/>
      <c r="H30" s="1842"/>
      <c r="I30" s="1842"/>
      <c r="J30" s="1842"/>
      <c r="K30" s="1842"/>
      <c r="L30" s="1842"/>
      <c r="M30" s="1842"/>
      <c r="N30" s="1842"/>
      <c r="O30" s="1842"/>
      <c r="P30" s="1842"/>
      <c r="Q30" s="147">
        <v>7</v>
      </c>
      <c r="R30" s="1842"/>
      <c r="S30" s="1842"/>
      <c r="T30" s="1842"/>
      <c r="U30" s="1842"/>
      <c r="V30" s="1842"/>
      <c r="W30" s="1842"/>
      <c r="X30" s="1843"/>
      <c r="Y30" s="1844"/>
      <c r="Z30" s="1844"/>
      <c r="AA30" s="1845"/>
      <c r="AB30" s="1840"/>
      <c r="AC30" s="1840"/>
      <c r="AD30" s="1840"/>
      <c r="AE30" s="1840"/>
      <c r="AF30" s="1840"/>
      <c r="AG30" s="1840"/>
      <c r="AH30" s="1840"/>
      <c r="AI30" s="1841"/>
    </row>
    <row r="31" spans="1:35" ht="21" customHeight="1" x14ac:dyDescent="0.2">
      <c r="A31" s="1832"/>
      <c r="B31" s="1833"/>
      <c r="C31" s="1842"/>
      <c r="D31" s="1842"/>
      <c r="E31" s="1842"/>
      <c r="F31" s="1842"/>
      <c r="G31" s="1842"/>
      <c r="H31" s="1842"/>
      <c r="I31" s="1842"/>
      <c r="J31" s="1842"/>
      <c r="K31" s="1842"/>
      <c r="L31" s="1842"/>
      <c r="M31" s="1842"/>
      <c r="N31" s="1842"/>
      <c r="O31" s="1842"/>
      <c r="P31" s="1842"/>
      <c r="Q31" s="147">
        <v>8</v>
      </c>
      <c r="R31" s="1842"/>
      <c r="S31" s="1842"/>
      <c r="T31" s="1842"/>
      <c r="U31" s="1842"/>
      <c r="V31" s="1842"/>
      <c r="W31" s="1842"/>
      <c r="X31" s="1843"/>
      <c r="Y31" s="1844"/>
      <c r="Z31" s="1844"/>
      <c r="AA31" s="1845"/>
      <c r="AB31" s="1840"/>
      <c r="AC31" s="1840"/>
      <c r="AD31" s="1840"/>
      <c r="AE31" s="1840"/>
      <c r="AF31" s="1840"/>
      <c r="AG31" s="1840"/>
      <c r="AH31" s="1840"/>
      <c r="AI31" s="1841"/>
    </row>
    <row r="32" spans="1:35" ht="21" customHeight="1" x14ac:dyDescent="0.2">
      <c r="A32" s="1832"/>
      <c r="B32" s="1833"/>
      <c r="C32" s="1842"/>
      <c r="D32" s="1842"/>
      <c r="E32" s="1842"/>
      <c r="F32" s="1842"/>
      <c r="G32" s="1842"/>
      <c r="H32" s="1842"/>
      <c r="I32" s="1842"/>
      <c r="J32" s="1842"/>
      <c r="K32" s="1842"/>
      <c r="L32" s="1842"/>
      <c r="M32" s="1842"/>
      <c r="N32" s="1842"/>
      <c r="O32" s="1842"/>
      <c r="P32" s="1842"/>
      <c r="Q32" s="147">
        <v>9</v>
      </c>
      <c r="R32" s="1842"/>
      <c r="S32" s="1842"/>
      <c r="T32" s="1842"/>
      <c r="U32" s="1842"/>
      <c r="V32" s="1842"/>
      <c r="W32" s="1842"/>
      <c r="X32" s="1843"/>
      <c r="Y32" s="1844"/>
      <c r="Z32" s="1844"/>
      <c r="AA32" s="1845"/>
      <c r="AB32" s="1840"/>
      <c r="AC32" s="1840"/>
      <c r="AD32" s="1840"/>
      <c r="AE32" s="1840"/>
      <c r="AF32" s="1840"/>
      <c r="AG32" s="1840"/>
      <c r="AH32" s="1840"/>
      <c r="AI32" s="1841"/>
    </row>
    <row r="33" spans="1:35" ht="21" customHeight="1" x14ac:dyDescent="0.2">
      <c r="A33" s="1832"/>
      <c r="B33" s="1833"/>
      <c r="C33" s="1842"/>
      <c r="D33" s="1842"/>
      <c r="E33" s="1842"/>
      <c r="F33" s="1842"/>
      <c r="G33" s="1842"/>
      <c r="H33" s="1842"/>
      <c r="I33" s="1842"/>
      <c r="J33" s="1842"/>
      <c r="K33" s="1842"/>
      <c r="L33" s="1842"/>
      <c r="M33" s="1842"/>
      <c r="N33" s="1842"/>
      <c r="O33" s="1842"/>
      <c r="P33" s="1842"/>
      <c r="Q33" s="147">
        <v>10</v>
      </c>
      <c r="R33" s="1842"/>
      <c r="S33" s="1842"/>
      <c r="T33" s="1842"/>
      <c r="U33" s="1842"/>
      <c r="V33" s="1842"/>
      <c r="W33" s="1842"/>
      <c r="X33" s="1843"/>
      <c r="Y33" s="1844"/>
      <c r="Z33" s="1844"/>
      <c r="AA33" s="1845"/>
      <c r="AB33" s="1840"/>
      <c r="AC33" s="1840"/>
      <c r="AD33" s="1840"/>
      <c r="AE33" s="1840"/>
      <c r="AF33" s="1840"/>
      <c r="AG33" s="1840"/>
      <c r="AH33" s="1840"/>
      <c r="AI33" s="1841"/>
    </row>
    <row r="34" spans="1:35" ht="21" customHeight="1" x14ac:dyDescent="0.2">
      <c r="A34" s="1832"/>
      <c r="B34" s="1833"/>
      <c r="C34" s="1842"/>
      <c r="D34" s="1842"/>
      <c r="E34" s="1842"/>
      <c r="F34" s="1842"/>
      <c r="G34" s="1842"/>
      <c r="H34" s="1842"/>
      <c r="I34" s="1842"/>
      <c r="J34" s="1842"/>
      <c r="K34" s="1842"/>
      <c r="L34" s="1842"/>
      <c r="M34" s="1842"/>
      <c r="N34" s="1842"/>
      <c r="O34" s="1842"/>
      <c r="P34" s="1842"/>
      <c r="Q34" s="147">
        <v>11</v>
      </c>
      <c r="R34" s="1842"/>
      <c r="S34" s="1842"/>
      <c r="T34" s="1842"/>
      <c r="U34" s="1842"/>
      <c r="V34" s="1842"/>
      <c r="W34" s="1842"/>
      <c r="X34" s="1843"/>
      <c r="Y34" s="1844"/>
      <c r="Z34" s="1844"/>
      <c r="AA34" s="1845"/>
      <c r="AB34" s="1840"/>
      <c r="AC34" s="1840"/>
      <c r="AD34" s="1840"/>
      <c r="AE34" s="1840"/>
      <c r="AF34" s="1840"/>
      <c r="AG34" s="1840"/>
      <c r="AH34" s="1840"/>
      <c r="AI34" s="1841"/>
    </row>
    <row r="35" spans="1:35" ht="21" customHeight="1" x14ac:dyDescent="0.2">
      <c r="A35" s="1832"/>
      <c r="B35" s="1833"/>
      <c r="C35" s="1842"/>
      <c r="D35" s="1842"/>
      <c r="E35" s="1842"/>
      <c r="F35" s="1842"/>
      <c r="G35" s="1842"/>
      <c r="H35" s="1842"/>
      <c r="I35" s="1842"/>
      <c r="J35" s="1842"/>
      <c r="K35" s="1842"/>
      <c r="L35" s="1842"/>
      <c r="M35" s="1842"/>
      <c r="N35" s="1842"/>
      <c r="O35" s="1842"/>
      <c r="P35" s="1842"/>
      <c r="Q35" s="147">
        <v>12</v>
      </c>
      <c r="R35" s="1842"/>
      <c r="S35" s="1842"/>
      <c r="T35" s="1842"/>
      <c r="U35" s="1842"/>
      <c r="V35" s="1842"/>
      <c r="W35" s="1842"/>
      <c r="X35" s="1843"/>
      <c r="Y35" s="1844"/>
      <c r="Z35" s="1844"/>
      <c r="AA35" s="1845"/>
      <c r="AB35" s="1840"/>
      <c r="AC35" s="1840"/>
      <c r="AD35" s="1840"/>
      <c r="AE35" s="1840"/>
      <c r="AF35" s="1840"/>
      <c r="AG35" s="1840"/>
      <c r="AH35" s="1840"/>
      <c r="AI35" s="1841"/>
    </row>
    <row r="36" spans="1:35" ht="21" customHeight="1" x14ac:dyDescent="0.2">
      <c r="A36" s="1832"/>
      <c r="B36" s="1833"/>
      <c r="C36" s="1842"/>
      <c r="D36" s="1842"/>
      <c r="E36" s="1842"/>
      <c r="F36" s="1842"/>
      <c r="G36" s="1842"/>
      <c r="H36" s="1842"/>
      <c r="I36" s="1842"/>
      <c r="J36" s="1842"/>
      <c r="K36" s="1842"/>
      <c r="L36" s="1842"/>
      <c r="M36" s="1842"/>
      <c r="N36" s="1842"/>
      <c r="O36" s="1842"/>
      <c r="P36" s="1842"/>
      <c r="Q36" s="147">
        <v>13</v>
      </c>
      <c r="R36" s="1842"/>
      <c r="S36" s="1842"/>
      <c r="T36" s="1842"/>
      <c r="U36" s="1842"/>
      <c r="V36" s="1842"/>
      <c r="W36" s="1842"/>
      <c r="X36" s="1843"/>
      <c r="Y36" s="1844"/>
      <c r="Z36" s="1844"/>
      <c r="AA36" s="1845"/>
      <c r="AB36" s="1840"/>
      <c r="AC36" s="1840"/>
      <c r="AD36" s="1840"/>
      <c r="AE36" s="1840"/>
      <c r="AF36" s="1840"/>
      <c r="AG36" s="1840"/>
      <c r="AH36" s="1840"/>
      <c r="AI36" s="1841"/>
    </row>
    <row r="37" spans="1:35" ht="21" customHeight="1" x14ac:dyDescent="0.2">
      <c r="A37" s="1832"/>
      <c r="B37" s="1833"/>
      <c r="C37" s="1842"/>
      <c r="D37" s="1842"/>
      <c r="E37" s="1842"/>
      <c r="F37" s="1842"/>
      <c r="G37" s="1842"/>
      <c r="H37" s="1842"/>
      <c r="I37" s="1842"/>
      <c r="J37" s="1842"/>
      <c r="K37" s="1842"/>
      <c r="L37" s="1842"/>
      <c r="M37" s="1842"/>
      <c r="N37" s="1842"/>
      <c r="O37" s="1842"/>
      <c r="P37" s="1842"/>
      <c r="Q37" s="147">
        <v>14</v>
      </c>
      <c r="R37" s="1842"/>
      <c r="S37" s="1842"/>
      <c r="T37" s="1842"/>
      <c r="U37" s="1842"/>
      <c r="V37" s="1842"/>
      <c r="W37" s="1842"/>
      <c r="X37" s="1843"/>
      <c r="Y37" s="1844"/>
      <c r="Z37" s="1844"/>
      <c r="AA37" s="1845"/>
      <c r="AB37" s="1840"/>
      <c r="AC37" s="1840"/>
      <c r="AD37" s="1840"/>
      <c r="AE37" s="1840"/>
      <c r="AF37" s="1840"/>
      <c r="AG37" s="1840"/>
      <c r="AH37" s="1840"/>
      <c r="AI37" s="1841"/>
    </row>
    <row r="38" spans="1:35" ht="21" customHeight="1" thickBot="1" x14ac:dyDescent="0.25">
      <c r="A38" s="1834"/>
      <c r="B38" s="1835"/>
      <c r="C38" s="1824" t="s">
        <v>363</v>
      </c>
      <c r="D38" s="1825"/>
      <c r="E38" s="1825"/>
      <c r="F38" s="1825"/>
      <c r="G38" s="1825"/>
      <c r="H38" s="1825"/>
      <c r="I38" s="1825"/>
      <c r="J38" s="1825"/>
      <c r="K38" s="1825"/>
      <c r="L38" s="1825"/>
      <c r="M38" s="1825"/>
      <c r="N38" s="1825"/>
      <c r="O38" s="1825"/>
      <c r="P38" s="1825"/>
      <c r="Q38" s="1825"/>
      <c r="R38" s="1825"/>
      <c r="S38" s="1825"/>
      <c r="T38" s="1825"/>
      <c r="U38" s="1825"/>
      <c r="V38" s="1825"/>
      <c r="W38" s="1825"/>
      <c r="X38" s="1825"/>
      <c r="Y38" s="1825"/>
      <c r="Z38" s="1825"/>
      <c r="AA38" s="1825"/>
      <c r="AB38" s="1826" t="s">
        <v>49</v>
      </c>
      <c r="AC38" s="1827"/>
      <c r="AD38" s="1827"/>
      <c r="AE38" s="1827"/>
      <c r="AF38" s="1827"/>
      <c r="AG38" s="1827"/>
      <c r="AH38" s="1827"/>
      <c r="AI38" s="1828"/>
    </row>
    <row r="39" spans="1:35" ht="21" customHeight="1" x14ac:dyDescent="0.2">
      <c r="A39" s="1829" t="s">
        <v>365</v>
      </c>
      <c r="B39" s="1829"/>
      <c r="C39" s="1829"/>
      <c r="D39" s="1829"/>
      <c r="E39" s="1829"/>
      <c r="F39" s="1829"/>
      <c r="G39" s="1829"/>
      <c r="H39" s="1829"/>
      <c r="I39" s="1829"/>
      <c r="J39" s="1829"/>
      <c r="K39" s="1829"/>
      <c r="L39" s="1829"/>
      <c r="M39" s="1829"/>
      <c r="N39" s="1829"/>
      <c r="O39" s="1829"/>
      <c r="P39" s="1829"/>
      <c r="Q39" s="1829"/>
      <c r="R39" s="1829"/>
      <c r="S39" s="1829"/>
      <c r="T39" s="1829"/>
      <c r="U39" s="1829"/>
      <c r="V39" s="1829"/>
      <c r="W39" s="1829"/>
      <c r="X39" s="1829"/>
      <c r="Y39" s="1829"/>
      <c r="Z39" s="1829"/>
      <c r="AA39" s="1829"/>
      <c r="AB39" s="1829"/>
      <c r="AC39" s="1829"/>
      <c r="AD39" s="1829"/>
      <c r="AE39" s="1829"/>
      <c r="AF39" s="1829"/>
      <c r="AG39" s="1829"/>
      <c r="AH39" s="1829"/>
      <c r="AI39" s="1829"/>
    </row>
    <row r="40" spans="1:35" ht="21" customHeight="1" x14ac:dyDescent="0.2"/>
    <row r="41" spans="1:35" ht="21" customHeight="1" x14ac:dyDescent="0.2"/>
    <row r="42" spans="1:35" ht="21" customHeight="1" x14ac:dyDescent="0.2"/>
    <row r="43" spans="1:35" ht="21" customHeight="1" x14ac:dyDescent="0.2"/>
    <row r="44" spans="1:35" ht="21" customHeight="1" x14ac:dyDescent="0.2"/>
    <row r="45" spans="1:35" ht="21" customHeight="1" x14ac:dyDescent="0.2"/>
    <row r="46" spans="1:35" ht="21" customHeight="1" x14ac:dyDescent="0.2"/>
    <row r="47" spans="1:35" ht="21" customHeight="1" x14ac:dyDescent="0.2"/>
    <row r="48" spans="1:35" ht="21" customHeight="1" x14ac:dyDescent="0.2"/>
    <row r="49" ht="21" customHeight="1" x14ac:dyDescent="0.2"/>
    <row r="50" ht="21" customHeight="1" x14ac:dyDescent="0.2"/>
    <row r="51" ht="21" customHeight="1" x14ac:dyDescent="0.2"/>
    <row r="52" ht="21" customHeight="1" x14ac:dyDescent="0.2"/>
    <row r="53" ht="21" customHeight="1" x14ac:dyDescent="0.2"/>
    <row r="54" ht="21" customHeight="1" x14ac:dyDescent="0.2"/>
    <row r="55" ht="21" customHeight="1" x14ac:dyDescent="0.2"/>
    <row r="56" ht="21" customHeight="1" x14ac:dyDescent="0.2"/>
    <row r="57" ht="21" customHeight="1" x14ac:dyDescent="0.2"/>
    <row r="58" ht="21" customHeight="1" x14ac:dyDescent="0.2"/>
    <row r="59" ht="21" customHeight="1" x14ac:dyDescent="0.2"/>
    <row r="60" ht="21" customHeight="1" x14ac:dyDescent="0.2"/>
    <row r="61" ht="21" customHeight="1" x14ac:dyDescent="0.2"/>
    <row r="62" ht="21" customHeight="1" x14ac:dyDescent="0.2"/>
    <row r="63" ht="21" customHeight="1" x14ac:dyDescent="0.2"/>
    <row r="64" ht="21" customHeight="1" x14ac:dyDescent="0.2"/>
    <row r="65" ht="21" customHeight="1" x14ac:dyDescent="0.2"/>
    <row r="66" ht="21" customHeight="1" x14ac:dyDescent="0.2"/>
    <row r="67" ht="21" customHeight="1" x14ac:dyDescent="0.2"/>
    <row r="68" ht="21" customHeight="1" x14ac:dyDescent="0.2"/>
    <row r="69" ht="21" customHeight="1" x14ac:dyDescent="0.2"/>
    <row r="70" ht="21" customHeight="1" x14ac:dyDescent="0.2"/>
    <row r="71" ht="21" customHeight="1" x14ac:dyDescent="0.2"/>
    <row r="72" ht="21" customHeight="1" x14ac:dyDescent="0.2"/>
    <row r="73" ht="21" customHeight="1" x14ac:dyDescent="0.2"/>
    <row r="74" ht="21" customHeight="1" x14ac:dyDescent="0.2"/>
    <row r="75" ht="21" customHeight="1" x14ac:dyDescent="0.2"/>
    <row r="76" ht="21" customHeight="1" x14ac:dyDescent="0.2"/>
    <row r="77" ht="21" customHeight="1" x14ac:dyDescent="0.2"/>
    <row r="78" ht="21" customHeight="1" x14ac:dyDescent="0.2"/>
    <row r="79" ht="21" customHeight="1" x14ac:dyDescent="0.2"/>
    <row r="80" ht="21" customHeight="1" x14ac:dyDescent="0.2"/>
    <row r="81" ht="21" customHeight="1" x14ac:dyDescent="0.2"/>
    <row r="82" ht="21" customHeight="1" x14ac:dyDescent="0.2"/>
    <row r="83" ht="21" customHeight="1" x14ac:dyDescent="0.2"/>
    <row r="84" ht="21" customHeight="1" x14ac:dyDescent="0.2"/>
    <row r="85" ht="21" customHeight="1" x14ac:dyDescent="0.2"/>
    <row r="86" ht="21" customHeight="1" x14ac:dyDescent="0.2"/>
    <row r="87" ht="21" customHeight="1" x14ac:dyDescent="0.2"/>
    <row r="88" ht="21" customHeight="1" x14ac:dyDescent="0.2"/>
    <row r="89" ht="21" customHeight="1" x14ac:dyDescent="0.2"/>
    <row r="90" ht="21" customHeight="1" x14ac:dyDescent="0.2"/>
    <row r="91" ht="21" customHeight="1" x14ac:dyDescent="0.2"/>
    <row r="92" ht="21" customHeight="1" x14ac:dyDescent="0.2"/>
    <row r="93" ht="21" customHeight="1" x14ac:dyDescent="0.2"/>
    <row r="94" ht="21" customHeight="1" x14ac:dyDescent="0.2"/>
    <row r="95" ht="21" customHeight="1" x14ac:dyDescent="0.2"/>
    <row r="96" ht="21" customHeight="1" x14ac:dyDescent="0.2"/>
    <row r="97" ht="21" customHeight="1" x14ac:dyDescent="0.2"/>
    <row r="98" ht="21" customHeight="1" x14ac:dyDescent="0.2"/>
    <row r="99" ht="21" customHeight="1" x14ac:dyDescent="0.2"/>
    <row r="100" ht="21" customHeight="1" x14ac:dyDescent="0.2"/>
    <row r="101" ht="21" customHeight="1" x14ac:dyDescent="0.2"/>
    <row r="102" ht="21" customHeight="1" x14ac:dyDescent="0.2"/>
    <row r="103" ht="21" customHeight="1" x14ac:dyDescent="0.2"/>
    <row r="104" ht="21" customHeight="1" x14ac:dyDescent="0.2"/>
    <row r="105" ht="21" customHeight="1" x14ac:dyDescent="0.2"/>
    <row r="106" ht="21" customHeight="1" x14ac:dyDescent="0.2"/>
    <row r="107" ht="21" customHeight="1" x14ac:dyDescent="0.2"/>
    <row r="108" ht="21" customHeight="1" x14ac:dyDescent="0.2"/>
    <row r="109" ht="21" customHeight="1" x14ac:dyDescent="0.2"/>
    <row r="110" ht="21" customHeight="1" x14ac:dyDescent="0.2"/>
    <row r="111" ht="21" customHeight="1" x14ac:dyDescent="0.2"/>
    <row r="112" ht="21" customHeight="1" x14ac:dyDescent="0.2"/>
    <row r="113" ht="21" customHeight="1" x14ac:dyDescent="0.2"/>
    <row r="114" ht="21" customHeight="1" x14ac:dyDescent="0.2"/>
    <row r="115" ht="21" customHeight="1" x14ac:dyDescent="0.2"/>
    <row r="116" ht="21" customHeight="1" x14ac:dyDescent="0.2"/>
    <row r="117" ht="21" customHeight="1" x14ac:dyDescent="0.2"/>
    <row r="118" ht="21" customHeight="1" x14ac:dyDescent="0.2"/>
    <row r="119" ht="21" customHeight="1" x14ac:dyDescent="0.2"/>
    <row r="120" ht="21" customHeight="1" x14ac:dyDescent="0.2"/>
    <row r="121" ht="21" customHeight="1" x14ac:dyDescent="0.2"/>
    <row r="122" ht="21" customHeight="1" x14ac:dyDescent="0.2"/>
    <row r="123" ht="21" customHeight="1" x14ac:dyDescent="0.2"/>
    <row r="124" ht="21" customHeight="1" x14ac:dyDescent="0.2"/>
    <row r="125" ht="21" customHeight="1" x14ac:dyDescent="0.2"/>
    <row r="126" ht="21" customHeight="1" x14ac:dyDescent="0.2"/>
    <row r="127" ht="21" customHeight="1" x14ac:dyDescent="0.2"/>
    <row r="128" ht="21" customHeight="1" x14ac:dyDescent="0.2"/>
    <row r="129" ht="21" customHeight="1" x14ac:dyDescent="0.2"/>
    <row r="130" ht="21" customHeight="1" x14ac:dyDescent="0.2"/>
    <row r="131" ht="21" customHeight="1" x14ac:dyDescent="0.2"/>
    <row r="132" ht="21" customHeight="1" x14ac:dyDescent="0.2"/>
    <row r="133" ht="21" customHeight="1" x14ac:dyDescent="0.2"/>
    <row r="134" ht="21" customHeight="1" x14ac:dyDescent="0.2"/>
    <row r="135" ht="21" customHeight="1" x14ac:dyDescent="0.2"/>
    <row r="136" ht="21" customHeight="1" x14ac:dyDescent="0.2"/>
    <row r="137" ht="21" customHeight="1" x14ac:dyDescent="0.2"/>
    <row r="138" ht="21" customHeight="1" x14ac:dyDescent="0.2"/>
    <row r="139" ht="21" customHeight="1" x14ac:dyDescent="0.2"/>
    <row r="140" ht="21" customHeight="1" x14ac:dyDescent="0.2"/>
    <row r="141" ht="21" customHeight="1" x14ac:dyDescent="0.2"/>
    <row r="142" ht="21" customHeight="1" x14ac:dyDescent="0.2"/>
    <row r="143" ht="21" customHeight="1" x14ac:dyDescent="0.2"/>
    <row r="144" ht="21" customHeight="1" x14ac:dyDescent="0.2"/>
    <row r="145" ht="21" customHeight="1" x14ac:dyDescent="0.2"/>
    <row r="146" ht="21" customHeight="1" x14ac:dyDescent="0.2"/>
    <row r="147" ht="21" customHeight="1" x14ac:dyDescent="0.2"/>
    <row r="148" ht="21" customHeight="1" x14ac:dyDescent="0.2"/>
    <row r="149" ht="21" customHeight="1" x14ac:dyDescent="0.2"/>
    <row r="150" ht="21" customHeight="1" x14ac:dyDescent="0.2"/>
    <row r="151" ht="21" customHeight="1" x14ac:dyDescent="0.2"/>
    <row r="152" ht="21" customHeight="1" x14ac:dyDescent="0.2"/>
    <row r="153" ht="21" customHeight="1" x14ac:dyDescent="0.2"/>
    <row r="154" ht="21" customHeight="1" x14ac:dyDescent="0.2"/>
    <row r="155" ht="21" customHeight="1" x14ac:dyDescent="0.2"/>
    <row r="156" ht="21" customHeight="1" x14ac:dyDescent="0.2"/>
    <row r="157" ht="21" customHeight="1" x14ac:dyDescent="0.2"/>
    <row r="158" ht="21" customHeight="1" x14ac:dyDescent="0.2"/>
    <row r="159" ht="21" customHeight="1" x14ac:dyDescent="0.2"/>
    <row r="160" ht="21" customHeight="1" x14ac:dyDescent="0.2"/>
    <row r="161" ht="21" customHeight="1" x14ac:dyDescent="0.2"/>
    <row r="162" ht="21" customHeight="1" x14ac:dyDescent="0.2"/>
    <row r="163" ht="21" customHeight="1" x14ac:dyDescent="0.2"/>
    <row r="164" ht="21" customHeight="1" x14ac:dyDescent="0.2"/>
    <row r="165" ht="21" customHeight="1" x14ac:dyDescent="0.2"/>
    <row r="166" ht="21" customHeight="1" x14ac:dyDescent="0.2"/>
    <row r="167" ht="21" customHeight="1" x14ac:dyDescent="0.2"/>
    <row r="168" ht="21" customHeight="1" x14ac:dyDescent="0.2"/>
    <row r="169" ht="21" customHeight="1" x14ac:dyDescent="0.2"/>
    <row r="170" ht="21" customHeight="1" x14ac:dyDescent="0.2"/>
    <row r="171" ht="21" customHeight="1" x14ac:dyDescent="0.2"/>
    <row r="172" ht="21" customHeight="1" x14ac:dyDescent="0.2"/>
    <row r="173" ht="21" customHeight="1" x14ac:dyDescent="0.2"/>
    <row r="174" ht="21" customHeight="1" x14ac:dyDescent="0.2"/>
    <row r="175" ht="21" customHeight="1" x14ac:dyDescent="0.2"/>
    <row r="176" ht="21" customHeight="1" x14ac:dyDescent="0.2"/>
    <row r="177" ht="21" customHeight="1" x14ac:dyDescent="0.2"/>
    <row r="178" ht="21" customHeight="1" x14ac:dyDescent="0.2"/>
    <row r="179" ht="21" customHeight="1" x14ac:dyDescent="0.2"/>
    <row r="180" ht="21" customHeight="1" x14ac:dyDescent="0.2"/>
    <row r="181" ht="21" customHeight="1" x14ac:dyDescent="0.2"/>
    <row r="182" ht="21" customHeight="1" x14ac:dyDescent="0.2"/>
    <row r="183" ht="21" customHeight="1" x14ac:dyDescent="0.2"/>
    <row r="184" ht="21" customHeight="1" x14ac:dyDescent="0.2"/>
    <row r="185" ht="21" customHeight="1" x14ac:dyDescent="0.2"/>
    <row r="186" ht="21" customHeight="1" x14ac:dyDescent="0.2"/>
    <row r="187" ht="21" customHeight="1" x14ac:dyDescent="0.2"/>
    <row r="188" ht="21" customHeight="1" x14ac:dyDescent="0.2"/>
    <row r="189" ht="21" customHeight="1" x14ac:dyDescent="0.2"/>
    <row r="190" ht="21" customHeight="1" x14ac:dyDescent="0.2"/>
    <row r="191" ht="21" customHeight="1" x14ac:dyDescent="0.2"/>
    <row r="192" ht="21" customHeight="1" x14ac:dyDescent="0.2"/>
    <row r="193" ht="21" customHeight="1" x14ac:dyDescent="0.2"/>
    <row r="194" ht="21" customHeight="1" x14ac:dyDescent="0.2"/>
    <row r="195" ht="21" customHeight="1" x14ac:dyDescent="0.2"/>
    <row r="196" ht="21" customHeight="1" x14ac:dyDescent="0.2"/>
    <row r="197" ht="21" customHeight="1" x14ac:dyDescent="0.2"/>
    <row r="198" ht="21" customHeight="1" x14ac:dyDescent="0.2"/>
    <row r="199" ht="21" customHeight="1" x14ac:dyDescent="0.2"/>
    <row r="200" ht="21" customHeight="1" x14ac:dyDescent="0.2"/>
    <row r="201" ht="21" customHeight="1" x14ac:dyDescent="0.2"/>
    <row r="202" ht="21" customHeight="1" x14ac:dyDescent="0.2"/>
    <row r="203" ht="21" customHeight="1" x14ac:dyDescent="0.2"/>
    <row r="204" ht="21" customHeight="1" x14ac:dyDescent="0.2"/>
    <row r="205" ht="21" customHeight="1" x14ac:dyDescent="0.2"/>
    <row r="206" ht="21" customHeight="1" x14ac:dyDescent="0.2"/>
    <row r="207" ht="21" customHeight="1" x14ac:dyDescent="0.2"/>
    <row r="208" ht="21" customHeight="1" x14ac:dyDescent="0.2"/>
    <row r="209" ht="21" customHeight="1" x14ac:dyDescent="0.2"/>
    <row r="210" ht="21" customHeight="1" x14ac:dyDescent="0.2"/>
    <row r="211" ht="21" customHeight="1" x14ac:dyDescent="0.2"/>
    <row r="212" ht="21" customHeight="1" x14ac:dyDescent="0.2"/>
    <row r="213" ht="21" customHeight="1" x14ac:dyDescent="0.2"/>
    <row r="214" ht="21" customHeight="1" x14ac:dyDescent="0.2"/>
    <row r="215" ht="21" customHeight="1" x14ac:dyDescent="0.2"/>
    <row r="216" ht="21" customHeight="1" x14ac:dyDescent="0.2"/>
    <row r="217" ht="21" customHeight="1" x14ac:dyDescent="0.2"/>
    <row r="218" ht="21" customHeight="1" x14ac:dyDescent="0.2"/>
    <row r="219" ht="21" customHeight="1" x14ac:dyDescent="0.2"/>
    <row r="220" ht="21" customHeight="1" x14ac:dyDescent="0.2"/>
    <row r="221" ht="21" customHeight="1" x14ac:dyDescent="0.2"/>
    <row r="222" ht="21" customHeight="1" x14ac:dyDescent="0.2"/>
    <row r="223" ht="21" customHeight="1" x14ac:dyDescent="0.2"/>
    <row r="224" ht="21" customHeight="1" x14ac:dyDescent="0.2"/>
    <row r="225" ht="21" customHeight="1" x14ac:dyDescent="0.2"/>
    <row r="226" ht="21" customHeight="1" x14ac:dyDescent="0.2"/>
    <row r="227" ht="21" customHeight="1" x14ac:dyDescent="0.2"/>
    <row r="228" ht="21" customHeight="1" x14ac:dyDescent="0.2"/>
    <row r="229" ht="21" customHeight="1" x14ac:dyDescent="0.2"/>
    <row r="230" ht="21" customHeight="1" x14ac:dyDescent="0.2"/>
    <row r="231" ht="21" customHeight="1" x14ac:dyDescent="0.2"/>
    <row r="232" ht="21" customHeight="1" x14ac:dyDescent="0.2"/>
    <row r="233" ht="21" customHeight="1" x14ac:dyDescent="0.2"/>
    <row r="234" ht="21" customHeight="1" x14ac:dyDescent="0.2"/>
    <row r="235" ht="21" customHeight="1" x14ac:dyDescent="0.2"/>
    <row r="236" ht="21" customHeight="1" x14ac:dyDescent="0.2"/>
    <row r="237" ht="21" customHeight="1" x14ac:dyDescent="0.2"/>
    <row r="238" ht="21" customHeight="1" x14ac:dyDescent="0.2"/>
    <row r="239" ht="21" customHeight="1" x14ac:dyDescent="0.2"/>
    <row r="240" ht="21" customHeight="1" x14ac:dyDescent="0.2"/>
    <row r="241" ht="21" customHeight="1" x14ac:dyDescent="0.2"/>
    <row r="242" ht="21" customHeight="1" x14ac:dyDescent="0.2"/>
    <row r="243" ht="21" customHeight="1" x14ac:dyDescent="0.2"/>
    <row r="244" ht="21" customHeight="1" x14ac:dyDescent="0.2"/>
    <row r="245" ht="21" customHeight="1" x14ac:dyDescent="0.2"/>
    <row r="246" ht="21" customHeight="1" x14ac:dyDescent="0.2"/>
    <row r="247" ht="21" customHeight="1" x14ac:dyDescent="0.2"/>
    <row r="248" ht="21" customHeight="1" x14ac:dyDescent="0.2"/>
    <row r="249" ht="21" customHeight="1" x14ac:dyDescent="0.2"/>
    <row r="250" ht="21" customHeight="1" x14ac:dyDescent="0.2"/>
    <row r="251" ht="21" customHeight="1" x14ac:dyDescent="0.2"/>
    <row r="252" ht="21" customHeight="1" x14ac:dyDescent="0.2"/>
    <row r="253" ht="21" customHeight="1" x14ac:dyDescent="0.2"/>
    <row r="254" ht="21" customHeight="1" x14ac:dyDescent="0.2"/>
    <row r="255" ht="21" customHeight="1" x14ac:dyDescent="0.2"/>
    <row r="256" ht="21" customHeight="1" x14ac:dyDescent="0.2"/>
    <row r="257" ht="21" customHeight="1" x14ac:dyDescent="0.2"/>
    <row r="258" ht="21" customHeight="1" x14ac:dyDescent="0.2"/>
    <row r="259" ht="21" customHeight="1" x14ac:dyDescent="0.2"/>
    <row r="260" ht="21" customHeight="1" x14ac:dyDescent="0.2"/>
    <row r="261" ht="21" customHeight="1" x14ac:dyDescent="0.2"/>
    <row r="262" ht="21" customHeight="1" x14ac:dyDescent="0.2"/>
    <row r="263" ht="21" customHeight="1" x14ac:dyDescent="0.2"/>
    <row r="264" ht="21" customHeight="1" x14ac:dyDescent="0.2"/>
    <row r="265" ht="21" customHeight="1" x14ac:dyDescent="0.2"/>
    <row r="266" ht="21" customHeight="1" x14ac:dyDescent="0.2"/>
    <row r="267" ht="21" customHeight="1" x14ac:dyDescent="0.2"/>
    <row r="268" ht="21" customHeight="1" x14ac:dyDescent="0.2"/>
    <row r="269" ht="21" customHeight="1" x14ac:dyDescent="0.2"/>
    <row r="270" ht="21" customHeight="1" x14ac:dyDescent="0.2"/>
    <row r="271" ht="21" customHeight="1" x14ac:dyDescent="0.2"/>
    <row r="272" ht="21" customHeight="1" x14ac:dyDescent="0.2"/>
    <row r="273" ht="21" customHeight="1" x14ac:dyDescent="0.2"/>
    <row r="274" ht="21" customHeight="1" x14ac:dyDescent="0.2"/>
    <row r="275" ht="21" customHeight="1" x14ac:dyDescent="0.2"/>
    <row r="276" ht="21" customHeight="1" x14ac:dyDescent="0.2"/>
    <row r="277" ht="21" customHeight="1" x14ac:dyDescent="0.2"/>
    <row r="278" ht="21" customHeight="1" x14ac:dyDescent="0.2"/>
    <row r="279" ht="21" customHeight="1" x14ac:dyDescent="0.2"/>
    <row r="280" ht="21" customHeight="1" x14ac:dyDescent="0.2"/>
    <row r="281" ht="21" customHeight="1" x14ac:dyDescent="0.2"/>
    <row r="282" ht="21" customHeight="1" x14ac:dyDescent="0.2"/>
    <row r="283" ht="21" customHeight="1" x14ac:dyDescent="0.2"/>
    <row r="284" ht="21" customHeight="1" x14ac:dyDescent="0.2"/>
    <row r="285" ht="21" customHeight="1" x14ac:dyDescent="0.2"/>
    <row r="286" ht="21" customHeight="1" x14ac:dyDescent="0.2"/>
    <row r="287" ht="21" customHeight="1" x14ac:dyDescent="0.2"/>
    <row r="288" ht="21" customHeight="1" x14ac:dyDescent="0.2"/>
    <row r="289" ht="21" customHeight="1" x14ac:dyDescent="0.2"/>
    <row r="290" ht="21" customHeight="1" x14ac:dyDescent="0.2"/>
    <row r="291" ht="21" customHeight="1" x14ac:dyDescent="0.2"/>
    <row r="292" ht="21" customHeight="1" x14ac:dyDescent="0.2"/>
    <row r="293" ht="21" customHeight="1" x14ac:dyDescent="0.2"/>
    <row r="294" ht="21" customHeight="1" x14ac:dyDescent="0.2"/>
    <row r="295" ht="21" customHeight="1" x14ac:dyDescent="0.2"/>
    <row r="296" ht="21" customHeight="1" x14ac:dyDescent="0.2"/>
    <row r="297" ht="21" customHeight="1" x14ac:dyDescent="0.2"/>
    <row r="298" ht="21" customHeight="1" x14ac:dyDescent="0.2"/>
    <row r="299" ht="21" customHeight="1" x14ac:dyDescent="0.2"/>
    <row r="300" ht="21" customHeight="1" x14ac:dyDescent="0.2"/>
    <row r="301" ht="21" customHeight="1" x14ac:dyDescent="0.2"/>
    <row r="302" ht="21" customHeight="1" x14ac:dyDescent="0.2"/>
    <row r="303" ht="21" customHeight="1" x14ac:dyDescent="0.2"/>
    <row r="304" ht="21" customHeight="1" x14ac:dyDescent="0.2"/>
    <row r="305" ht="21" customHeight="1" x14ac:dyDescent="0.2"/>
    <row r="306" ht="21" customHeight="1" x14ac:dyDescent="0.2"/>
    <row r="307" ht="21" customHeight="1" x14ac:dyDescent="0.2"/>
    <row r="308" ht="21" customHeight="1" x14ac:dyDescent="0.2"/>
    <row r="309" ht="21" customHeight="1" x14ac:dyDescent="0.2"/>
    <row r="310" ht="21" customHeight="1" x14ac:dyDescent="0.2"/>
    <row r="311" ht="21" customHeight="1" x14ac:dyDescent="0.2"/>
    <row r="312" ht="21" customHeight="1" x14ac:dyDescent="0.2"/>
    <row r="313" ht="21" customHeight="1" x14ac:dyDescent="0.2"/>
    <row r="314" ht="21" customHeight="1" x14ac:dyDescent="0.2"/>
    <row r="315" ht="21" customHeight="1" x14ac:dyDescent="0.2"/>
    <row r="316" ht="21" customHeight="1" x14ac:dyDescent="0.2"/>
    <row r="317" ht="21" customHeight="1" x14ac:dyDescent="0.2"/>
    <row r="318" ht="21" customHeight="1" x14ac:dyDescent="0.2"/>
    <row r="319" ht="21" customHeight="1" x14ac:dyDescent="0.2"/>
    <row r="320" ht="21" customHeight="1" x14ac:dyDescent="0.2"/>
    <row r="321" ht="21" customHeight="1" x14ac:dyDescent="0.2"/>
    <row r="322" ht="21" customHeight="1" x14ac:dyDescent="0.2"/>
    <row r="323" ht="21" customHeight="1" x14ac:dyDescent="0.2"/>
    <row r="324" ht="21" customHeight="1" x14ac:dyDescent="0.2"/>
    <row r="325" ht="21" customHeight="1" x14ac:dyDescent="0.2"/>
    <row r="326" ht="21" customHeight="1" x14ac:dyDescent="0.2"/>
    <row r="327" ht="21" customHeight="1" x14ac:dyDescent="0.2"/>
    <row r="328" ht="21" customHeight="1" x14ac:dyDescent="0.2"/>
    <row r="329" ht="21" customHeight="1" x14ac:dyDescent="0.2"/>
    <row r="330" ht="21" customHeight="1" x14ac:dyDescent="0.2"/>
    <row r="331" ht="21" customHeight="1" x14ac:dyDescent="0.2"/>
    <row r="332" ht="21" customHeight="1" x14ac:dyDescent="0.2"/>
    <row r="333" ht="21" customHeight="1" x14ac:dyDescent="0.2"/>
    <row r="334" ht="21" customHeight="1" x14ac:dyDescent="0.2"/>
    <row r="335" ht="21" customHeight="1" x14ac:dyDescent="0.2"/>
    <row r="336" ht="21" customHeight="1" x14ac:dyDescent="0.2"/>
    <row r="337" ht="21" customHeight="1" x14ac:dyDescent="0.2"/>
    <row r="338" ht="21" customHeight="1" x14ac:dyDescent="0.2"/>
    <row r="339" ht="21" customHeight="1" x14ac:dyDescent="0.2"/>
    <row r="340" ht="21" customHeight="1" x14ac:dyDescent="0.2"/>
    <row r="341" ht="21" customHeight="1" x14ac:dyDescent="0.2"/>
    <row r="342" ht="21" customHeight="1" x14ac:dyDescent="0.2"/>
    <row r="343" ht="21" customHeight="1" x14ac:dyDescent="0.2"/>
    <row r="344" ht="21" customHeight="1" x14ac:dyDescent="0.2"/>
    <row r="345" ht="21" customHeight="1" x14ac:dyDescent="0.2"/>
    <row r="346" ht="21" customHeight="1" x14ac:dyDescent="0.2"/>
    <row r="347" ht="21" customHeight="1" x14ac:dyDescent="0.2"/>
    <row r="348" ht="21" customHeight="1" x14ac:dyDescent="0.2"/>
  </sheetData>
  <customSheetViews>
    <customSheetView guid="{FA98832E-F01A-4598-9960-E27C2FDAB118}" showPageBreaks="1" view="pageBreakPreview">
      <selection activeCell="J20" sqref="J20"/>
      <pageMargins left="0.59" right="0.39370078740157483" top="0.59055118110236227" bottom="0.19685039370078741" header="0.51181102362204722" footer="0.51181102362204722"/>
      <printOptions horizontalCentered="1"/>
      <pageSetup paperSize="9" orientation="portrait" horizontalDpi="300" verticalDpi="300" r:id="rId1"/>
      <headerFooter alignWithMargins="0"/>
    </customSheetView>
    <customSheetView guid="{8494577A-77FB-45FD-BD2B-C737BCFAD5B3}" showPageBreaks="1" view="pageBreakPreview">
      <selection activeCell="J20" sqref="J20"/>
      <pageMargins left="0.59" right="0.39370078740157483" top="0.59055118110236227" bottom="0.19685039370078741" header="0.51181102362204722" footer="0.51181102362204722"/>
      <printOptions horizontalCentered="1"/>
      <pageSetup paperSize="9" orientation="portrait" horizontalDpi="300" verticalDpi="300" r:id="rId2"/>
      <headerFooter alignWithMargins="0"/>
    </customSheetView>
  </customSheetViews>
  <mergeCells count="119">
    <mergeCell ref="A7:E8"/>
    <mergeCell ref="F7:K7"/>
    <mergeCell ref="L7:U7"/>
    <mergeCell ref="V7:Z8"/>
    <mergeCell ref="AA7:AI8"/>
    <mergeCell ref="F8:K8"/>
    <mergeCell ref="L8:U8"/>
    <mergeCell ref="A2:AI2"/>
    <mergeCell ref="A4:K4"/>
    <mergeCell ref="L4:AI4"/>
    <mergeCell ref="A5:K5"/>
    <mergeCell ref="L5:AI5"/>
    <mergeCell ref="A6:K6"/>
    <mergeCell ref="L6:AI6"/>
    <mergeCell ref="A9:B20"/>
    <mergeCell ref="C9:K11"/>
    <mergeCell ref="L9:W11"/>
    <mergeCell ref="X9:AA11"/>
    <mergeCell ref="AB9:AI11"/>
    <mergeCell ref="C12:D12"/>
    <mergeCell ref="E12:K12"/>
    <mergeCell ref="L12:W12"/>
    <mergeCell ref="X12:AA12"/>
    <mergeCell ref="AB12:AI12"/>
    <mergeCell ref="C13:D13"/>
    <mergeCell ref="E13:K13"/>
    <mergeCell ref="L13:W13"/>
    <mergeCell ref="X13:AA13"/>
    <mergeCell ref="AB13:AI13"/>
    <mergeCell ref="C14:D14"/>
    <mergeCell ref="E14:K14"/>
    <mergeCell ref="L14:W14"/>
    <mergeCell ref="X14:AA14"/>
    <mergeCell ref="AB14:AI14"/>
    <mergeCell ref="C15:D15"/>
    <mergeCell ref="E15:K15"/>
    <mergeCell ref="L15:W15"/>
    <mergeCell ref="X15:AA15"/>
    <mergeCell ref="AB15:AI15"/>
    <mergeCell ref="C16:D16"/>
    <mergeCell ref="E16:K16"/>
    <mergeCell ref="L16:W16"/>
    <mergeCell ref="X16:AA16"/>
    <mergeCell ref="AB16:AI16"/>
    <mergeCell ref="C19:D19"/>
    <mergeCell ref="E19:K19"/>
    <mergeCell ref="L19:W19"/>
    <mergeCell ref="X19:AA19"/>
    <mergeCell ref="AB19:AI19"/>
    <mergeCell ref="C20:W20"/>
    <mergeCell ref="X20:AA20"/>
    <mergeCell ref="AB20:AI20"/>
    <mergeCell ref="C17:D17"/>
    <mergeCell ref="E17:K17"/>
    <mergeCell ref="L17:W17"/>
    <mergeCell ref="X17:AA17"/>
    <mergeCell ref="AB17:AI17"/>
    <mergeCell ref="C18:D18"/>
    <mergeCell ref="E18:K18"/>
    <mergeCell ref="L18:W18"/>
    <mergeCell ref="X18:AA18"/>
    <mergeCell ref="AB18:AI18"/>
    <mergeCell ref="R26:W26"/>
    <mergeCell ref="X26:AA26"/>
    <mergeCell ref="AB26:AI26"/>
    <mergeCell ref="R27:W27"/>
    <mergeCell ref="X27:AA27"/>
    <mergeCell ref="AB27:AI27"/>
    <mergeCell ref="X21:AA23"/>
    <mergeCell ref="AB21:AI23"/>
    <mergeCell ref="C24:I27"/>
    <mergeCell ref="J24:P27"/>
    <mergeCell ref="R24:W24"/>
    <mergeCell ref="X24:AA24"/>
    <mergeCell ref="AB24:AI24"/>
    <mergeCell ref="R25:W25"/>
    <mergeCell ref="X25:AA25"/>
    <mergeCell ref="AB25:AI25"/>
    <mergeCell ref="AB30:AI30"/>
    <mergeCell ref="R31:W31"/>
    <mergeCell ref="X31:AA31"/>
    <mergeCell ref="AB31:AI31"/>
    <mergeCell ref="R32:W32"/>
    <mergeCell ref="X32:AA32"/>
    <mergeCell ref="AB32:AI32"/>
    <mergeCell ref="C28:I32"/>
    <mergeCell ref="J28:P32"/>
    <mergeCell ref="R28:W28"/>
    <mergeCell ref="X28:AA28"/>
    <mergeCell ref="AB28:AI28"/>
    <mergeCell ref="R29:W29"/>
    <mergeCell ref="X29:AA29"/>
    <mergeCell ref="AB29:AI29"/>
    <mergeCell ref="R30:W30"/>
    <mergeCell ref="X30:AA30"/>
    <mergeCell ref="C38:AA38"/>
    <mergeCell ref="AB38:AI38"/>
    <mergeCell ref="A39:AI39"/>
    <mergeCell ref="A21:B38"/>
    <mergeCell ref="C21:I23"/>
    <mergeCell ref="J21:P23"/>
    <mergeCell ref="Q21:W23"/>
    <mergeCell ref="AB35:AI35"/>
    <mergeCell ref="R36:W36"/>
    <mergeCell ref="X36:AA36"/>
    <mergeCell ref="AB36:AI36"/>
    <mergeCell ref="R37:W37"/>
    <mergeCell ref="X37:AA37"/>
    <mergeCell ref="AB37:AI37"/>
    <mergeCell ref="C33:I37"/>
    <mergeCell ref="J33:P37"/>
    <mergeCell ref="R33:W33"/>
    <mergeCell ref="X33:AA33"/>
    <mergeCell ref="AB33:AI33"/>
    <mergeCell ref="R34:W34"/>
    <mergeCell ref="X34:AA34"/>
    <mergeCell ref="AB34:AI34"/>
    <mergeCell ref="R35:W35"/>
    <mergeCell ref="X35:AA35"/>
  </mergeCells>
  <phoneticPr fontId="6"/>
  <printOptions horizontalCentered="1"/>
  <pageMargins left="0.59" right="0.39370078740157483" top="0.59055118110236227" bottom="0.19685039370078741" header="0.51181102362204722" footer="0.51181102362204722"/>
  <pageSetup paperSize="9" orientation="portrait" horizontalDpi="300" verticalDpi="300" r:id="rId3"/>
  <headerFooter alignWithMargins="0"/>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A1:AI348"/>
  <sheetViews>
    <sheetView view="pageBreakPreview" zoomScaleNormal="100" workbookViewId="0">
      <selection activeCell="C20" sqref="C20:W20"/>
    </sheetView>
  </sheetViews>
  <sheetFormatPr defaultColWidth="9" defaultRowHeight="13.2" x14ac:dyDescent="0.2"/>
  <cols>
    <col min="1" max="64" width="2.6640625" style="103" customWidth="1"/>
    <col min="65" max="16384" width="9" style="103"/>
  </cols>
  <sheetData>
    <row r="1" spans="1:35" s="95" customFormat="1" ht="21" customHeight="1" x14ac:dyDescent="0.2">
      <c r="A1" s="247" t="s">
        <v>279</v>
      </c>
      <c r="B1" s="146"/>
      <c r="C1" s="146"/>
      <c r="D1" s="146"/>
      <c r="E1" s="146"/>
      <c r="F1" s="146"/>
      <c r="G1" s="146"/>
      <c r="H1" s="146"/>
      <c r="I1" s="146"/>
      <c r="J1" s="146"/>
      <c r="K1" s="146"/>
      <c r="L1" s="146"/>
      <c r="M1" s="146"/>
      <c r="N1" s="146"/>
      <c r="O1" s="146"/>
      <c r="P1" s="146"/>
      <c r="Q1" s="146"/>
      <c r="R1" s="146"/>
      <c r="S1" s="146"/>
      <c r="T1" s="146"/>
      <c r="U1" s="146"/>
      <c r="V1" s="146"/>
      <c r="W1" s="146"/>
      <c r="X1" s="146"/>
      <c r="Y1" s="146"/>
      <c r="Z1" s="146"/>
      <c r="AA1" s="146"/>
      <c r="AB1" s="146"/>
      <c r="AC1" s="146"/>
      <c r="AD1" s="146"/>
      <c r="AE1" s="146"/>
      <c r="AF1" s="146"/>
      <c r="AG1" s="146"/>
      <c r="AH1" s="146"/>
      <c r="AI1" s="146"/>
    </row>
    <row r="2" spans="1:35" s="95" customFormat="1" ht="21" customHeight="1" x14ac:dyDescent="0.2">
      <c r="A2" s="1883" t="s">
        <v>345</v>
      </c>
      <c r="B2" s="1883"/>
      <c r="C2" s="1883"/>
      <c r="D2" s="1883"/>
      <c r="E2" s="1883"/>
      <c r="F2" s="1883"/>
      <c r="G2" s="1883"/>
      <c r="H2" s="1883"/>
      <c r="I2" s="1883"/>
      <c r="J2" s="1883"/>
      <c r="K2" s="1883"/>
      <c r="L2" s="1883"/>
      <c r="M2" s="1883"/>
      <c r="N2" s="1883"/>
      <c r="O2" s="1883"/>
      <c r="P2" s="1883"/>
      <c r="Q2" s="1883"/>
      <c r="R2" s="1883"/>
      <c r="S2" s="1883"/>
      <c r="T2" s="1883"/>
      <c r="U2" s="1883"/>
      <c r="V2" s="1883"/>
      <c r="W2" s="1883"/>
      <c r="X2" s="1883"/>
      <c r="Y2" s="1883"/>
      <c r="Z2" s="1883"/>
      <c r="AA2" s="1883"/>
      <c r="AB2" s="1883"/>
      <c r="AC2" s="1883"/>
      <c r="AD2" s="1883"/>
      <c r="AE2" s="1883"/>
      <c r="AF2" s="1883"/>
      <c r="AG2" s="1883"/>
      <c r="AH2" s="1883"/>
      <c r="AI2" s="1883"/>
    </row>
    <row r="3" spans="1:35" ht="21" customHeight="1" thickBot="1" x14ac:dyDescent="0.25">
      <c r="A3" s="102"/>
      <c r="B3" s="102"/>
      <c r="C3" s="102"/>
      <c r="D3" s="102"/>
      <c r="E3" s="102"/>
      <c r="F3" s="102"/>
      <c r="G3" s="102"/>
      <c r="H3" s="102"/>
      <c r="I3" s="102"/>
      <c r="J3" s="102"/>
      <c r="K3" s="102"/>
      <c r="L3" s="102"/>
      <c r="M3" s="102"/>
      <c r="N3" s="102"/>
      <c r="O3" s="102"/>
      <c r="P3" s="102"/>
      <c r="Q3" s="102"/>
      <c r="R3" s="102"/>
      <c r="S3" s="102"/>
      <c r="T3" s="102"/>
      <c r="U3" s="102"/>
      <c r="V3" s="102"/>
      <c r="W3" s="102"/>
      <c r="X3" s="102"/>
      <c r="Y3" s="102"/>
      <c r="Z3" s="102"/>
      <c r="AA3" s="102"/>
      <c r="AB3" s="102"/>
      <c r="AC3" s="102"/>
      <c r="AD3" s="102"/>
      <c r="AE3" s="102"/>
      <c r="AF3" s="102"/>
      <c r="AG3" s="102"/>
      <c r="AH3" s="102"/>
      <c r="AI3" s="102"/>
    </row>
    <row r="4" spans="1:35" ht="21" customHeight="1" x14ac:dyDescent="0.2">
      <c r="A4" s="1884" t="s">
        <v>133</v>
      </c>
      <c r="B4" s="1885"/>
      <c r="C4" s="1885"/>
      <c r="D4" s="1885"/>
      <c r="E4" s="1885"/>
      <c r="F4" s="1885"/>
      <c r="G4" s="1885"/>
      <c r="H4" s="1885"/>
      <c r="I4" s="1885"/>
      <c r="J4" s="1885"/>
      <c r="K4" s="1885"/>
      <c r="L4" s="1886"/>
      <c r="M4" s="1886"/>
      <c r="N4" s="1886"/>
      <c r="O4" s="1886"/>
      <c r="P4" s="1886"/>
      <c r="Q4" s="1886"/>
      <c r="R4" s="1886"/>
      <c r="S4" s="1886"/>
      <c r="T4" s="1886"/>
      <c r="U4" s="1886"/>
      <c r="V4" s="1886"/>
      <c r="W4" s="1886"/>
      <c r="X4" s="1886"/>
      <c r="Y4" s="1886"/>
      <c r="Z4" s="1886"/>
      <c r="AA4" s="1886"/>
      <c r="AB4" s="1886"/>
      <c r="AC4" s="1886"/>
      <c r="AD4" s="1886"/>
      <c r="AE4" s="1886"/>
      <c r="AF4" s="1886"/>
      <c r="AG4" s="1886"/>
      <c r="AH4" s="1886"/>
      <c r="AI4" s="1887"/>
    </row>
    <row r="5" spans="1:35" ht="21" customHeight="1" x14ac:dyDescent="0.2">
      <c r="A5" s="1888" t="s">
        <v>346</v>
      </c>
      <c r="B5" s="1879"/>
      <c r="C5" s="1879"/>
      <c r="D5" s="1879"/>
      <c r="E5" s="1879"/>
      <c r="F5" s="1879"/>
      <c r="G5" s="1879"/>
      <c r="H5" s="1879"/>
      <c r="I5" s="1879"/>
      <c r="J5" s="1879"/>
      <c r="K5" s="1879"/>
      <c r="L5" s="1860" t="s">
        <v>347</v>
      </c>
      <c r="M5" s="1861"/>
      <c r="N5" s="1861"/>
      <c r="O5" s="1861"/>
      <c r="P5" s="1861"/>
      <c r="Q5" s="1861"/>
      <c r="R5" s="1861"/>
      <c r="S5" s="1861"/>
      <c r="T5" s="1861"/>
      <c r="U5" s="1861"/>
      <c r="V5" s="1861"/>
      <c r="W5" s="1861"/>
      <c r="X5" s="1861"/>
      <c r="Y5" s="1861"/>
      <c r="Z5" s="1861"/>
      <c r="AA5" s="1861"/>
      <c r="AB5" s="1861"/>
      <c r="AC5" s="1861"/>
      <c r="AD5" s="1861"/>
      <c r="AE5" s="1861"/>
      <c r="AF5" s="1861"/>
      <c r="AG5" s="1861"/>
      <c r="AH5" s="1861"/>
      <c r="AI5" s="1862"/>
    </row>
    <row r="6" spans="1:35" ht="21" customHeight="1" x14ac:dyDescent="0.2">
      <c r="A6" s="1888" t="s">
        <v>126</v>
      </c>
      <c r="B6" s="1879"/>
      <c r="C6" s="1879"/>
      <c r="D6" s="1879"/>
      <c r="E6" s="1879"/>
      <c r="F6" s="1879"/>
      <c r="G6" s="1879"/>
      <c r="H6" s="1879"/>
      <c r="I6" s="1879"/>
      <c r="J6" s="1879"/>
      <c r="K6" s="1879"/>
      <c r="L6" s="1889"/>
      <c r="M6" s="1889"/>
      <c r="N6" s="1889"/>
      <c r="O6" s="1889"/>
      <c r="P6" s="1889"/>
      <c r="Q6" s="1889"/>
      <c r="R6" s="1889"/>
      <c r="S6" s="1889"/>
      <c r="T6" s="1889"/>
      <c r="U6" s="1889"/>
      <c r="V6" s="1889"/>
      <c r="W6" s="1889"/>
      <c r="X6" s="1889"/>
      <c r="Y6" s="1889"/>
      <c r="Z6" s="1889"/>
      <c r="AA6" s="1889"/>
      <c r="AB6" s="1889"/>
      <c r="AC6" s="1889"/>
      <c r="AD6" s="1889"/>
      <c r="AE6" s="1889"/>
      <c r="AF6" s="1889"/>
      <c r="AG6" s="1889"/>
      <c r="AH6" s="1889"/>
      <c r="AI6" s="1890"/>
    </row>
    <row r="7" spans="1:35" ht="21" customHeight="1" x14ac:dyDescent="0.2">
      <c r="A7" s="1457" t="s">
        <v>127</v>
      </c>
      <c r="B7" s="1458"/>
      <c r="C7" s="1458"/>
      <c r="D7" s="1458"/>
      <c r="E7" s="1458"/>
      <c r="F7" s="1879" t="s">
        <v>128</v>
      </c>
      <c r="G7" s="1879"/>
      <c r="H7" s="1879"/>
      <c r="I7" s="1879"/>
      <c r="J7" s="1879"/>
      <c r="K7" s="1879"/>
      <c r="L7" s="1458"/>
      <c r="M7" s="1458"/>
      <c r="N7" s="1458"/>
      <c r="O7" s="1458"/>
      <c r="P7" s="1458"/>
      <c r="Q7" s="1458"/>
      <c r="R7" s="1458"/>
      <c r="S7" s="1458"/>
      <c r="T7" s="1458"/>
      <c r="U7" s="1458"/>
      <c r="V7" s="1458" t="s">
        <v>129</v>
      </c>
      <c r="W7" s="1458"/>
      <c r="X7" s="1458"/>
      <c r="Y7" s="1458"/>
      <c r="Z7" s="1458"/>
      <c r="AA7" s="1458"/>
      <c r="AB7" s="1458"/>
      <c r="AC7" s="1458"/>
      <c r="AD7" s="1458"/>
      <c r="AE7" s="1458"/>
      <c r="AF7" s="1458"/>
      <c r="AG7" s="1458"/>
      <c r="AH7" s="1458"/>
      <c r="AI7" s="1880"/>
    </row>
    <row r="8" spans="1:35" ht="21" customHeight="1" thickBot="1" x14ac:dyDescent="0.25">
      <c r="A8" s="1878"/>
      <c r="B8" s="1858"/>
      <c r="C8" s="1858"/>
      <c r="D8" s="1858"/>
      <c r="E8" s="1858"/>
      <c r="F8" s="1882" t="s">
        <v>130</v>
      </c>
      <c r="G8" s="1882"/>
      <c r="H8" s="1882"/>
      <c r="I8" s="1882"/>
      <c r="J8" s="1882"/>
      <c r="K8" s="1882"/>
      <c r="L8" s="1858"/>
      <c r="M8" s="1858"/>
      <c r="N8" s="1858"/>
      <c r="O8" s="1858"/>
      <c r="P8" s="1858"/>
      <c r="Q8" s="1858"/>
      <c r="R8" s="1858"/>
      <c r="S8" s="1858"/>
      <c r="T8" s="1858"/>
      <c r="U8" s="1858"/>
      <c r="V8" s="1858"/>
      <c r="W8" s="1858"/>
      <c r="X8" s="1858"/>
      <c r="Y8" s="1858"/>
      <c r="Z8" s="1858"/>
      <c r="AA8" s="1858"/>
      <c r="AB8" s="1858"/>
      <c r="AC8" s="1858"/>
      <c r="AD8" s="1858"/>
      <c r="AE8" s="1858"/>
      <c r="AF8" s="1858"/>
      <c r="AG8" s="1858"/>
      <c r="AH8" s="1858"/>
      <c r="AI8" s="1881"/>
    </row>
    <row r="9" spans="1:35" ht="21" customHeight="1" thickTop="1" x14ac:dyDescent="0.2">
      <c r="A9" s="1864" t="s">
        <v>28</v>
      </c>
      <c r="B9" s="1865"/>
      <c r="C9" s="1868" t="s">
        <v>29</v>
      </c>
      <c r="D9" s="1868"/>
      <c r="E9" s="1868"/>
      <c r="F9" s="1868"/>
      <c r="G9" s="1868"/>
      <c r="H9" s="1868"/>
      <c r="I9" s="1868"/>
      <c r="J9" s="1868"/>
      <c r="K9" s="1868"/>
      <c r="L9" s="1454" t="s">
        <v>30</v>
      </c>
      <c r="M9" s="1454"/>
      <c r="N9" s="1454"/>
      <c r="O9" s="1454"/>
      <c r="P9" s="1454"/>
      <c r="Q9" s="1454"/>
      <c r="R9" s="1454"/>
      <c r="S9" s="1454"/>
      <c r="T9" s="1454"/>
      <c r="U9" s="1454"/>
      <c r="V9" s="1454"/>
      <c r="W9" s="1454"/>
      <c r="X9" s="1454" t="s">
        <v>197</v>
      </c>
      <c r="Y9" s="1454"/>
      <c r="Z9" s="1454"/>
      <c r="AA9" s="1454"/>
      <c r="AB9" s="1869" t="s">
        <v>348</v>
      </c>
      <c r="AC9" s="1870"/>
      <c r="AD9" s="1870"/>
      <c r="AE9" s="1870"/>
      <c r="AF9" s="1870"/>
      <c r="AG9" s="1870"/>
      <c r="AH9" s="1870"/>
      <c r="AI9" s="1871"/>
    </row>
    <row r="10" spans="1:35" ht="21" customHeight="1" x14ac:dyDescent="0.2">
      <c r="A10" s="1832"/>
      <c r="B10" s="1833"/>
      <c r="C10" s="1863"/>
      <c r="D10" s="1863"/>
      <c r="E10" s="1863"/>
      <c r="F10" s="1863"/>
      <c r="G10" s="1863"/>
      <c r="H10" s="1863"/>
      <c r="I10" s="1863"/>
      <c r="J10" s="1863"/>
      <c r="K10" s="1863"/>
      <c r="L10" s="1458"/>
      <c r="M10" s="1458"/>
      <c r="N10" s="1458"/>
      <c r="O10" s="1458"/>
      <c r="P10" s="1458"/>
      <c r="Q10" s="1458"/>
      <c r="R10" s="1458"/>
      <c r="S10" s="1458"/>
      <c r="T10" s="1458"/>
      <c r="U10" s="1458"/>
      <c r="V10" s="1458"/>
      <c r="W10" s="1458"/>
      <c r="X10" s="1458"/>
      <c r="Y10" s="1458"/>
      <c r="Z10" s="1458"/>
      <c r="AA10" s="1458"/>
      <c r="AB10" s="1872"/>
      <c r="AC10" s="1854"/>
      <c r="AD10" s="1854"/>
      <c r="AE10" s="1854"/>
      <c r="AF10" s="1854"/>
      <c r="AG10" s="1854"/>
      <c r="AH10" s="1854"/>
      <c r="AI10" s="1855"/>
    </row>
    <row r="11" spans="1:35" ht="21" customHeight="1" x14ac:dyDescent="0.2">
      <c r="A11" s="1832"/>
      <c r="B11" s="1833"/>
      <c r="C11" s="1863"/>
      <c r="D11" s="1863"/>
      <c r="E11" s="1863"/>
      <c r="F11" s="1863"/>
      <c r="G11" s="1863"/>
      <c r="H11" s="1863"/>
      <c r="I11" s="1863"/>
      <c r="J11" s="1863"/>
      <c r="K11" s="1863"/>
      <c r="L11" s="1458"/>
      <c r="M11" s="1458"/>
      <c r="N11" s="1458"/>
      <c r="O11" s="1458"/>
      <c r="P11" s="1458"/>
      <c r="Q11" s="1458"/>
      <c r="R11" s="1458"/>
      <c r="S11" s="1458"/>
      <c r="T11" s="1458"/>
      <c r="U11" s="1458"/>
      <c r="V11" s="1458"/>
      <c r="W11" s="1458"/>
      <c r="X11" s="1458"/>
      <c r="Y11" s="1458"/>
      <c r="Z11" s="1458"/>
      <c r="AA11" s="1458"/>
      <c r="AB11" s="1873"/>
      <c r="AC11" s="1856"/>
      <c r="AD11" s="1856"/>
      <c r="AE11" s="1856"/>
      <c r="AF11" s="1856"/>
      <c r="AG11" s="1856"/>
      <c r="AH11" s="1856"/>
      <c r="AI11" s="1857"/>
    </row>
    <row r="12" spans="1:35" ht="21" customHeight="1" x14ac:dyDescent="0.2">
      <c r="A12" s="1832"/>
      <c r="B12" s="1833"/>
      <c r="C12" s="1863">
        <v>1</v>
      </c>
      <c r="D12" s="1863"/>
      <c r="E12" s="1863" t="s">
        <v>349</v>
      </c>
      <c r="F12" s="1863"/>
      <c r="G12" s="1863"/>
      <c r="H12" s="1863"/>
      <c r="I12" s="1863"/>
      <c r="J12" s="1863"/>
      <c r="K12" s="1863"/>
      <c r="L12" s="1874" t="s">
        <v>350</v>
      </c>
      <c r="M12" s="1875"/>
      <c r="N12" s="1875"/>
      <c r="O12" s="1875"/>
      <c r="P12" s="1875"/>
      <c r="Q12" s="1875"/>
      <c r="R12" s="1875"/>
      <c r="S12" s="1875"/>
      <c r="T12" s="1875"/>
      <c r="U12" s="1875"/>
      <c r="V12" s="1875"/>
      <c r="W12" s="1876"/>
      <c r="X12" s="1877" t="s">
        <v>351</v>
      </c>
      <c r="Y12" s="1458"/>
      <c r="Z12" s="1458"/>
      <c r="AA12" s="1458"/>
      <c r="AB12" s="1860"/>
      <c r="AC12" s="1861"/>
      <c r="AD12" s="1861"/>
      <c r="AE12" s="1861"/>
      <c r="AF12" s="1861"/>
      <c r="AG12" s="1861"/>
      <c r="AH12" s="1861"/>
      <c r="AI12" s="1862"/>
    </row>
    <row r="13" spans="1:35" ht="21" customHeight="1" x14ac:dyDescent="0.2">
      <c r="A13" s="1832"/>
      <c r="B13" s="1833"/>
      <c r="C13" s="1863">
        <v>2</v>
      </c>
      <c r="D13" s="1863"/>
      <c r="E13" s="1863" t="s">
        <v>352</v>
      </c>
      <c r="F13" s="1863"/>
      <c r="G13" s="1863"/>
      <c r="H13" s="1863"/>
      <c r="I13" s="1863"/>
      <c r="J13" s="1863"/>
      <c r="K13" s="1863"/>
      <c r="L13" s="1874" t="s">
        <v>350</v>
      </c>
      <c r="M13" s="1875"/>
      <c r="N13" s="1875"/>
      <c r="O13" s="1875"/>
      <c r="P13" s="1875"/>
      <c r="Q13" s="1875"/>
      <c r="R13" s="1875"/>
      <c r="S13" s="1875"/>
      <c r="T13" s="1875"/>
      <c r="U13" s="1875"/>
      <c r="V13" s="1875"/>
      <c r="W13" s="1876"/>
      <c r="X13" s="1458" t="s">
        <v>353</v>
      </c>
      <c r="Y13" s="1458"/>
      <c r="Z13" s="1458"/>
      <c r="AA13" s="1458"/>
      <c r="AB13" s="1860" t="s">
        <v>33</v>
      </c>
      <c r="AC13" s="1861"/>
      <c r="AD13" s="1861"/>
      <c r="AE13" s="1861"/>
      <c r="AF13" s="1861"/>
      <c r="AG13" s="1861"/>
      <c r="AH13" s="1861"/>
      <c r="AI13" s="1862"/>
    </row>
    <row r="14" spans="1:35" ht="21" customHeight="1" x14ac:dyDescent="0.2">
      <c r="A14" s="1832"/>
      <c r="B14" s="1833"/>
      <c r="C14" s="1863">
        <v>3</v>
      </c>
      <c r="D14" s="1863"/>
      <c r="E14" s="1863" t="s">
        <v>354</v>
      </c>
      <c r="F14" s="1863"/>
      <c r="G14" s="1863"/>
      <c r="H14" s="1863"/>
      <c r="I14" s="1863"/>
      <c r="J14" s="1863"/>
      <c r="K14" s="1863"/>
      <c r="L14" s="1874" t="s">
        <v>350</v>
      </c>
      <c r="M14" s="1875"/>
      <c r="N14" s="1875"/>
      <c r="O14" s="1875"/>
      <c r="P14" s="1875"/>
      <c r="Q14" s="1875"/>
      <c r="R14" s="1875"/>
      <c r="S14" s="1875"/>
      <c r="T14" s="1875"/>
      <c r="U14" s="1875"/>
      <c r="V14" s="1875"/>
      <c r="W14" s="1876"/>
      <c r="X14" s="1458" t="s">
        <v>355</v>
      </c>
      <c r="Y14" s="1458"/>
      <c r="Z14" s="1458"/>
      <c r="AA14" s="1458"/>
      <c r="AB14" s="1860"/>
      <c r="AC14" s="1861"/>
      <c r="AD14" s="1861"/>
      <c r="AE14" s="1861"/>
      <c r="AF14" s="1861"/>
      <c r="AG14" s="1861"/>
      <c r="AH14" s="1861"/>
      <c r="AI14" s="1862"/>
    </row>
    <row r="15" spans="1:35" ht="21" customHeight="1" x14ac:dyDescent="0.2">
      <c r="A15" s="1832"/>
      <c r="B15" s="1833"/>
      <c r="C15" s="1863">
        <v>4</v>
      </c>
      <c r="D15" s="1863"/>
      <c r="E15" s="1863"/>
      <c r="F15" s="1863"/>
      <c r="G15" s="1863"/>
      <c r="H15" s="1863"/>
      <c r="I15" s="1863"/>
      <c r="J15" s="1863"/>
      <c r="K15" s="1863"/>
      <c r="L15" s="1458"/>
      <c r="M15" s="1458"/>
      <c r="N15" s="1458"/>
      <c r="O15" s="1458"/>
      <c r="P15" s="1458"/>
      <c r="Q15" s="1458"/>
      <c r="R15" s="1458"/>
      <c r="S15" s="1458"/>
      <c r="T15" s="1458"/>
      <c r="U15" s="1458"/>
      <c r="V15" s="1458"/>
      <c r="W15" s="1458"/>
      <c r="X15" s="1458"/>
      <c r="Y15" s="1458"/>
      <c r="Z15" s="1458"/>
      <c r="AA15" s="1458"/>
      <c r="AB15" s="1860"/>
      <c r="AC15" s="1861"/>
      <c r="AD15" s="1861"/>
      <c r="AE15" s="1861"/>
      <c r="AF15" s="1861"/>
      <c r="AG15" s="1861"/>
      <c r="AH15" s="1861"/>
      <c r="AI15" s="1862"/>
    </row>
    <row r="16" spans="1:35" ht="21" customHeight="1" x14ac:dyDescent="0.2">
      <c r="A16" s="1832"/>
      <c r="B16" s="1833"/>
      <c r="C16" s="1863">
        <v>5</v>
      </c>
      <c r="D16" s="1863"/>
      <c r="E16" s="1863"/>
      <c r="F16" s="1863"/>
      <c r="G16" s="1863"/>
      <c r="H16" s="1863"/>
      <c r="I16" s="1863"/>
      <c r="J16" s="1863"/>
      <c r="K16" s="1863"/>
      <c r="L16" s="1458"/>
      <c r="M16" s="1458"/>
      <c r="N16" s="1458"/>
      <c r="O16" s="1458"/>
      <c r="P16" s="1458"/>
      <c r="Q16" s="1458"/>
      <c r="R16" s="1458"/>
      <c r="S16" s="1458"/>
      <c r="T16" s="1458"/>
      <c r="U16" s="1458"/>
      <c r="V16" s="1458"/>
      <c r="W16" s="1458"/>
      <c r="X16" s="1458"/>
      <c r="Y16" s="1458"/>
      <c r="Z16" s="1458"/>
      <c r="AA16" s="1458"/>
      <c r="AB16" s="1860"/>
      <c r="AC16" s="1861"/>
      <c r="AD16" s="1861"/>
      <c r="AE16" s="1861"/>
      <c r="AF16" s="1861"/>
      <c r="AG16" s="1861"/>
      <c r="AH16" s="1861"/>
      <c r="AI16" s="1862"/>
    </row>
    <row r="17" spans="1:35" ht="21" customHeight="1" x14ac:dyDescent="0.2">
      <c r="A17" s="1832"/>
      <c r="B17" s="1833"/>
      <c r="C17" s="1863">
        <v>6</v>
      </c>
      <c r="D17" s="1863"/>
      <c r="E17" s="1863"/>
      <c r="F17" s="1863"/>
      <c r="G17" s="1863"/>
      <c r="H17" s="1863"/>
      <c r="I17" s="1863"/>
      <c r="J17" s="1863"/>
      <c r="K17" s="1863"/>
      <c r="L17" s="1458"/>
      <c r="M17" s="1458"/>
      <c r="N17" s="1458"/>
      <c r="O17" s="1458"/>
      <c r="P17" s="1458"/>
      <c r="Q17" s="1458"/>
      <c r="R17" s="1458"/>
      <c r="S17" s="1458"/>
      <c r="T17" s="1458"/>
      <c r="U17" s="1458"/>
      <c r="V17" s="1458"/>
      <c r="W17" s="1458"/>
      <c r="X17" s="1458"/>
      <c r="Y17" s="1458"/>
      <c r="Z17" s="1458"/>
      <c r="AA17" s="1458"/>
      <c r="AB17" s="1860"/>
      <c r="AC17" s="1861"/>
      <c r="AD17" s="1861"/>
      <c r="AE17" s="1861"/>
      <c r="AF17" s="1861"/>
      <c r="AG17" s="1861"/>
      <c r="AH17" s="1861"/>
      <c r="AI17" s="1862"/>
    </row>
    <row r="18" spans="1:35" ht="21" customHeight="1" x14ac:dyDescent="0.2">
      <c r="A18" s="1832"/>
      <c r="B18" s="1833"/>
      <c r="C18" s="1863">
        <v>7</v>
      </c>
      <c r="D18" s="1863"/>
      <c r="E18" s="1863"/>
      <c r="F18" s="1863"/>
      <c r="G18" s="1863"/>
      <c r="H18" s="1863"/>
      <c r="I18" s="1863"/>
      <c r="J18" s="1863"/>
      <c r="K18" s="1863"/>
      <c r="L18" s="1458"/>
      <c r="M18" s="1458"/>
      <c r="N18" s="1458"/>
      <c r="O18" s="1458"/>
      <c r="P18" s="1458"/>
      <c r="Q18" s="1458"/>
      <c r="R18" s="1458"/>
      <c r="S18" s="1458"/>
      <c r="T18" s="1458"/>
      <c r="U18" s="1458"/>
      <c r="V18" s="1458"/>
      <c r="W18" s="1458"/>
      <c r="X18" s="1458"/>
      <c r="Y18" s="1458"/>
      <c r="Z18" s="1458"/>
      <c r="AA18" s="1458"/>
      <c r="AB18" s="1860"/>
      <c r="AC18" s="1861"/>
      <c r="AD18" s="1861"/>
      <c r="AE18" s="1861"/>
      <c r="AF18" s="1861"/>
      <c r="AG18" s="1861"/>
      <c r="AH18" s="1861"/>
      <c r="AI18" s="1862"/>
    </row>
    <row r="19" spans="1:35" ht="21" customHeight="1" x14ac:dyDescent="0.2">
      <c r="A19" s="1832"/>
      <c r="B19" s="1833"/>
      <c r="C19" s="1863">
        <v>8</v>
      </c>
      <c r="D19" s="1863"/>
      <c r="E19" s="1863"/>
      <c r="F19" s="1863"/>
      <c r="G19" s="1863"/>
      <c r="H19" s="1863"/>
      <c r="I19" s="1863"/>
      <c r="J19" s="1863"/>
      <c r="K19" s="1863"/>
      <c r="L19" s="1458"/>
      <c r="M19" s="1458"/>
      <c r="N19" s="1458"/>
      <c r="O19" s="1458"/>
      <c r="P19" s="1458"/>
      <c r="Q19" s="1458"/>
      <c r="R19" s="1458"/>
      <c r="S19" s="1458"/>
      <c r="T19" s="1458"/>
      <c r="U19" s="1458"/>
      <c r="V19" s="1458"/>
      <c r="W19" s="1458"/>
      <c r="X19" s="1458"/>
      <c r="Y19" s="1458"/>
      <c r="Z19" s="1458"/>
      <c r="AA19" s="1458"/>
      <c r="AB19" s="1860"/>
      <c r="AC19" s="1861"/>
      <c r="AD19" s="1861"/>
      <c r="AE19" s="1861"/>
      <c r="AF19" s="1861"/>
      <c r="AG19" s="1861"/>
      <c r="AH19" s="1861"/>
      <c r="AI19" s="1862"/>
    </row>
    <row r="20" spans="1:35" ht="21" customHeight="1" thickBot="1" x14ac:dyDescent="0.25">
      <c r="A20" s="1866"/>
      <c r="B20" s="1867"/>
      <c r="C20" s="1858" t="s">
        <v>356</v>
      </c>
      <c r="D20" s="1858"/>
      <c r="E20" s="1858"/>
      <c r="F20" s="1858"/>
      <c r="G20" s="1858"/>
      <c r="H20" s="1858"/>
      <c r="I20" s="1858"/>
      <c r="J20" s="1858"/>
      <c r="K20" s="1858"/>
      <c r="L20" s="1858"/>
      <c r="M20" s="1858"/>
      <c r="N20" s="1858"/>
      <c r="O20" s="1858"/>
      <c r="P20" s="1858"/>
      <c r="Q20" s="1858"/>
      <c r="R20" s="1858"/>
      <c r="S20" s="1858"/>
      <c r="T20" s="1858"/>
      <c r="U20" s="1858"/>
      <c r="V20" s="1858"/>
      <c r="W20" s="1858"/>
      <c r="X20" s="1859" t="s">
        <v>357</v>
      </c>
      <c r="Y20" s="1859"/>
      <c r="Z20" s="1859"/>
      <c r="AA20" s="1859"/>
      <c r="AB20" s="1860"/>
      <c r="AC20" s="1861"/>
      <c r="AD20" s="1861"/>
      <c r="AE20" s="1861"/>
      <c r="AF20" s="1861"/>
      <c r="AG20" s="1861"/>
      <c r="AH20" s="1861"/>
      <c r="AI20" s="1862"/>
    </row>
    <row r="21" spans="1:35" ht="21" customHeight="1" x14ac:dyDescent="0.2">
      <c r="A21" s="1830" t="s">
        <v>358</v>
      </c>
      <c r="B21" s="1831"/>
      <c r="C21" s="1836" t="s">
        <v>31</v>
      </c>
      <c r="D21" s="1836"/>
      <c r="E21" s="1836"/>
      <c r="F21" s="1836"/>
      <c r="G21" s="1836"/>
      <c r="H21" s="1836"/>
      <c r="I21" s="1836"/>
      <c r="J21" s="1838" t="s">
        <v>359</v>
      </c>
      <c r="K21" s="1838"/>
      <c r="L21" s="1838"/>
      <c r="M21" s="1838"/>
      <c r="N21" s="1838"/>
      <c r="O21" s="1838"/>
      <c r="P21" s="1838"/>
      <c r="Q21" s="1838" t="s">
        <v>54</v>
      </c>
      <c r="R21" s="1838"/>
      <c r="S21" s="1838"/>
      <c r="T21" s="1838"/>
      <c r="U21" s="1838"/>
      <c r="V21" s="1838"/>
      <c r="W21" s="1838"/>
      <c r="X21" s="1846" t="s">
        <v>360</v>
      </c>
      <c r="Y21" s="1847"/>
      <c r="Z21" s="1847"/>
      <c r="AA21" s="1848"/>
      <c r="AB21" s="1852" t="s">
        <v>361</v>
      </c>
      <c r="AC21" s="1852"/>
      <c r="AD21" s="1852"/>
      <c r="AE21" s="1852"/>
      <c r="AF21" s="1852"/>
      <c r="AG21" s="1852"/>
      <c r="AH21" s="1852"/>
      <c r="AI21" s="1853"/>
    </row>
    <row r="22" spans="1:35" ht="21" customHeight="1" x14ac:dyDescent="0.2">
      <c r="A22" s="1832"/>
      <c r="B22" s="1833"/>
      <c r="C22" s="1837"/>
      <c r="D22" s="1837"/>
      <c r="E22" s="1837"/>
      <c r="F22" s="1837"/>
      <c r="G22" s="1837"/>
      <c r="H22" s="1837"/>
      <c r="I22" s="1837"/>
      <c r="J22" s="1839"/>
      <c r="K22" s="1839"/>
      <c r="L22" s="1839"/>
      <c r="M22" s="1839"/>
      <c r="N22" s="1839"/>
      <c r="O22" s="1839"/>
      <c r="P22" s="1839"/>
      <c r="Q22" s="1839"/>
      <c r="R22" s="1839"/>
      <c r="S22" s="1839"/>
      <c r="T22" s="1839"/>
      <c r="U22" s="1839"/>
      <c r="V22" s="1839"/>
      <c r="W22" s="1839"/>
      <c r="X22" s="1849"/>
      <c r="Y22" s="1850"/>
      <c r="Z22" s="1850"/>
      <c r="AA22" s="1851"/>
      <c r="AB22" s="1854"/>
      <c r="AC22" s="1854"/>
      <c r="AD22" s="1854"/>
      <c r="AE22" s="1854"/>
      <c r="AF22" s="1854"/>
      <c r="AG22" s="1854"/>
      <c r="AH22" s="1854"/>
      <c r="AI22" s="1855"/>
    </row>
    <row r="23" spans="1:35" ht="21" customHeight="1" x14ac:dyDescent="0.2">
      <c r="A23" s="1832"/>
      <c r="B23" s="1833"/>
      <c r="C23" s="1837"/>
      <c r="D23" s="1837"/>
      <c r="E23" s="1837"/>
      <c r="F23" s="1837"/>
      <c r="G23" s="1837"/>
      <c r="H23" s="1837"/>
      <c r="I23" s="1837"/>
      <c r="J23" s="1839"/>
      <c r="K23" s="1839"/>
      <c r="L23" s="1839"/>
      <c r="M23" s="1839"/>
      <c r="N23" s="1839"/>
      <c r="O23" s="1839"/>
      <c r="P23" s="1839"/>
      <c r="Q23" s="1839"/>
      <c r="R23" s="1839"/>
      <c r="S23" s="1839"/>
      <c r="T23" s="1839"/>
      <c r="U23" s="1839"/>
      <c r="V23" s="1839"/>
      <c r="W23" s="1839"/>
      <c r="X23" s="1849"/>
      <c r="Y23" s="1850"/>
      <c r="Z23" s="1850"/>
      <c r="AA23" s="1851"/>
      <c r="AB23" s="1856"/>
      <c r="AC23" s="1856"/>
      <c r="AD23" s="1856"/>
      <c r="AE23" s="1856"/>
      <c r="AF23" s="1856"/>
      <c r="AG23" s="1856"/>
      <c r="AH23" s="1856"/>
      <c r="AI23" s="1857"/>
    </row>
    <row r="24" spans="1:35" ht="21" customHeight="1" x14ac:dyDescent="0.2">
      <c r="A24" s="1832"/>
      <c r="B24" s="1833"/>
      <c r="C24" s="1842" t="s">
        <v>325</v>
      </c>
      <c r="D24" s="1842"/>
      <c r="E24" s="1842"/>
      <c r="F24" s="1842"/>
      <c r="G24" s="1842"/>
      <c r="H24" s="1842"/>
      <c r="I24" s="1842"/>
      <c r="J24" s="1842"/>
      <c r="K24" s="1842"/>
      <c r="L24" s="1842"/>
      <c r="M24" s="1842"/>
      <c r="N24" s="1842"/>
      <c r="O24" s="1842"/>
      <c r="P24" s="1842"/>
      <c r="Q24" s="147">
        <v>1</v>
      </c>
      <c r="R24" s="1842" t="s">
        <v>362</v>
      </c>
      <c r="S24" s="1842"/>
      <c r="T24" s="1842"/>
      <c r="U24" s="1842"/>
      <c r="V24" s="1842"/>
      <c r="W24" s="1842"/>
      <c r="X24" s="1843">
        <v>2</v>
      </c>
      <c r="Y24" s="1844"/>
      <c r="Z24" s="1844"/>
      <c r="AA24" s="1845"/>
      <c r="AB24" s="1840"/>
      <c r="AC24" s="1840"/>
      <c r="AD24" s="1840"/>
      <c r="AE24" s="1840"/>
      <c r="AF24" s="1840"/>
      <c r="AG24" s="1840"/>
      <c r="AH24" s="1840"/>
      <c r="AI24" s="1841"/>
    </row>
    <row r="25" spans="1:35" ht="21" customHeight="1" x14ac:dyDescent="0.2">
      <c r="A25" s="1832"/>
      <c r="B25" s="1833"/>
      <c r="C25" s="1842"/>
      <c r="D25" s="1842"/>
      <c r="E25" s="1842"/>
      <c r="F25" s="1842"/>
      <c r="G25" s="1842"/>
      <c r="H25" s="1842"/>
      <c r="I25" s="1842"/>
      <c r="J25" s="1842"/>
      <c r="K25" s="1842"/>
      <c r="L25" s="1842"/>
      <c r="M25" s="1842"/>
      <c r="N25" s="1842"/>
      <c r="O25" s="1842"/>
      <c r="P25" s="1842"/>
      <c r="Q25" s="147">
        <v>2</v>
      </c>
      <c r="R25" s="1842" t="s">
        <v>362</v>
      </c>
      <c r="S25" s="1842"/>
      <c r="T25" s="1842"/>
      <c r="U25" s="1842"/>
      <c r="V25" s="1842"/>
      <c r="W25" s="1842"/>
      <c r="X25" s="1843">
        <v>3</v>
      </c>
      <c r="Y25" s="1844"/>
      <c r="Z25" s="1844"/>
      <c r="AA25" s="1845"/>
      <c r="AB25" s="1840"/>
      <c r="AC25" s="1840"/>
      <c r="AD25" s="1840"/>
      <c r="AE25" s="1840"/>
      <c r="AF25" s="1840"/>
      <c r="AG25" s="1840"/>
      <c r="AH25" s="1840"/>
      <c r="AI25" s="1841"/>
    </row>
    <row r="26" spans="1:35" ht="21" customHeight="1" x14ac:dyDescent="0.2">
      <c r="A26" s="1832"/>
      <c r="B26" s="1833"/>
      <c r="C26" s="1842"/>
      <c r="D26" s="1842"/>
      <c r="E26" s="1842"/>
      <c r="F26" s="1842"/>
      <c r="G26" s="1842"/>
      <c r="H26" s="1842"/>
      <c r="I26" s="1842"/>
      <c r="J26" s="1842"/>
      <c r="K26" s="1842"/>
      <c r="L26" s="1842"/>
      <c r="M26" s="1842"/>
      <c r="N26" s="1842"/>
      <c r="O26" s="1842"/>
      <c r="P26" s="1842"/>
      <c r="Q26" s="147">
        <v>3</v>
      </c>
      <c r="R26" s="1842" t="s">
        <v>362</v>
      </c>
      <c r="S26" s="1842"/>
      <c r="T26" s="1842"/>
      <c r="U26" s="1842"/>
      <c r="V26" s="1842"/>
      <c r="W26" s="1842"/>
      <c r="X26" s="1843">
        <v>2</v>
      </c>
      <c r="Y26" s="1844"/>
      <c r="Z26" s="1844"/>
      <c r="AA26" s="1845"/>
      <c r="AB26" s="1840"/>
      <c r="AC26" s="1840"/>
      <c r="AD26" s="1840"/>
      <c r="AE26" s="1840"/>
      <c r="AF26" s="1840"/>
      <c r="AG26" s="1840"/>
      <c r="AH26" s="1840"/>
      <c r="AI26" s="1841"/>
    </row>
    <row r="27" spans="1:35" ht="21" customHeight="1" x14ac:dyDescent="0.2">
      <c r="A27" s="1832"/>
      <c r="B27" s="1833"/>
      <c r="C27" s="1842"/>
      <c r="D27" s="1842"/>
      <c r="E27" s="1842"/>
      <c r="F27" s="1842"/>
      <c r="G27" s="1842"/>
      <c r="H27" s="1842"/>
      <c r="I27" s="1842"/>
      <c r="J27" s="1842"/>
      <c r="K27" s="1842"/>
      <c r="L27" s="1842"/>
      <c r="M27" s="1842"/>
      <c r="N27" s="1842"/>
      <c r="O27" s="1842"/>
      <c r="P27" s="1842"/>
      <c r="Q27" s="147">
        <v>4</v>
      </c>
      <c r="R27" s="1842" t="s">
        <v>362</v>
      </c>
      <c r="S27" s="1842"/>
      <c r="T27" s="1842"/>
      <c r="U27" s="1842"/>
      <c r="V27" s="1842"/>
      <c r="W27" s="1842"/>
      <c r="X27" s="1843">
        <v>3</v>
      </c>
      <c r="Y27" s="1844"/>
      <c r="Z27" s="1844"/>
      <c r="AA27" s="1845"/>
      <c r="AB27" s="1840"/>
      <c r="AC27" s="1840"/>
      <c r="AD27" s="1840"/>
      <c r="AE27" s="1840"/>
      <c r="AF27" s="1840"/>
      <c r="AG27" s="1840"/>
      <c r="AH27" s="1840"/>
      <c r="AI27" s="1841"/>
    </row>
    <row r="28" spans="1:35" ht="21" customHeight="1" x14ac:dyDescent="0.2">
      <c r="A28" s="1832"/>
      <c r="B28" s="1833"/>
      <c r="C28" s="1842" t="s">
        <v>327</v>
      </c>
      <c r="D28" s="1842"/>
      <c r="E28" s="1842"/>
      <c r="F28" s="1842"/>
      <c r="G28" s="1842"/>
      <c r="H28" s="1842"/>
      <c r="I28" s="1842"/>
      <c r="J28" s="1842"/>
      <c r="K28" s="1842"/>
      <c r="L28" s="1842"/>
      <c r="M28" s="1842"/>
      <c r="N28" s="1842"/>
      <c r="O28" s="1842"/>
      <c r="P28" s="1842"/>
      <c r="Q28" s="147">
        <v>5</v>
      </c>
      <c r="R28" s="1842" t="s">
        <v>362</v>
      </c>
      <c r="S28" s="1842"/>
      <c r="T28" s="1842"/>
      <c r="U28" s="1842"/>
      <c r="V28" s="1842"/>
      <c r="W28" s="1842"/>
      <c r="X28" s="1843">
        <v>6</v>
      </c>
      <c r="Y28" s="1844"/>
      <c r="Z28" s="1844"/>
      <c r="AA28" s="1845"/>
      <c r="AB28" s="1840"/>
      <c r="AC28" s="1840"/>
      <c r="AD28" s="1840"/>
      <c r="AE28" s="1840"/>
      <c r="AF28" s="1840"/>
      <c r="AG28" s="1840"/>
      <c r="AH28" s="1840"/>
      <c r="AI28" s="1841"/>
    </row>
    <row r="29" spans="1:35" ht="21" customHeight="1" x14ac:dyDescent="0.2">
      <c r="A29" s="1832"/>
      <c r="B29" s="1833"/>
      <c r="C29" s="1842"/>
      <c r="D29" s="1842"/>
      <c r="E29" s="1842"/>
      <c r="F29" s="1842"/>
      <c r="G29" s="1842"/>
      <c r="H29" s="1842"/>
      <c r="I29" s="1842"/>
      <c r="J29" s="1842"/>
      <c r="K29" s="1842"/>
      <c r="L29" s="1842"/>
      <c r="M29" s="1842"/>
      <c r="N29" s="1842"/>
      <c r="O29" s="1842"/>
      <c r="P29" s="1842"/>
      <c r="Q29" s="147">
        <v>6</v>
      </c>
      <c r="R29" s="1842" t="s">
        <v>362</v>
      </c>
      <c r="S29" s="1842"/>
      <c r="T29" s="1842"/>
      <c r="U29" s="1842"/>
      <c r="V29" s="1842"/>
      <c r="W29" s="1842"/>
      <c r="X29" s="1843">
        <v>2</v>
      </c>
      <c r="Y29" s="1844"/>
      <c r="Z29" s="1844"/>
      <c r="AA29" s="1845"/>
      <c r="AB29" s="1840"/>
      <c r="AC29" s="1840"/>
      <c r="AD29" s="1840"/>
      <c r="AE29" s="1840"/>
      <c r="AF29" s="1840"/>
      <c r="AG29" s="1840"/>
      <c r="AH29" s="1840"/>
      <c r="AI29" s="1841"/>
    </row>
    <row r="30" spans="1:35" ht="21" customHeight="1" x14ac:dyDescent="0.2">
      <c r="A30" s="1832"/>
      <c r="B30" s="1833"/>
      <c r="C30" s="1842"/>
      <c r="D30" s="1842"/>
      <c r="E30" s="1842"/>
      <c r="F30" s="1842"/>
      <c r="G30" s="1842"/>
      <c r="H30" s="1842"/>
      <c r="I30" s="1842"/>
      <c r="J30" s="1842"/>
      <c r="K30" s="1842"/>
      <c r="L30" s="1842"/>
      <c r="M30" s="1842"/>
      <c r="N30" s="1842"/>
      <c r="O30" s="1842"/>
      <c r="P30" s="1842"/>
      <c r="Q30" s="147">
        <v>7</v>
      </c>
      <c r="R30" s="1842" t="s">
        <v>362</v>
      </c>
      <c r="S30" s="1842"/>
      <c r="T30" s="1842"/>
      <c r="U30" s="1842"/>
      <c r="V30" s="1842"/>
      <c r="W30" s="1842"/>
      <c r="X30" s="1843">
        <v>3</v>
      </c>
      <c r="Y30" s="1844"/>
      <c r="Z30" s="1844"/>
      <c r="AA30" s="1845"/>
      <c r="AB30" s="1840"/>
      <c r="AC30" s="1840"/>
      <c r="AD30" s="1840"/>
      <c r="AE30" s="1840"/>
      <c r="AF30" s="1840"/>
      <c r="AG30" s="1840"/>
      <c r="AH30" s="1840"/>
      <c r="AI30" s="1841"/>
    </row>
    <row r="31" spans="1:35" ht="21" customHeight="1" x14ac:dyDescent="0.2">
      <c r="A31" s="1832"/>
      <c r="B31" s="1833"/>
      <c r="C31" s="1842"/>
      <c r="D31" s="1842"/>
      <c r="E31" s="1842"/>
      <c r="F31" s="1842"/>
      <c r="G31" s="1842"/>
      <c r="H31" s="1842"/>
      <c r="I31" s="1842"/>
      <c r="J31" s="1842"/>
      <c r="K31" s="1842"/>
      <c r="L31" s="1842"/>
      <c r="M31" s="1842"/>
      <c r="N31" s="1842"/>
      <c r="O31" s="1842"/>
      <c r="P31" s="1842"/>
      <c r="Q31" s="147">
        <v>8</v>
      </c>
      <c r="R31" s="1842" t="s">
        <v>362</v>
      </c>
      <c r="S31" s="1842"/>
      <c r="T31" s="1842"/>
      <c r="U31" s="1842"/>
      <c r="V31" s="1842"/>
      <c r="W31" s="1842"/>
      <c r="X31" s="1843">
        <v>4</v>
      </c>
      <c r="Y31" s="1844"/>
      <c r="Z31" s="1844"/>
      <c r="AA31" s="1845"/>
      <c r="AB31" s="1840"/>
      <c r="AC31" s="1840"/>
      <c r="AD31" s="1840"/>
      <c r="AE31" s="1840"/>
      <c r="AF31" s="1840"/>
      <c r="AG31" s="1840"/>
      <c r="AH31" s="1840"/>
      <c r="AI31" s="1841"/>
    </row>
    <row r="32" spans="1:35" ht="21" customHeight="1" x14ac:dyDescent="0.2">
      <c r="A32" s="1832"/>
      <c r="B32" s="1833"/>
      <c r="C32" s="1842"/>
      <c r="D32" s="1842"/>
      <c r="E32" s="1842"/>
      <c r="F32" s="1842"/>
      <c r="G32" s="1842"/>
      <c r="H32" s="1842"/>
      <c r="I32" s="1842"/>
      <c r="J32" s="1842"/>
      <c r="K32" s="1842"/>
      <c r="L32" s="1842"/>
      <c r="M32" s="1842"/>
      <c r="N32" s="1842"/>
      <c r="O32" s="1842"/>
      <c r="P32" s="1842"/>
      <c r="Q32" s="147">
        <v>9</v>
      </c>
      <c r="R32" s="1842" t="s">
        <v>362</v>
      </c>
      <c r="S32" s="1842"/>
      <c r="T32" s="1842"/>
      <c r="U32" s="1842"/>
      <c r="V32" s="1842"/>
      <c r="W32" s="1842"/>
      <c r="X32" s="1843">
        <v>5</v>
      </c>
      <c r="Y32" s="1844"/>
      <c r="Z32" s="1844"/>
      <c r="AA32" s="1845"/>
      <c r="AB32" s="1840"/>
      <c r="AC32" s="1840"/>
      <c r="AD32" s="1840"/>
      <c r="AE32" s="1840"/>
      <c r="AF32" s="1840"/>
      <c r="AG32" s="1840"/>
      <c r="AH32" s="1840"/>
      <c r="AI32" s="1841"/>
    </row>
    <row r="33" spans="1:35" ht="21" customHeight="1" x14ac:dyDescent="0.2">
      <c r="A33" s="1832"/>
      <c r="B33" s="1833"/>
      <c r="C33" s="1842" t="s">
        <v>328</v>
      </c>
      <c r="D33" s="1842"/>
      <c r="E33" s="1842"/>
      <c r="F33" s="1842"/>
      <c r="G33" s="1842"/>
      <c r="H33" s="1842"/>
      <c r="I33" s="1842"/>
      <c r="J33" s="1842"/>
      <c r="K33" s="1842"/>
      <c r="L33" s="1842"/>
      <c r="M33" s="1842"/>
      <c r="N33" s="1842"/>
      <c r="O33" s="1842"/>
      <c r="P33" s="1842"/>
      <c r="Q33" s="147">
        <v>10</v>
      </c>
      <c r="R33" s="1842" t="s">
        <v>362</v>
      </c>
      <c r="S33" s="1842"/>
      <c r="T33" s="1842"/>
      <c r="U33" s="1842"/>
      <c r="V33" s="1842"/>
      <c r="W33" s="1842"/>
      <c r="X33" s="1843">
        <v>6</v>
      </c>
      <c r="Y33" s="1844"/>
      <c r="Z33" s="1844"/>
      <c r="AA33" s="1845"/>
      <c r="AB33" s="1840" t="s">
        <v>33</v>
      </c>
      <c r="AC33" s="1840"/>
      <c r="AD33" s="1840"/>
      <c r="AE33" s="1840"/>
      <c r="AF33" s="1840"/>
      <c r="AG33" s="1840"/>
      <c r="AH33" s="1840"/>
      <c r="AI33" s="1841"/>
    </row>
    <row r="34" spans="1:35" ht="21" customHeight="1" x14ac:dyDescent="0.2">
      <c r="A34" s="1832"/>
      <c r="B34" s="1833"/>
      <c r="C34" s="1842"/>
      <c r="D34" s="1842"/>
      <c r="E34" s="1842"/>
      <c r="F34" s="1842"/>
      <c r="G34" s="1842"/>
      <c r="H34" s="1842"/>
      <c r="I34" s="1842"/>
      <c r="J34" s="1842"/>
      <c r="K34" s="1842"/>
      <c r="L34" s="1842"/>
      <c r="M34" s="1842"/>
      <c r="N34" s="1842"/>
      <c r="O34" s="1842"/>
      <c r="P34" s="1842"/>
      <c r="Q34" s="147">
        <v>11</v>
      </c>
      <c r="R34" s="1842" t="s">
        <v>362</v>
      </c>
      <c r="S34" s="1842"/>
      <c r="T34" s="1842"/>
      <c r="U34" s="1842"/>
      <c r="V34" s="1842"/>
      <c r="W34" s="1842"/>
      <c r="X34" s="1843">
        <v>5</v>
      </c>
      <c r="Y34" s="1844"/>
      <c r="Z34" s="1844"/>
      <c r="AA34" s="1845"/>
      <c r="AB34" s="1840"/>
      <c r="AC34" s="1840"/>
      <c r="AD34" s="1840"/>
      <c r="AE34" s="1840"/>
      <c r="AF34" s="1840"/>
      <c r="AG34" s="1840"/>
      <c r="AH34" s="1840"/>
      <c r="AI34" s="1841"/>
    </row>
    <row r="35" spans="1:35" ht="21" customHeight="1" x14ac:dyDescent="0.2">
      <c r="A35" s="1832"/>
      <c r="B35" s="1833"/>
      <c r="C35" s="1842"/>
      <c r="D35" s="1842"/>
      <c r="E35" s="1842"/>
      <c r="F35" s="1842"/>
      <c r="G35" s="1842"/>
      <c r="H35" s="1842"/>
      <c r="I35" s="1842"/>
      <c r="J35" s="1842"/>
      <c r="K35" s="1842"/>
      <c r="L35" s="1842"/>
      <c r="M35" s="1842"/>
      <c r="N35" s="1842"/>
      <c r="O35" s="1842"/>
      <c r="P35" s="1842"/>
      <c r="Q35" s="147">
        <v>12</v>
      </c>
      <c r="R35" s="1842" t="s">
        <v>362</v>
      </c>
      <c r="S35" s="1842"/>
      <c r="T35" s="1842"/>
      <c r="U35" s="1842"/>
      <c r="V35" s="1842"/>
      <c r="W35" s="1842"/>
      <c r="X35" s="1843">
        <v>4</v>
      </c>
      <c r="Y35" s="1844"/>
      <c r="Z35" s="1844"/>
      <c r="AA35" s="1845"/>
      <c r="AB35" s="1840"/>
      <c r="AC35" s="1840"/>
      <c r="AD35" s="1840"/>
      <c r="AE35" s="1840"/>
      <c r="AF35" s="1840"/>
      <c r="AG35" s="1840"/>
      <c r="AH35" s="1840"/>
      <c r="AI35" s="1841"/>
    </row>
    <row r="36" spans="1:35" ht="21" customHeight="1" x14ac:dyDescent="0.2">
      <c r="A36" s="1832"/>
      <c r="B36" s="1833"/>
      <c r="C36" s="1842"/>
      <c r="D36" s="1842"/>
      <c r="E36" s="1842"/>
      <c r="F36" s="1842"/>
      <c r="G36" s="1842"/>
      <c r="H36" s="1842"/>
      <c r="I36" s="1842"/>
      <c r="J36" s="1842"/>
      <c r="K36" s="1842"/>
      <c r="L36" s="1842"/>
      <c r="M36" s="1842"/>
      <c r="N36" s="1842"/>
      <c r="O36" s="1842"/>
      <c r="P36" s="1842"/>
      <c r="Q36" s="147">
        <v>13</v>
      </c>
      <c r="R36" s="1842" t="s">
        <v>362</v>
      </c>
      <c r="S36" s="1842"/>
      <c r="T36" s="1842"/>
      <c r="U36" s="1842"/>
      <c r="V36" s="1842"/>
      <c r="W36" s="1842"/>
      <c r="X36" s="1843">
        <v>3</v>
      </c>
      <c r="Y36" s="1844"/>
      <c r="Z36" s="1844"/>
      <c r="AA36" s="1845"/>
      <c r="AB36" s="1840"/>
      <c r="AC36" s="1840"/>
      <c r="AD36" s="1840"/>
      <c r="AE36" s="1840"/>
      <c r="AF36" s="1840"/>
      <c r="AG36" s="1840"/>
      <c r="AH36" s="1840"/>
      <c r="AI36" s="1841"/>
    </row>
    <row r="37" spans="1:35" ht="21" customHeight="1" x14ac:dyDescent="0.2">
      <c r="A37" s="1832"/>
      <c r="B37" s="1833"/>
      <c r="C37" s="1842"/>
      <c r="D37" s="1842"/>
      <c r="E37" s="1842"/>
      <c r="F37" s="1842"/>
      <c r="G37" s="1842"/>
      <c r="H37" s="1842"/>
      <c r="I37" s="1842"/>
      <c r="J37" s="1842"/>
      <c r="K37" s="1842"/>
      <c r="L37" s="1842"/>
      <c r="M37" s="1842"/>
      <c r="N37" s="1842"/>
      <c r="O37" s="1842"/>
      <c r="P37" s="1842"/>
      <c r="Q37" s="147">
        <v>14</v>
      </c>
      <c r="R37" s="1842" t="s">
        <v>362</v>
      </c>
      <c r="S37" s="1842"/>
      <c r="T37" s="1842"/>
      <c r="U37" s="1842"/>
      <c r="V37" s="1842"/>
      <c r="W37" s="1842"/>
      <c r="X37" s="1843">
        <v>2</v>
      </c>
      <c r="Y37" s="1844"/>
      <c r="Z37" s="1844"/>
      <c r="AA37" s="1845"/>
      <c r="AB37" s="1840"/>
      <c r="AC37" s="1840"/>
      <c r="AD37" s="1840"/>
      <c r="AE37" s="1840"/>
      <c r="AF37" s="1840"/>
      <c r="AG37" s="1840"/>
      <c r="AH37" s="1840"/>
      <c r="AI37" s="1841"/>
    </row>
    <row r="38" spans="1:35" ht="21" customHeight="1" thickBot="1" x14ac:dyDescent="0.25">
      <c r="A38" s="1834"/>
      <c r="B38" s="1835"/>
      <c r="C38" s="1824" t="s">
        <v>363</v>
      </c>
      <c r="D38" s="1825"/>
      <c r="E38" s="1825"/>
      <c r="F38" s="1825"/>
      <c r="G38" s="1825"/>
      <c r="H38" s="1825"/>
      <c r="I38" s="1825"/>
      <c r="J38" s="1825"/>
      <c r="K38" s="1825"/>
      <c r="L38" s="1825"/>
      <c r="M38" s="1825"/>
      <c r="N38" s="1825"/>
      <c r="O38" s="1825"/>
      <c r="P38" s="1825"/>
      <c r="Q38" s="1825"/>
      <c r="R38" s="1825"/>
      <c r="S38" s="1825"/>
      <c r="T38" s="1825"/>
      <c r="U38" s="1825"/>
      <c r="V38" s="1825"/>
      <c r="W38" s="1825"/>
      <c r="X38" s="1825"/>
      <c r="Y38" s="1825"/>
      <c r="Z38" s="1825"/>
      <c r="AA38" s="1825"/>
      <c r="AB38" s="1824" t="s">
        <v>364</v>
      </c>
      <c r="AC38" s="1825"/>
      <c r="AD38" s="1825"/>
      <c r="AE38" s="1825"/>
      <c r="AF38" s="1825"/>
      <c r="AG38" s="1825"/>
      <c r="AH38" s="1825"/>
      <c r="AI38" s="1891"/>
    </row>
    <row r="39" spans="1:35" ht="21" customHeight="1" x14ac:dyDescent="0.2">
      <c r="A39" s="1829" t="s">
        <v>365</v>
      </c>
      <c r="B39" s="1829"/>
      <c r="C39" s="1829"/>
      <c r="D39" s="1829"/>
      <c r="E39" s="1829"/>
      <c r="F39" s="1829"/>
      <c r="G39" s="1829"/>
      <c r="H39" s="1829"/>
      <c r="I39" s="1829"/>
      <c r="J39" s="1829"/>
      <c r="K39" s="1829"/>
      <c r="L39" s="1829"/>
      <c r="M39" s="1829"/>
      <c r="N39" s="1829"/>
      <c r="O39" s="1829"/>
      <c r="P39" s="1829"/>
      <c r="Q39" s="1829"/>
      <c r="R39" s="1829"/>
      <c r="S39" s="1829"/>
      <c r="T39" s="1829"/>
      <c r="U39" s="1829"/>
      <c r="V39" s="1829"/>
      <c r="W39" s="1829"/>
      <c r="X39" s="1829"/>
      <c r="Y39" s="1829"/>
      <c r="Z39" s="1829"/>
      <c r="AA39" s="1829"/>
      <c r="AB39" s="1829"/>
      <c r="AC39" s="1829"/>
      <c r="AD39" s="1829"/>
      <c r="AE39" s="1829"/>
      <c r="AF39" s="1829"/>
      <c r="AG39" s="1829"/>
      <c r="AH39" s="1829"/>
      <c r="AI39" s="1829"/>
    </row>
    <row r="40" spans="1:35" ht="21" customHeight="1" x14ac:dyDescent="0.2"/>
    <row r="41" spans="1:35" ht="21" customHeight="1" x14ac:dyDescent="0.2"/>
    <row r="42" spans="1:35" ht="21" customHeight="1" x14ac:dyDescent="0.2"/>
    <row r="43" spans="1:35" ht="21" customHeight="1" x14ac:dyDescent="0.2"/>
    <row r="44" spans="1:35" ht="21" customHeight="1" x14ac:dyDescent="0.2"/>
    <row r="45" spans="1:35" ht="21" customHeight="1" x14ac:dyDescent="0.2"/>
    <row r="46" spans="1:35" ht="21" customHeight="1" x14ac:dyDescent="0.2"/>
    <row r="47" spans="1:35" ht="21" customHeight="1" x14ac:dyDescent="0.2"/>
    <row r="48" spans="1:35" ht="21" customHeight="1" x14ac:dyDescent="0.2"/>
    <row r="49" ht="21" customHeight="1" x14ac:dyDescent="0.2"/>
    <row r="50" ht="21" customHeight="1" x14ac:dyDescent="0.2"/>
    <row r="51" ht="21" customHeight="1" x14ac:dyDescent="0.2"/>
    <row r="52" ht="21" customHeight="1" x14ac:dyDescent="0.2"/>
    <row r="53" ht="21" customHeight="1" x14ac:dyDescent="0.2"/>
    <row r="54" ht="21" customHeight="1" x14ac:dyDescent="0.2"/>
    <row r="55" ht="21" customHeight="1" x14ac:dyDescent="0.2"/>
    <row r="56" ht="21" customHeight="1" x14ac:dyDescent="0.2"/>
    <row r="57" ht="21" customHeight="1" x14ac:dyDescent="0.2"/>
    <row r="58" ht="21" customHeight="1" x14ac:dyDescent="0.2"/>
    <row r="59" ht="21" customHeight="1" x14ac:dyDescent="0.2"/>
    <row r="60" ht="21" customHeight="1" x14ac:dyDescent="0.2"/>
    <row r="61" ht="21" customHeight="1" x14ac:dyDescent="0.2"/>
    <row r="62" ht="21" customHeight="1" x14ac:dyDescent="0.2"/>
    <row r="63" ht="21" customHeight="1" x14ac:dyDescent="0.2"/>
    <row r="64" ht="21" customHeight="1" x14ac:dyDescent="0.2"/>
    <row r="65" ht="21" customHeight="1" x14ac:dyDescent="0.2"/>
    <row r="66" ht="21" customHeight="1" x14ac:dyDescent="0.2"/>
    <row r="67" ht="21" customHeight="1" x14ac:dyDescent="0.2"/>
    <row r="68" ht="21" customHeight="1" x14ac:dyDescent="0.2"/>
    <row r="69" ht="21" customHeight="1" x14ac:dyDescent="0.2"/>
    <row r="70" ht="21" customHeight="1" x14ac:dyDescent="0.2"/>
    <row r="71" ht="21" customHeight="1" x14ac:dyDescent="0.2"/>
    <row r="72" ht="21" customHeight="1" x14ac:dyDescent="0.2"/>
    <row r="73" ht="21" customHeight="1" x14ac:dyDescent="0.2"/>
    <row r="74" ht="21" customHeight="1" x14ac:dyDescent="0.2"/>
    <row r="75" ht="21" customHeight="1" x14ac:dyDescent="0.2"/>
    <row r="76" ht="21" customHeight="1" x14ac:dyDescent="0.2"/>
    <row r="77" ht="21" customHeight="1" x14ac:dyDescent="0.2"/>
    <row r="78" ht="21" customHeight="1" x14ac:dyDescent="0.2"/>
    <row r="79" ht="21" customHeight="1" x14ac:dyDescent="0.2"/>
    <row r="80" ht="21" customHeight="1" x14ac:dyDescent="0.2"/>
    <row r="81" ht="21" customHeight="1" x14ac:dyDescent="0.2"/>
    <row r="82" ht="21" customHeight="1" x14ac:dyDescent="0.2"/>
    <row r="83" ht="21" customHeight="1" x14ac:dyDescent="0.2"/>
    <row r="84" ht="21" customHeight="1" x14ac:dyDescent="0.2"/>
    <row r="85" ht="21" customHeight="1" x14ac:dyDescent="0.2"/>
    <row r="86" ht="21" customHeight="1" x14ac:dyDescent="0.2"/>
    <row r="87" ht="21" customHeight="1" x14ac:dyDescent="0.2"/>
    <row r="88" ht="21" customHeight="1" x14ac:dyDescent="0.2"/>
    <row r="89" ht="21" customHeight="1" x14ac:dyDescent="0.2"/>
    <row r="90" ht="21" customHeight="1" x14ac:dyDescent="0.2"/>
    <row r="91" ht="21" customHeight="1" x14ac:dyDescent="0.2"/>
    <row r="92" ht="21" customHeight="1" x14ac:dyDescent="0.2"/>
    <row r="93" ht="21" customHeight="1" x14ac:dyDescent="0.2"/>
    <row r="94" ht="21" customHeight="1" x14ac:dyDescent="0.2"/>
    <row r="95" ht="21" customHeight="1" x14ac:dyDescent="0.2"/>
    <row r="96" ht="21" customHeight="1" x14ac:dyDescent="0.2"/>
    <row r="97" ht="21" customHeight="1" x14ac:dyDescent="0.2"/>
    <row r="98" ht="21" customHeight="1" x14ac:dyDescent="0.2"/>
    <row r="99" ht="21" customHeight="1" x14ac:dyDescent="0.2"/>
    <row r="100" ht="21" customHeight="1" x14ac:dyDescent="0.2"/>
    <row r="101" ht="21" customHeight="1" x14ac:dyDescent="0.2"/>
    <row r="102" ht="21" customHeight="1" x14ac:dyDescent="0.2"/>
    <row r="103" ht="21" customHeight="1" x14ac:dyDescent="0.2"/>
    <row r="104" ht="21" customHeight="1" x14ac:dyDescent="0.2"/>
    <row r="105" ht="21" customHeight="1" x14ac:dyDescent="0.2"/>
    <row r="106" ht="21" customHeight="1" x14ac:dyDescent="0.2"/>
    <row r="107" ht="21" customHeight="1" x14ac:dyDescent="0.2"/>
    <row r="108" ht="21" customHeight="1" x14ac:dyDescent="0.2"/>
    <row r="109" ht="21" customHeight="1" x14ac:dyDescent="0.2"/>
    <row r="110" ht="21" customHeight="1" x14ac:dyDescent="0.2"/>
    <row r="111" ht="21" customHeight="1" x14ac:dyDescent="0.2"/>
    <row r="112" ht="21" customHeight="1" x14ac:dyDescent="0.2"/>
    <row r="113" ht="21" customHeight="1" x14ac:dyDescent="0.2"/>
    <row r="114" ht="21" customHeight="1" x14ac:dyDescent="0.2"/>
    <row r="115" ht="21" customHeight="1" x14ac:dyDescent="0.2"/>
    <row r="116" ht="21" customHeight="1" x14ac:dyDescent="0.2"/>
    <row r="117" ht="21" customHeight="1" x14ac:dyDescent="0.2"/>
    <row r="118" ht="21" customHeight="1" x14ac:dyDescent="0.2"/>
    <row r="119" ht="21" customHeight="1" x14ac:dyDescent="0.2"/>
    <row r="120" ht="21" customHeight="1" x14ac:dyDescent="0.2"/>
    <row r="121" ht="21" customHeight="1" x14ac:dyDescent="0.2"/>
    <row r="122" ht="21" customHeight="1" x14ac:dyDescent="0.2"/>
    <row r="123" ht="21" customHeight="1" x14ac:dyDescent="0.2"/>
    <row r="124" ht="21" customHeight="1" x14ac:dyDescent="0.2"/>
    <row r="125" ht="21" customHeight="1" x14ac:dyDescent="0.2"/>
    <row r="126" ht="21" customHeight="1" x14ac:dyDescent="0.2"/>
    <row r="127" ht="21" customHeight="1" x14ac:dyDescent="0.2"/>
    <row r="128" ht="21" customHeight="1" x14ac:dyDescent="0.2"/>
    <row r="129" ht="21" customHeight="1" x14ac:dyDescent="0.2"/>
    <row r="130" ht="21" customHeight="1" x14ac:dyDescent="0.2"/>
    <row r="131" ht="21" customHeight="1" x14ac:dyDescent="0.2"/>
    <row r="132" ht="21" customHeight="1" x14ac:dyDescent="0.2"/>
    <row r="133" ht="21" customHeight="1" x14ac:dyDescent="0.2"/>
    <row r="134" ht="21" customHeight="1" x14ac:dyDescent="0.2"/>
    <row r="135" ht="21" customHeight="1" x14ac:dyDescent="0.2"/>
    <row r="136" ht="21" customHeight="1" x14ac:dyDescent="0.2"/>
    <row r="137" ht="21" customHeight="1" x14ac:dyDescent="0.2"/>
    <row r="138" ht="21" customHeight="1" x14ac:dyDescent="0.2"/>
    <row r="139" ht="21" customHeight="1" x14ac:dyDescent="0.2"/>
    <row r="140" ht="21" customHeight="1" x14ac:dyDescent="0.2"/>
    <row r="141" ht="21" customHeight="1" x14ac:dyDescent="0.2"/>
    <row r="142" ht="21" customHeight="1" x14ac:dyDescent="0.2"/>
    <row r="143" ht="21" customHeight="1" x14ac:dyDescent="0.2"/>
    <row r="144" ht="21" customHeight="1" x14ac:dyDescent="0.2"/>
    <row r="145" ht="21" customHeight="1" x14ac:dyDescent="0.2"/>
    <row r="146" ht="21" customHeight="1" x14ac:dyDescent="0.2"/>
    <row r="147" ht="21" customHeight="1" x14ac:dyDescent="0.2"/>
    <row r="148" ht="21" customHeight="1" x14ac:dyDescent="0.2"/>
    <row r="149" ht="21" customHeight="1" x14ac:dyDescent="0.2"/>
    <row r="150" ht="21" customHeight="1" x14ac:dyDescent="0.2"/>
    <row r="151" ht="21" customHeight="1" x14ac:dyDescent="0.2"/>
    <row r="152" ht="21" customHeight="1" x14ac:dyDescent="0.2"/>
    <row r="153" ht="21" customHeight="1" x14ac:dyDescent="0.2"/>
    <row r="154" ht="21" customHeight="1" x14ac:dyDescent="0.2"/>
    <row r="155" ht="21" customHeight="1" x14ac:dyDescent="0.2"/>
    <row r="156" ht="21" customHeight="1" x14ac:dyDescent="0.2"/>
    <row r="157" ht="21" customHeight="1" x14ac:dyDescent="0.2"/>
    <row r="158" ht="21" customHeight="1" x14ac:dyDescent="0.2"/>
    <row r="159" ht="21" customHeight="1" x14ac:dyDescent="0.2"/>
    <row r="160" ht="21" customHeight="1" x14ac:dyDescent="0.2"/>
    <row r="161" ht="21" customHeight="1" x14ac:dyDescent="0.2"/>
    <row r="162" ht="21" customHeight="1" x14ac:dyDescent="0.2"/>
    <row r="163" ht="21" customHeight="1" x14ac:dyDescent="0.2"/>
    <row r="164" ht="21" customHeight="1" x14ac:dyDescent="0.2"/>
    <row r="165" ht="21" customHeight="1" x14ac:dyDescent="0.2"/>
    <row r="166" ht="21" customHeight="1" x14ac:dyDescent="0.2"/>
    <row r="167" ht="21" customHeight="1" x14ac:dyDescent="0.2"/>
    <row r="168" ht="21" customHeight="1" x14ac:dyDescent="0.2"/>
    <row r="169" ht="21" customHeight="1" x14ac:dyDescent="0.2"/>
    <row r="170" ht="21" customHeight="1" x14ac:dyDescent="0.2"/>
    <row r="171" ht="21" customHeight="1" x14ac:dyDescent="0.2"/>
    <row r="172" ht="21" customHeight="1" x14ac:dyDescent="0.2"/>
    <row r="173" ht="21" customHeight="1" x14ac:dyDescent="0.2"/>
    <row r="174" ht="21" customHeight="1" x14ac:dyDescent="0.2"/>
    <row r="175" ht="21" customHeight="1" x14ac:dyDescent="0.2"/>
    <row r="176" ht="21" customHeight="1" x14ac:dyDescent="0.2"/>
    <row r="177" ht="21" customHeight="1" x14ac:dyDescent="0.2"/>
    <row r="178" ht="21" customHeight="1" x14ac:dyDescent="0.2"/>
    <row r="179" ht="21" customHeight="1" x14ac:dyDescent="0.2"/>
    <row r="180" ht="21" customHeight="1" x14ac:dyDescent="0.2"/>
    <row r="181" ht="21" customHeight="1" x14ac:dyDescent="0.2"/>
    <row r="182" ht="21" customHeight="1" x14ac:dyDescent="0.2"/>
    <row r="183" ht="21" customHeight="1" x14ac:dyDescent="0.2"/>
    <row r="184" ht="21" customHeight="1" x14ac:dyDescent="0.2"/>
    <row r="185" ht="21" customHeight="1" x14ac:dyDescent="0.2"/>
    <row r="186" ht="21" customHeight="1" x14ac:dyDescent="0.2"/>
    <row r="187" ht="21" customHeight="1" x14ac:dyDescent="0.2"/>
    <row r="188" ht="21" customHeight="1" x14ac:dyDescent="0.2"/>
    <row r="189" ht="21" customHeight="1" x14ac:dyDescent="0.2"/>
    <row r="190" ht="21" customHeight="1" x14ac:dyDescent="0.2"/>
    <row r="191" ht="21" customHeight="1" x14ac:dyDescent="0.2"/>
    <row r="192" ht="21" customHeight="1" x14ac:dyDescent="0.2"/>
    <row r="193" ht="21" customHeight="1" x14ac:dyDescent="0.2"/>
    <row r="194" ht="21" customHeight="1" x14ac:dyDescent="0.2"/>
    <row r="195" ht="21" customHeight="1" x14ac:dyDescent="0.2"/>
    <row r="196" ht="21" customHeight="1" x14ac:dyDescent="0.2"/>
    <row r="197" ht="21" customHeight="1" x14ac:dyDescent="0.2"/>
    <row r="198" ht="21" customHeight="1" x14ac:dyDescent="0.2"/>
    <row r="199" ht="21" customHeight="1" x14ac:dyDescent="0.2"/>
    <row r="200" ht="21" customHeight="1" x14ac:dyDescent="0.2"/>
    <row r="201" ht="21" customHeight="1" x14ac:dyDescent="0.2"/>
    <row r="202" ht="21" customHeight="1" x14ac:dyDescent="0.2"/>
    <row r="203" ht="21" customHeight="1" x14ac:dyDescent="0.2"/>
    <row r="204" ht="21" customHeight="1" x14ac:dyDescent="0.2"/>
    <row r="205" ht="21" customHeight="1" x14ac:dyDescent="0.2"/>
    <row r="206" ht="21" customHeight="1" x14ac:dyDescent="0.2"/>
    <row r="207" ht="21" customHeight="1" x14ac:dyDescent="0.2"/>
    <row r="208" ht="21" customHeight="1" x14ac:dyDescent="0.2"/>
    <row r="209" ht="21" customHeight="1" x14ac:dyDescent="0.2"/>
    <row r="210" ht="21" customHeight="1" x14ac:dyDescent="0.2"/>
    <row r="211" ht="21" customHeight="1" x14ac:dyDescent="0.2"/>
    <row r="212" ht="21" customHeight="1" x14ac:dyDescent="0.2"/>
    <row r="213" ht="21" customHeight="1" x14ac:dyDescent="0.2"/>
    <row r="214" ht="21" customHeight="1" x14ac:dyDescent="0.2"/>
    <row r="215" ht="21" customHeight="1" x14ac:dyDescent="0.2"/>
    <row r="216" ht="21" customHeight="1" x14ac:dyDescent="0.2"/>
    <row r="217" ht="21" customHeight="1" x14ac:dyDescent="0.2"/>
    <row r="218" ht="21" customHeight="1" x14ac:dyDescent="0.2"/>
    <row r="219" ht="21" customHeight="1" x14ac:dyDescent="0.2"/>
    <row r="220" ht="21" customHeight="1" x14ac:dyDescent="0.2"/>
    <row r="221" ht="21" customHeight="1" x14ac:dyDescent="0.2"/>
    <row r="222" ht="21" customHeight="1" x14ac:dyDescent="0.2"/>
    <row r="223" ht="21" customHeight="1" x14ac:dyDescent="0.2"/>
    <row r="224" ht="21" customHeight="1" x14ac:dyDescent="0.2"/>
    <row r="225" ht="21" customHeight="1" x14ac:dyDescent="0.2"/>
    <row r="226" ht="21" customHeight="1" x14ac:dyDescent="0.2"/>
    <row r="227" ht="21" customHeight="1" x14ac:dyDescent="0.2"/>
    <row r="228" ht="21" customHeight="1" x14ac:dyDescent="0.2"/>
    <row r="229" ht="21" customHeight="1" x14ac:dyDescent="0.2"/>
    <row r="230" ht="21" customHeight="1" x14ac:dyDescent="0.2"/>
    <row r="231" ht="21" customHeight="1" x14ac:dyDescent="0.2"/>
    <row r="232" ht="21" customHeight="1" x14ac:dyDescent="0.2"/>
    <row r="233" ht="21" customHeight="1" x14ac:dyDescent="0.2"/>
    <row r="234" ht="21" customHeight="1" x14ac:dyDescent="0.2"/>
    <row r="235" ht="21" customHeight="1" x14ac:dyDescent="0.2"/>
    <row r="236" ht="21" customHeight="1" x14ac:dyDescent="0.2"/>
    <row r="237" ht="21" customHeight="1" x14ac:dyDescent="0.2"/>
    <row r="238" ht="21" customHeight="1" x14ac:dyDescent="0.2"/>
    <row r="239" ht="21" customHeight="1" x14ac:dyDescent="0.2"/>
    <row r="240" ht="21" customHeight="1" x14ac:dyDescent="0.2"/>
    <row r="241" ht="21" customHeight="1" x14ac:dyDescent="0.2"/>
    <row r="242" ht="21" customHeight="1" x14ac:dyDescent="0.2"/>
    <row r="243" ht="21" customHeight="1" x14ac:dyDescent="0.2"/>
    <row r="244" ht="21" customHeight="1" x14ac:dyDescent="0.2"/>
    <row r="245" ht="21" customHeight="1" x14ac:dyDescent="0.2"/>
    <row r="246" ht="21" customHeight="1" x14ac:dyDescent="0.2"/>
    <row r="247" ht="21" customHeight="1" x14ac:dyDescent="0.2"/>
    <row r="248" ht="21" customHeight="1" x14ac:dyDescent="0.2"/>
    <row r="249" ht="21" customHeight="1" x14ac:dyDescent="0.2"/>
    <row r="250" ht="21" customHeight="1" x14ac:dyDescent="0.2"/>
    <row r="251" ht="21" customHeight="1" x14ac:dyDescent="0.2"/>
    <row r="252" ht="21" customHeight="1" x14ac:dyDescent="0.2"/>
    <row r="253" ht="21" customHeight="1" x14ac:dyDescent="0.2"/>
    <row r="254" ht="21" customHeight="1" x14ac:dyDescent="0.2"/>
    <row r="255" ht="21" customHeight="1" x14ac:dyDescent="0.2"/>
    <row r="256" ht="21" customHeight="1" x14ac:dyDescent="0.2"/>
    <row r="257" ht="21" customHeight="1" x14ac:dyDescent="0.2"/>
    <row r="258" ht="21" customHeight="1" x14ac:dyDescent="0.2"/>
    <row r="259" ht="21" customHeight="1" x14ac:dyDescent="0.2"/>
    <row r="260" ht="21" customHeight="1" x14ac:dyDescent="0.2"/>
    <row r="261" ht="21" customHeight="1" x14ac:dyDescent="0.2"/>
    <row r="262" ht="21" customHeight="1" x14ac:dyDescent="0.2"/>
    <row r="263" ht="21" customHeight="1" x14ac:dyDescent="0.2"/>
    <row r="264" ht="21" customHeight="1" x14ac:dyDescent="0.2"/>
    <row r="265" ht="21" customHeight="1" x14ac:dyDescent="0.2"/>
    <row r="266" ht="21" customHeight="1" x14ac:dyDescent="0.2"/>
    <row r="267" ht="21" customHeight="1" x14ac:dyDescent="0.2"/>
    <row r="268" ht="21" customHeight="1" x14ac:dyDescent="0.2"/>
    <row r="269" ht="21" customHeight="1" x14ac:dyDescent="0.2"/>
    <row r="270" ht="21" customHeight="1" x14ac:dyDescent="0.2"/>
    <row r="271" ht="21" customHeight="1" x14ac:dyDescent="0.2"/>
    <row r="272" ht="21" customHeight="1" x14ac:dyDescent="0.2"/>
    <row r="273" ht="21" customHeight="1" x14ac:dyDescent="0.2"/>
    <row r="274" ht="21" customHeight="1" x14ac:dyDescent="0.2"/>
    <row r="275" ht="21" customHeight="1" x14ac:dyDescent="0.2"/>
    <row r="276" ht="21" customHeight="1" x14ac:dyDescent="0.2"/>
    <row r="277" ht="21" customHeight="1" x14ac:dyDescent="0.2"/>
    <row r="278" ht="21" customHeight="1" x14ac:dyDescent="0.2"/>
    <row r="279" ht="21" customHeight="1" x14ac:dyDescent="0.2"/>
    <row r="280" ht="21" customHeight="1" x14ac:dyDescent="0.2"/>
    <row r="281" ht="21" customHeight="1" x14ac:dyDescent="0.2"/>
    <row r="282" ht="21" customHeight="1" x14ac:dyDescent="0.2"/>
    <row r="283" ht="21" customHeight="1" x14ac:dyDescent="0.2"/>
    <row r="284" ht="21" customHeight="1" x14ac:dyDescent="0.2"/>
    <row r="285" ht="21" customHeight="1" x14ac:dyDescent="0.2"/>
    <row r="286" ht="21" customHeight="1" x14ac:dyDescent="0.2"/>
    <row r="287" ht="21" customHeight="1" x14ac:dyDescent="0.2"/>
    <row r="288" ht="21" customHeight="1" x14ac:dyDescent="0.2"/>
    <row r="289" ht="21" customHeight="1" x14ac:dyDescent="0.2"/>
    <row r="290" ht="21" customHeight="1" x14ac:dyDescent="0.2"/>
    <row r="291" ht="21" customHeight="1" x14ac:dyDescent="0.2"/>
    <row r="292" ht="21" customHeight="1" x14ac:dyDescent="0.2"/>
    <row r="293" ht="21" customHeight="1" x14ac:dyDescent="0.2"/>
    <row r="294" ht="21" customHeight="1" x14ac:dyDescent="0.2"/>
    <row r="295" ht="21" customHeight="1" x14ac:dyDescent="0.2"/>
    <row r="296" ht="21" customHeight="1" x14ac:dyDescent="0.2"/>
    <row r="297" ht="21" customHeight="1" x14ac:dyDescent="0.2"/>
    <row r="298" ht="21" customHeight="1" x14ac:dyDescent="0.2"/>
    <row r="299" ht="21" customHeight="1" x14ac:dyDescent="0.2"/>
    <row r="300" ht="21" customHeight="1" x14ac:dyDescent="0.2"/>
    <row r="301" ht="21" customHeight="1" x14ac:dyDescent="0.2"/>
    <row r="302" ht="21" customHeight="1" x14ac:dyDescent="0.2"/>
    <row r="303" ht="21" customHeight="1" x14ac:dyDescent="0.2"/>
    <row r="304" ht="21" customHeight="1" x14ac:dyDescent="0.2"/>
    <row r="305" ht="21" customHeight="1" x14ac:dyDescent="0.2"/>
    <row r="306" ht="21" customHeight="1" x14ac:dyDescent="0.2"/>
    <row r="307" ht="21" customHeight="1" x14ac:dyDescent="0.2"/>
    <row r="308" ht="21" customHeight="1" x14ac:dyDescent="0.2"/>
    <row r="309" ht="21" customHeight="1" x14ac:dyDescent="0.2"/>
    <row r="310" ht="21" customHeight="1" x14ac:dyDescent="0.2"/>
    <row r="311" ht="21" customHeight="1" x14ac:dyDescent="0.2"/>
    <row r="312" ht="21" customHeight="1" x14ac:dyDescent="0.2"/>
    <row r="313" ht="21" customHeight="1" x14ac:dyDescent="0.2"/>
    <row r="314" ht="21" customHeight="1" x14ac:dyDescent="0.2"/>
    <row r="315" ht="21" customHeight="1" x14ac:dyDescent="0.2"/>
    <row r="316" ht="21" customHeight="1" x14ac:dyDescent="0.2"/>
    <row r="317" ht="21" customHeight="1" x14ac:dyDescent="0.2"/>
    <row r="318" ht="21" customHeight="1" x14ac:dyDescent="0.2"/>
    <row r="319" ht="21" customHeight="1" x14ac:dyDescent="0.2"/>
    <row r="320" ht="21" customHeight="1" x14ac:dyDescent="0.2"/>
    <row r="321" ht="21" customHeight="1" x14ac:dyDescent="0.2"/>
    <row r="322" ht="21" customHeight="1" x14ac:dyDescent="0.2"/>
    <row r="323" ht="21" customHeight="1" x14ac:dyDescent="0.2"/>
    <row r="324" ht="21" customHeight="1" x14ac:dyDescent="0.2"/>
    <row r="325" ht="21" customHeight="1" x14ac:dyDescent="0.2"/>
    <row r="326" ht="21" customHeight="1" x14ac:dyDescent="0.2"/>
    <row r="327" ht="21" customHeight="1" x14ac:dyDescent="0.2"/>
    <row r="328" ht="21" customHeight="1" x14ac:dyDescent="0.2"/>
    <row r="329" ht="21" customHeight="1" x14ac:dyDescent="0.2"/>
    <row r="330" ht="21" customHeight="1" x14ac:dyDescent="0.2"/>
    <row r="331" ht="21" customHeight="1" x14ac:dyDescent="0.2"/>
    <row r="332" ht="21" customHeight="1" x14ac:dyDescent="0.2"/>
    <row r="333" ht="21" customHeight="1" x14ac:dyDescent="0.2"/>
    <row r="334" ht="21" customHeight="1" x14ac:dyDescent="0.2"/>
    <row r="335" ht="21" customHeight="1" x14ac:dyDescent="0.2"/>
    <row r="336" ht="21" customHeight="1" x14ac:dyDescent="0.2"/>
    <row r="337" ht="21" customHeight="1" x14ac:dyDescent="0.2"/>
    <row r="338" ht="21" customHeight="1" x14ac:dyDescent="0.2"/>
    <row r="339" ht="21" customHeight="1" x14ac:dyDescent="0.2"/>
    <row r="340" ht="21" customHeight="1" x14ac:dyDescent="0.2"/>
    <row r="341" ht="21" customHeight="1" x14ac:dyDescent="0.2"/>
    <row r="342" ht="21" customHeight="1" x14ac:dyDescent="0.2"/>
    <row r="343" ht="21" customHeight="1" x14ac:dyDescent="0.2"/>
    <row r="344" ht="21" customHeight="1" x14ac:dyDescent="0.2"/>
    <row r="345" ht="21" customHeight="1" x14ac:dyDescent="0.2"/>
    <row r="346" ht="21" customHeight="1" x14ac:dyDescent="0.2"/>
    <row r="347" ht="21" customHeight="1" x14ac:dyDescent="0.2"/>
    <row r="348" ht="21" customHeight="1" x14ac:dyDescent="0.2"/>
  </sheetData>
  <customSheetViews>
    <customSheetView guid="{FA98832E-F01A-4598-9960-E27C2FDAB118}" showPageBreaks="1" view="pageBreakPreview">
      <selection activeCell="J20" sqref="J20"/>
      <pageMargins left="0.39370078740157483" right="0.39370078740157483" top="0.59055118110236227" bottom="0.19685039370078741" header="0.51181102362204722" footer="0.51181102362204722"/>
      <printOptions horizontalCentered="1"/>
      <pageSetup paperSize="9" orientation="portrait" horizontalDpi="300" verticalDpi="300" r:id="rId1"/>
      <headerFooter alignWithMargins="0"/>
    </customSheetView>
    <customSheetView guid="{8494577A-77FB-45FD-BD2B-C737BCFAD5B3}" showPageBreaks="1" view="pageBreakPreview">
      <selection activeCell="J20" sqref="J20"/>
      <pageMargins left="0.39370078740157483" right="0.39370078740157483" top="0.59055118110236227" bottom="0.19685039370078741" header="0.51181102362204722" footer="0.51181102362204722"/>
      <printOptions horizontalCentered="1"/>
      <pageSetup paperSize="9" orientation="portrait" horizontalDpi="300" verticalDpi="300" r:id="rId2"/>
      <headerFooter alignWithMargins="0"/>
    </customSheetView>
  </customSheetViews>
  <mergeCells count="119">
    <mergeCell ref="A7:E8"/>
    <mergeCell ref="F7:K7"/>
    <mergeCell ref="L7:U7"/>
    <mergeCell ref="V7:Z8"/>
    <mergeCell ref="AA7:AI8"/>
    <mergeCell ref="F8:K8"/>
    <mergeCell ref="L8:U8"/>
    <mergeCell ref="A2:AI2"/>
    <mergeCell ref="A4:K4"/>
    <mergeCell ref="L4:AI4"/>
    <mergeCell ref="A5:K5"/>
    <mergeCell ref="L5:AI5"/>
    <mergeCell ref="A6:K6"/>
    <mergeCell ref="L6:AI6"/>
    <mergeCell ref="A9:B20"/>
    <mergeCell ref="C9:K11"/>
    <mergeCell ref="L9:W11"/>
    <mergeCell ref="X9:AA11"/>
    <mergeCell ref="AB9:AI11"/>
    <mergeCell ref="C12:D12"/>
    <mergeCell ref="E12:K12"/>
    <mergeCell ref="L12:W12"/>
    <mergeCell ref="X12:AA12"/>
    <mergeCell ref="AB12:AI12"/>
    <mergeCell ref="C13:D13"/>
    <mergeCell ref="E13:K13"/>
    <mergeCell ref="L13:W13"/>
    <mergeCell ref="X13:AA13"/>
    <mergeCell ref="AB13:AI13"/>
    <mergeCell ref="C14:D14"/>
    <mergeCell ref="E14:K14"/>
    <mergeCell ref="L14:W14"/>
    <mergeCell ref="X14:AA14"/>
    <mergeCell ref="AB14:AI14"/>
    <mergeCell ref="C15:D15"/>
    <mergeCell ref="E15:K15"/>
    <mergeCell ref="L15:W15"/>
    <mergeCell ref="X15:AA15"/>
    <mergeCell ref="AB15:AI15"/>
    <mergeCell ref="C16:D16"/>
    <mergeCell ref="E16:K16"/>
    <mergeCell ref="L16:W16"/>
    <mergeCell ref="X16:AA16"/>
    <mergeCell ref="AB16:AI16"/>
    <mergeCell ref="C19:D19"/>
    <mergeCell ref="E19:K19"/>
    <mergeCell ref="L19:W19"/>
    <mergeCell ref="X19:AA19"/>
    <mergeCell ref="AB19:AI19"/>
    <mergeCell ref="C20:W20"/>
    <mergeCell ref="X20:AA20"/>
    <mergeCell ref="AB20:AI20"/>
    <mergeCell ref="C17:D17"/>
    <mergeCell ref="E17:K17"/>
    <mergeCell ref="L17:W17"/>
    <mergeCell ref="X17:AA17"/>
    <mergeCell ref="AB17:AI17"/>
    <mergeCell ref="C18:D18"/>
    <mergeCell ref="E18:K18"/>
    <mergeCell ref="L18:W18"/>
    <mergeCell ref="X18:AA18"/>
    <mergeCell ref="AB18:AI18"/>
    <mergeCell ref="R26:W26"/>
    <mergeCell ref="X26:AA26"/>
    <mergeCell ref="AB26:AI26"/>
    <mergeCell ref="R27:W27"/>
    <mergeCell ref="X27:AA27"/>
    <mergeCell ref="AB27:AI27"/>
    <mergeCell ref="X21:AA23"/>
    <mergeCell ref="AB21:AI23"/>
    <mergeCell ref="C24:I27"/>
    <mergeCell ref="J24:P27"/>
    <mergeCell ref="R24:W24"/>
    <mergeCell ref="X24:AA24"/>
    <mergeCell ref="AB24:AI24"/>
    <mergeCell ref="R25:W25"/>
    <mergeCell ref="X25:AA25"/>
    <mergeCell ref="AB25:AI25"/>
    <mergeCell ref="AB30:AI30"/>
    <mergeCell ref="R31:W31"/>
    <mergeCell ref="X31:AA31"/>
    <mergeCell ref="AB31:AI31"/>
    <mergeCell ref="R32:W32"/>
    <mergeCell ref="X32:AA32"/>
    <mergeCell ref="AB32:AI32"/>
    <mergeCell ref="C28:I32"/>
    <mergeCell ref="J28:P32"/>
    <mergeCell ref="R28:W28"/>
    <mergeCell ref="X28:AA28"/>
    <mergeCell ref="AB28:AI28"/>
    <mergeCell ref="R29:W29"/>
    <mergeCell ref="X29:AA29"/>
    <mergeCell ref="AB29:AI29"/>
    <mergeCell ref="R30:W30"/>
    <mergeCell ref="X30:AA30"/>
    <mergeCell ref="C38:AA38"/>
    <mergeCell ref="AB38:AI38"/>
    <mergeCell ref="A39:AI39"/>
    <mergeCell ref="A21:B38"/>
    <mergeCell ref="C21:I23"/>
    <mergeCell ref="J21:P23"/>
    <mergeCell ref="Q21:W23"/>
    <mergeCell ref="AB35:AI35"/>
    <mergeCell ref="R36:W36"/>
    <mergeCell ref="X36:AA36"/>
    <mergeCell ref="AB36:AI36"/>
    <mergeCell ref="R37:W37"/>
    <mergeCell ref="X37:AA37"/>
    <mergeCell ref="AB37:AI37"/>
    <mergeCell ref="C33:I37"/>
    <mergeCell ref="J33:P37"/>
    <mergeCell ref="R33:W33"/>
    <mergeCell ref="X33:AA33"/>
    <mergeCell ref="AB33:AI33"/>
    <mergeCell ref="R34:W34"/>
    <mergeCell ref="X34:AA34"/>
    <mergeCell ref="AB34:AI34"/>
    <mergeCell ref="R35:W35"/>
    <mergeCell ref="X35:AA35"/>
  </mergeCells>
  <phoneticPr fontId="6"/>
  <printOptions horizontalCentered="1"/>
  <pageMargins left="0.39370078740157483" right="0.39370078740157483" top="0.59055118110236227" bottom="0.19685039370078741" header="0.51181102362204722" footer="0.51181102362204722"/>
  <pageSetup paperSize="9" orientation="portrait" horizontalDpi="300" verticalDpi="300" r:id="rId3"/>
  <headerFooter alignWithMargins="0"/>
  <drawing r:id="rId4"/>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AI47"/>
  <sheetViews>
    <sheetView view="pageBreakPreview" zoomScaleNormal="100" zoomScaleSheetLayoutView="100" workbookViewId="0">
      <selection activeCell="J20" sqref="J20"/>
    </sheetView>
  </sheetViews>
  <sheetFormatPr defaultColWidth="9" defaultRowHeight="13.2" x14ac:dyDescent="0.2"/>
  <cols>
    <col min="1" max="1" width="9" style="56"/>
    <col min="2" max="2" width="11.109375" style="56" customWidth="1"/>
    <col min="3" max="6" width="9" style="56"/>
    <col min="7" max="8" width="11.44140625" style="56" customWidth="1"/>
    <col min="9" max="16384" width="9" style="56"/>
  </cols>
  <sheetData>
    <row r="1" spans="1:35" ht="15" customHeight="1" x14ac:dyDescent="0.2">
      <c r="A1" s="248" t="s">
        <v>280</v>
      </c>
      <c r="B1" s="104"/>
      <c r="C1" s="104"/>
      <c r="D1" s="104"/>
      <c r="E1" s="104"/>
      <c r="F1" s="104"/>
      <c r="G1" s="104"/>
      <c r="H1" s="104"/>
      <c r="I1" s="104"/>
      <c r="J1" s="104"/>
      <c r="K1" s="104"/>
      <c r="L1" s="104"/>
      <c r="M1" s="104"/>
      <c r="N1" s="104"/>
      <c r="O1" s="104"/>
      <c r="P1" s="104"/>
      <c r="Q1" s="104"/>
      <c r="R1" s="104"/>
      <c r="S1" s="104"/>
      <c r="T1" s="104"/>
      <c r="U1" s="104"/>
      <c r="V1" s="104"/>
      <c r="W1" s="104"/>
      <c r="X1" s="104"/>
      <c r="Y1" s="104"/>
      <c r="Z1" s="104"/>
      <c r="AA1" s="104"/>
      <c r="AB1" s="104"/>
      <c r="AC1" s="104"/>
      <c r="AD1" s="104"/>
      <c r="AE1" s="104"/>
      <c r="AF1" s="104"/>
      <c r="AG1" s="104"/>
      <c r="AH1" s="104"/>
      <c r="AI1" s="104"/>
    </row>
    <row r="2" spans="1:35" ht="8.25" customHeight="1" x14ac:dyDescent="0.2">
      <c r="A2" s="67"/>
      <c r="B2" s="67"/>
      <c r="C2" s="67"/>
      <c r="D2" s="67"/>
      <c r="E2" s="67"/>
      <c r="F2" s="67"/>
      <c r="G2" s="68"/>
      <c r="H2" s="68"/>
    </row>
    <row r="3" spans="1:35" s="69" customFormat="1" ht="24.75" customHeight="1" x14ac:dyDescent="0.2">
      <c r="A3" s="1594" t="s">
        <v>344</v>
      </c>
      <c r="B3" s="1594"/>
      <c r="C3" s="1594"/>
      <c r="D3" s="1594"/>
      <c r="E3" s="1594"/>
      <c r="F3" s="1594"/>
      <c r="G3" s="1594"/>
      <c r="H3" s="1594"/>
    </row>
    <row r="4" spans="1:35" ht="10.5" customHeight="1" thickBot="1" x14ac:dyDescent="0.25">
      <c r="A4" s="67"/>
      <c r="B4" s="67"/>
      <c r="C4" s="67"/>
      <c r="D4" s="67"/>
      <c r="E4" s="67"/>
      <c r="F4" s="67"/>
      <c r="G4" s="67"/>
      <c r="H4" s="67"/>
    </row>
    <row r="5" spans="1:35" ht="17.25" customHeight="1" thickBot="1" x14ac:dyDescent="0.25">
      <c r="A5" s="1931" t="s">
        <v>215</v>
      </c>
      <c r="B5" s="1932"/>
      <c r="C5" s="1933"/>
      <c r="D5" s="1934"/>
      <c r="E5" s="1934"/>
      <c r="F5" s="1934"/>
      <c r="G5" s="1934"/>
      <c r="H5" s="1935"/>
    </row>
    <row r="6" spans="1:35" ht="17.25" customHeight="1" x14ac:dyDescent="0.2">
      <c r="A6" s="1931" t="s">
        <v>133</v>
      </c>
      <c r="B6" s="1932"/>
      <c r="C6" s="1933"/>
      <c r="D6" s="1934"/>
      <c r="E6" s="1934"/>
      <c r="F6" s="1934"/>
      <c r="G6" s="1934"/>
      <c r="H6" s="1935"/>
    </row>
    <row r="7" spans="1:35" ht="17.25" customHeight="1" x14ac:dyDescent="0.2">
      <c r="A7" s="1909" t="s">
        <v>126</v>
      </c>
      <c r="B7" s="1910"/>
      <c r="C7" s="1905"/>
      <c r="D7" s="1911"/>
      <c r="E7" s="1911"/>
      <c r="F7" s="1911"/>
      <c r="G7" s="1911"/>
      <c r="H7" s="1912"/>
    </row>
    <row r="8" spans="1:35" ht="17.25" customHeight="1" x14ac:dyDescent="0.2">
      <c r="A8" s="1909" t="s">
        <v>150</v>
      </c>
      <c r="B8" s="1910"/>
      <c r="C8" s="1913" t="s">
        <v>45</v>
      </c>
      <c r="D8" s="1906"/>
      <c r="E8" s="1906"/>
      <c r="F8" s="1906"/>
      <c r="G8" s="1906"/>
      <c r="H8" s="1908"/>
    </row>
    <row r="9" spans="1:35" ht="17.25" customHeight="1" x14ac:dyDescent="0.2">
      <c r="A9" s="1919" t="s">
        <v>134</v>
      </c>
      <c r="B9" s="70" t="s">
        <v>128</v>
      </c>
      <c r="C9" s="1921"/>
      <c r="D9" s="1911"/>
      <c r="E9" s="1922"/>
      <c r="F9" s="1923" t="s">
        <v>135</v>
      </c>
      <c r="G9" s="1925"/>
      <c r="H9" s="1926"/>
    </row>
    <row r="10" spans="1:35" ht="17.25" customHeight="1" thickBot="1" x14ac:dyDescent="0.25">
      <c r="A10" s="1920"/>
      <c r="B10" s="71" t="s">
        <v>136</v>
      </c>
      <c r="C10" s="1925"/>
      <c r="D10" s="1929"/>
      <c r="E10" s="1930"/>
      <c r="F10" s="1924"/>
      <c r="G10" s="1927"/>
      <c r="H10" s="1928"/>
    </row>
    <row r="11" spans="1:35" ht="17.25" customHeight="1" thickTop="1" thickBot="1" x14ac:dyDescent="0.25">
      <c r="A11" s="1914" t="s">
        <v>137</v>
      </c>
      <c r="B11" s="1915"/>
      <c r="C11" s="1915"/>
      <c r="D11" s="1915"/>
      <c r="E11" s="1916"/>
      <c r="F11" s="1917"/>
      <c r="G11" s="1917"/>
      <c r="H11" s="1918"/>
    </row>
    <row r="12" spans="1:35" ht="17.25" customHeight="1" thickTop="1" x14ac:dyDescent="0.2">
      <c r="A12" s="1900" t="s">
        <v>146</v>
      </c>
      <c r="B12" s="1545" t="s">
        <v>216</v>
      </c>
      <c r="C12" s="1546"/>
      <c r="D12" s="1546"/>
      <c r="E12" s="1546"/>
      <c r="F12" s="1546"/>
      <c r="G12" s="1903"/>
      <c r="H12" s="1904"/>
    </row>
    <row r="13" spans="1:35" ht="17.25" customHeight="1" x14ac:dyDescent="0.2">
      <c r="A13" s="1901"/>
      <c r="B13" s="1905" t="s">
        <v>148</v>
      </c>
      <c r="C13" s="1906"/>
      <c r="D13" s="1907"/>
      <c r="E13" s="1905" t="s">
        <v>149</v>
      </c>
      <c r="F13" s="1906"/>
      <c r="G13" s="1906"/>
      <c r="H13" s="1908"/>
    </row>
    <row r="14" spans="1:35" ht="17.25" customHeight="1" x14ac:dyDescent="0.2">
      <c r="A14" s="1901"/>
      <c r="B14" s="72">
        <v>1</v>
      </c>
      <c r="C14" s="1896"/>
      <c r="D14" s="1897"/>
      <c r="E14" s="1896"/>
      <c r="F14" s="1898"/>
      <c r="G14" s="1898"/>
      <c r="H14" s="1899"/>
    </row>
    <row r="15" spans="1:35" ht="17.25" customHeight="1" x14ac:dyDescent="0.2">
      <c r="A15" s="1901"/>
      <c r="B15" s="72">
        <v>2</v>
      </c>
      <c r="C15" s="1896"/>
      <c r="D15" s="1897"/>
      <c r="E15" s="1896"/>
      <c r="F15" s="1898"/>
      <c r="G15" s="1898"/>
      <c r="H15" s="1899"/>
    </row>
    <row r="16" spans="1:35" ht="17.25" customHeight="1" x14ac:dyDescent="0.2">
      <c r="A16" s="1901"/>
      <c r="B16" s="72">
        <v>3</v>
      </c>
      <c r="C16" s="1896"/>
      <c r="D16" s="1897"/>
      <c r="E16" s="1896"/>
      <c r="F16" s="1898"/>
      <c r="G16" s="1898"/>
      <c r="H16" s="1899"/>
    </row>
    <row r="17" spans="1:8" ht="17.25" customHeight="1" x14ac:dyDescent="0.2">
      <c r="A17" s="1901"/>
      <c r="B17" s="72">
        <v>4</v>
      </c>
      <c r="C17" s="1896"/>
      <c r="D17" s="1897"/>
      <c r="E17" s="1896"/>
      <c r="F17" s="1898"/>
      <c r="G17" s="1898"/>
      <c r="H17" s="1899"/>
    </row>
    <row r="18" spans="1:8" ht="17.25" customHeight="1" x14ac:dyDescent="0.2">
      <c r="A18" s="1901"/>
      <c r="B18" s="72">
        <v>5</v>
      </c>
      <c r="C18" s="1896"/>
      <c r="D18" s="1897"/>
      <c r="E18" s="1896"/>
      <c r="F18" s="1898"/>
      <c r="G18" s="1898"/>
      <c r="H18" s="1899"/>
    </row>
    <row r="19" spans="1:8" ht="17.25" customHeight="1" x14ac:dyDescent="0.2">
      <c r="A19" s="1901"/>
      <c r="B19" s="72">
        <v>6</v>
      </c>
      <c r="C19" s="1896"/>
      <c r="D19" s="1897"/>
      <c r="E19" s="1896"/>
      <c r="F19" s="1898"/>
      <c r="G19" s="1898"/>
      <c r="H19" s="1899"/>
    </row>
    <row r="20" spans="1:8" ht="17.25" customHeight="1" x14ac:dyDescent="0.2">
      <c r="A20" s="1901"/>
      <c r="B20" s="72">
        <v>7</v>
      </c>
      <c r="C20" s="1896"/>
      <c r="D20" s="1897"/>
      <c r="E20" s="1896"/>
      <c r="F20" s="1898"/>
      <c r="G20" s="1898"/>
      <c r="H20" s="1899"/>
    </row>
    <row r="21" spans="1:8" ht="17.25" customHeight="1" x14ac:dyDescent="0.2">
      <c r="A21" s="1901"/>
      <c r="B21" s="72">
        <v>8</v>
      </c>
      <c r="C21" s="1896"/>
      <c r="D21" s="1897"/>
      <c r="E21" s="1896"/>
      <c r="F21" s="1898"/>
      <c r="G21" s="1898"/>
      <c r="H21" s="1899"/>
    </row>
    <row r="22" spans="1:8" ht="17.25" customHeight="1" x14ac:dyDescent="0.2">
      <c r="A22" s="1901"/>
      <c r="B22" s="72">
        <v>9</v>
      </c>
      <c r="C22" s="1896"/>
      <c r="D22" s="1897"/>
      <c r="E22" s="1896"/>
      <c r="F22" s="1898"/>
      <c r="G22" s="1898"/>
      <c r="H22" s="1899"/>
    </row>
    <row r="23" spans="1:8" ht="17.25" customHeight="1" x14ac:dyDescent="0.2">
      <c r="A23" s="1901"/>
      <c r="B23" s="72">
        <v>10</v>
      </c>
      <c r="C23" s="1896"/>
      <c r="D23" s="1897"/>
      <c r="E23" s="1896"/>
      <c r="F23" s="1898"/>
      <c r="G23" s="1898"/>
      <c r="H23" s="1899"/>
    </row>
    <row r="24" spans="1:8" ht="17.25" customHeight="1" x14ac:dyDescent="0.2">
      <c r="A24" s="1901"/>
      <c r="B24" s="72">
        <v>11</v>
      </c>
      <c r="C24" s="1896"/>
      <c r="D24" s="1897"/>
      <c r="E24" s="1896"/>
      <c r="F24" s="1898"/>
      <c r="G24" s="1898"/>
      <c r="H24" s="1899"/>
    </row>
    <row r="25" spans="1:8" ht="17.25" customHeight="1" x14ac:dyDescent="0.2">
      <c r="A25" s="1901"/>
      <c r="B25" s="72">
        <v>12</v>
      </c>
      <c r="C25" s="1896"/>
      <c r="D25" s="1897"/>
      <c r="E25" s="1896"/>
      <c r="F25" s="1898"/>
      <c r="G25" s="1898"/>
      <c r="H25" s="1899"/>
    </row>
    <row r="26" spans="1:8" ht="17.25" customHeight="1" x14ac:dyDescent="0.2">
      <c r="A26" s="1901"/>
      <c r="B26" s="72">
        <v>13</v>
      </c>
      <c r="C26" s="1896"/>
      <c r="D26" s="1897"/>
      <c r="E26" s="1896"/>
      <c r="F26" s="1898"/>
      <c r="G26" s="1898"/>
      <c r="H26" s="1899"/>
    </row>
    <row r="27" spans="1:8" ht="17.25" customHeight="1" x14ac:dyDescent="0.2">
      <c r="A27" s="1901"/>
      <c r="B27" s="72">
        <v>14</v>
      </c>
      <c r="C27" s="1896"/>
      <c r="D27" s="1897"/>
      <c r="E27" s="1896"/>
      <c r="F27" s="1898"/>
      <c r="G27" s="1898"/>
      <c r="H27" s="1899"/>
    </row>
    <row r="28" spans="1:8" ht="17.25" customHeight="1" x14ac:dyDescent="0.2">
      <c r="A28" s="1901"/>
      <c r="B28" s="72">
        <v>15</v>
      </c>
      <c r="C28" s="1896"/>
      <c r="D28" s="1897"/>
      <c r="E28" s="1896"/>
      <c r="F28" s="1898"/>
      <c r="G28" s="1898"/>
      <c r="H28" s="1899"/>
    </row>
    <row r="29" spans="1:8" ht="17.25" customHeight="1" x14ac:dyDescent="0.2">
      <c r="A29" s="1901"/>
      <c r="B29" s="72">
        <v>16</v>
      </c>
      <c r="C29" s="1896"/>
      <c r="D29" s="1897"/>
      <c r="E29" s="1896"/>
      <c r="F29" s="1898"/>
      <c r="G29" s="1898"/>
      <c r="H29" s="1899"/>
    </row>
    <row r="30" spans="1:8" ht="17.25" customHeight="1" x14ac:dyDescent="0.2">
      <c r="A30" s="1901"/>
      <c r="B30" s="72">
        <v>17</v>
      </c>
      <c r="C30" s="1896"/>
      <c r="D30" s="1897"/>
      <c r="E30" s="1896"/>
      <c r="F30" s="1898"/>
      <c r="G30" s="1898"/>
      <c r="H30" s="1899"/>
    </row>
    <row r="31" spans="1:8" ht="17.25" customHeight="1" x14ac:dyDescent="0.2">
      <c r="A31" s="1901"/>
      <c r="B31" s="72">
        <v>18</v>
      </c>
      <c r="C31" s="1896"/>
      <c r="D31" s="1897"/>
      <c r="E31" s="1896"/>
      <c r="F31" s="1898"/>
      <c r="G31" s="1898"/>
      <c r="H31" s="1899"/>
    </row>
    <row r="32" spans="1:8" ht="17.25" customHeight="1" x14ac:dyDescent="0.2">
      <c r="A32" s="1901"/>
      <c r="B32" s="72">
        <v>19</v>
      </c>
      <c r="C32" s="1896"/>
      <c r="D32" s="1897"/>
      <c r="E32" s="1896"/>
      <c r="F32" s="1898"/>
      <c r="G32" s="1898"/>
      <c r="H32" s="1899"/>
    </row>
    <row r="33" spans="1:8" ht="17.25" customHeight="1" x14ac:dyDescent="0.2">
      <c r="A33" s="1901"/>
      <c r="B33" s="72">
        <v>20</v>
      </c>
      <c r="C33" s="1896"/>
      <c r="D33" s="1897"/>
      <c r="E33" s="1896"/>
      <c r="F33" s="1898"/>
      <c r="G33" s="1898"/>
      <c r="H33" s="1899"/>
    </row>
    <row r="34" spans="1:8" ht="17.25" customHeight="1" x14ac:dyDescent="0.2">
      <c r="A34" s="1901"/>
      <c r="B34" s="72">
        <v>21</v>
      </c>
      <c r="C34" s="1896"/>
      <c r="D34" s="1897"/>
      <c r="E34" s="1896"/>
      <c r="F34" s="1898"/>
      <c r="G34" s="1898"/>
      <c r="H34" s="1899"/>
    </row>
    <row r="35" spans="1:8" ht="17.25" customHeight="1" x14ac:dyDescent="0.2">
      <c r="A35" s="1901"/>
      <c r="B35" s="72">
        <v>22</v>
      </c>
      <c r="C35" s="1896"/>
      <c r="D35" s="1897"/>
      <c r="E35" s="1896"/>
      <c r="F35" s="1898"/>
      <c r="G35" s="1898"/>
      <c r="H35" s="1899"/>
    </row>
    <row r="36" spans="1:8" ht="17.25" customHeight="1" x14ac:dyDescent="0.2">
      <c r="A36" s="1901"/>
      <c r="B36" s="72">
        <v>23</v>
      </c>
      <c r="C36" s="1896"/>
      <c r="D36" s="1897"/>
      <c r="E36" s="1896"/>
      <c r="F36" s="1898"/>
      <c r="G36" s="1898"/>
      <c r="H36" s="1899"/>
    </row>
    <row r="37" spans="1:8" ht="17.25" customHeight="1" x14ac:dyDescent="0.2">
      <c r="A37" s="1901"/>
      <c r="B37" s="72">
        <v>24</v>
      </c>
      <c r="C37" s="1896"/>
      <c r="D37" s="1897"/>
      <c r="E37" s="1896"/>
      <c r="F37" s="1898"/>
      <c r="G37" s="1898"/>
      <c r="H37" s="1899"/>
    </row>
    <row r="38" spans="1:8" ht="17.25" customHeight="1" x14ac:dyDescent="0.2">
      <c r="A38" s="1901"/>
      <c r="B38" s="72">
        <v>25</v>
      </c>
      <c r="C38" s="1896"/>
      <c r="D38" s="1897"/>
      <c r="E38" s="1896"/>
      <c r="F38" s="1898"/>
      <c r="G38" s="1898"/>
      <c r="H38" s="1899"/>
    </row>
    <row r="39" spans="1:8" ht="17.25" customHeight="1" x14ac:dyDescent="0.2">
      <c r="A39" s="1901"/>
      <c r="B39" s="72">
        <v>26</v>
      </c>
      <c r="C39" s="1896"/>
      <c r="D39" s="1897"/>
      <c r="E39" s="1896"/>
      <c r="F39" s="1898"/>
      <c r="G39" s="1898"/>
      <c r="H39" s="1899"/>
    </row>
    <row r="40" spans="1:8" ht="17.25" customHeight="1" x14ac:dyDescent="0.2">
      <c r="A40" s="1901"/>
      <c r="B40" s="72">
        <v>27</v>
      </c>
      <c r="C40" s="1896"/>
      <c r="D40" s="1897"/>
      <c r="E40" s="1896"/>
      <c r="F40" s="1898"/>
      <c r="G40" s="1898"/>
      <c r="H40" s="1899"/>
    </row>
    <row r="41" spans="1:8" ht="17.25" customHeight="1" x14ac:dyDescent="0.2">
      <c r="A41" s="1901"/>
      <c r="B41" s="72">
        <v>28</v>
      </c>
      <c r="C41" s="1896"/>
      <c r="D41" s="1897"/>
      <c r="E41" s="1896"/>
      <c r="F41" s="1898"/>
      <c r="G41" s="1898"/>
      <c r="H41" s="1899"/>
    </row>
    <row r="42" spans="1:8" ht="17.25" customHeight="1" x14ac:dyDescent="0.2">
      <c r="A42" s="1901"/>
      <c r="B42" s="72">
        <v>29</v>
      </c>
      <c r="C42" s="1896"/>
      <c r="D42" s="1897"/>
      <c r="E42" s="1896"/>
      <c r="F42" s="1898"/>
      <c r="G42" s="1898"/>
      <c r="H42" s="1899"/>
    </row>
    <row r="43" spans="1:8" ht="17.25" customHeight="1" thickBot="1" x14ac:dyDescent="0.25">
      <c r="A43" s="1902"/>
      <c r="B43" s="73">
        <v>30</v>
      </c>
      <c r="C43" s="1892"/>
      <c r="D43" s="1893"/>
      <c r="E43" s="1892"/>
      <c r="F43" s="1894"/>
      <c r="G43" s="1894"/>
      <c r="H43" s="1895"/>
    </row>
    <row r="44" spans="1:8" ht="15" customHeight="1" x14ac:dyDescent="0.2">
      <c r="A44" s="74" t="s">
        <v>217</v>
      </c>
      <c r="B44" s="67"/>
      <c r="C44" s="67"/>
      <c r="D44" s="67"/>
      <c r="E44" s="67"/>
      <c r="F44" s="67"/>
      <c r="G44" s="67"/>
      <c r="H44" s="67"/>
    </row>
    <row r="45" spans="1:8" ht="15" customHeight="1" x14ac:dyDescent="0.2">
      <c r="A45" s="74" t="s">
        <v>218</v>
      </c>
      <c r="B45" s="67"/>
      <c r="C45" s="67"/>
      <c r="D45" s="67"/>
      <c r="E45" s="67"/>
      <c r="F45" s="67"/>
      <c r="G45" s="67"/>
      <c r="H45" s="67"/>
    </row>
    <row r="46" spans="1:8" ht="15" customHeight="1" x14ac:dyDescent="0.2">
      <c r="A46" s="74" t="s">
        <v>219</v>
      </c>
      <c r="B46" s="67"/>
      <c r="C46" s="67"/>
      <c r="D46" s="67"/>
      <c r="E46" s="67"/>
      <c r="F46" s="67"/>
      <c r="G46" s="67"/>
      <c r="H46" s="67"/>
    </row>
    <row r="47" spans="1:8" ht="15" customHeight="1" x14ac:dyDescent="0.2">
      <c r="A47" s="74"/>
    </row>
  </sheetData>
  <customSheetViews>
    <customSheetView guid="{FA98832E-F01A-4598-9960-E27C2FDAB118}" showPageBreaks="1" view="pageBreakPreview">
      <selection activeCell="J20" sqref="J20"/>
      <pageMargins left="0.6" right="0.39370078740157483" top="0.98425196850393704" bottom="0.47244094488188981" header="0.51181102362204722" footer="0.39370078740157483"/>
      <printOptions horizontalCentered="1"/>
      <pageSetup paperSize="9" orientation="portrait" r:id="rId1"/>
      <headerFooter alignWithMargins="0"/>
    </customSheetView>
    <customSheetView guid="{8494577A-77FB-45FD-BD2B-C737BCFAD5B3}" showPageBreaks="1" view="pageBreakPreview">
      <selection activeCell="J20" sqref="J20"/>
      <pageMargins left="0.6" right="0.39370078740157483" top="0.98425196850393704" bottom="0.47244094488188981" header="0.51181102362204722" footer="0.39370078740157483"/>
      <printOptions horizontalCentered="1"/>
      <pageSetup paperSize="9" orientation="portrait" r:id="rId2"/>
      <headerFooter alignWithMargins="0"/>
    </customSheetView>
  </customSheetViews>
  <mergeCells count="81">
    <mergeCell ref="A3:H3"/>
    <mergeCell ref="A5:B5"/>
    <mergeCell ref="C5:H5"/>
    <mergeCell ref="A6:B6"/>
    <mergeCell ref="C6:H6"/>
    <mergeCell ref="A7:B7"/>
    <mergeCell ref="C7:H7"/>
    <mergeCell ref="A8:B8"/>
    <mergeCell ref="C8:H8"/>
    <mergeCell ref="A11:D11"/>
    <mergeCell ref="E11:H11"/>
    <mergeCell ref="A9:A10"/>
    <mergeCell ref="C9:E9"/>
    <mergeCell ref="F9:F10"/>
    <mergeCell ref="G9:H10"/>
    <mergeCell ref="C10:E10"/>
    <mergeCell ref="A12:A43"/>
    <mergeCell ref="B12:F12"/>
    <mergeCell ref="G12:H12"/>
    <mergeCell ref="B13:D13"/>
    <mergeCell ref="E13:H13"/>
    <mergeCell ref="C14:D14"/>
    <mergeCell ref="E14:H14"/>
    <mergeCell ref="C15:D15"/>
    <mergeCell ref="C21:D21"/>
    <mergeCell ref="E21:H21"/>
    <mergeCell ref="E15:H15"/>
    <mergeCell ref="C16:D16"/>
    <mergeCell ref="E16:H16"/>
    <mergeCell ref="C17:D17"/>
    <mergeCell ref="C22:D22"/>
    <mergeCell ref="E22:H22"/>
    <mergeCell ref="C23:D23"/>
    <mergeCell ref="E23:H23"/>
    <mergeCell ref="E17:H17"/>
    <mergeCell ref="C19:D19"/>
    <mergeCell ref="E19:H19"/>
    <mergeCell ref="C20:D20"/>
    <mergeCell ref="E20:H20"/>
    <mergeCell ref="C18:D18"/>
    <mergeCell ref="E18:H18"/>
    <mergeCell ref="C31:D31"/>
    <mergeCell ref="E31:H31"/>
    <mergeCell ref="C24:D24"/>
    <mergeCell ref="E24:H24"/>
    <mergeCell ref="C25:D25"/>
    <mergeCell ref="E25:H25"/>
    <mergeCell ref="C26:D26"/>
    <mergeCell ref="E26:H26"/>
    <mergeCell ref="C28:D28"/>
    <mergeCell ref="E28:H28"/>
    <mergeCell ref="C29:D29"/>
    <mergeCell ref="E29:H29"/>
    <mergeCell ref="C30:D30"/>
    <mergeCell ref="E30:H30"/>
    <mergeCell ref="C27:D27"/>
    <mergeCell ref="E27:H27"/>
    <mergeCell ref="C32:D32"/>
    <mergeCell ref="E32:H32"/>
    <mergeCell ref="C39:D39"/>
    <mergeCell ref="E39:H39"/>
    <mergeCell ref="C34:D34"/>
    <mergeCell ref="E34:H34"/>
    <mergeCell ref="C35:D35"/>
    <mergeCell ref="E35:H35"/>
    <mergeCell ref="C36:D36"/>
    <mergeCell ref="E36:H36"/>
    <mergeCell ref="C33:D33"/>
    <mergeCell ref="E33:H33"/>
    <mergeCell ref="C37:D37"/>
    <mergeCell ref="E37:H37"/>
    <mergeCell ref="C38:D38"/>
    <mergeCell ref="E38:H38"/>
    <mergeCell ref="C43:D43"/>
    <mergeCell ref="E43:H43"/>
    <mergeCell ref="C40:D40"/>
    <mergeCell ref="E40:H40"/>
    <mergeCell ref="C41:D41"/>
    <mergeCell ref="E41:H41"/>
    <mergeCell ref="C42:D42"/>
    <mergeCell ref="E42:H42"/>
  </mergeCells>
  <phoneticPr fontId="6"/>
  <printOptions horizontalCentered="1"/>
  <pageMargins left="0.6" right="0.39370078740157483" top="0.98425196850393704" bottom="0.47244094488188981" header="0.51181102362204722" footer="0.39370078740157483"/>
  <pageSetup paperSize="9" orientation="portrait" r:id="rId3"/>
  <headerFooter alignWithMargins="0"/>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B1:H43"/>
  <sheetViews>
    <sheetView zoomScale="90" zoomScaleNormal="90" zoomScaleSheetLayoutView="55" workbookViewId="0">
      <selection activeCell="G22" sqref="G22"/>
    </sheetView>
  </sheetViews>
  <sheetFormatPr defaultColWidth="9" defaultRowHeight="13.2" x14ac:dyDescent="0.2"/>
  <cols>
    <col min="1" max="1" width="1.21875" style="76" customWidth="1"/>
    <col min="2" max="2" width="3.6640625" style="76" customWidth="1"/>
    <col min="3" max="3" width="16.6640625" style="76" customWidth="1"/>
    <col min="4" max="4" width="12.88671875" style="76" customWidth="1"/>
    <col min="5" max="5" width="2.44140625" style="76" customWidth="1"/>
    <col min="6" max="6" width="7.77734375" style="76" customWidth="1"/>
    <col min="7" max="8" width="24.21875" style="76" customWidth="1"/>
    <col min="9" max="9" width="9.109375" style="76" customWidth="1"/>
    <col min="10" max="20" width="20.6640625" style="76" customWidth="1"/>
    <col min="21" max="16384" width="9" style="76"/>
  </cols>
  <sheetData>
    <row r="1" spans="2:8" ht="20.25" customHeight="1" x14ac:dyDescent="0.2">
      <c r="B1" s="105" t="s">
        <v>281</v>
      </c>
      <c r="H1" s="202" t="s">
        <v>709</v>
      </c>
    </row>
    <row r="2" spans="2:8" ht="20.25" customHeight="1" x14ac:dyDescent="0.2"/>
    <row r="3" spans="2:8" ht="52.5" customHeight="1" thickBot="1" x14ac:dyDescent="0.25">
      <c r="B3" s="1946" t="s">
        <v>935</v>
      </c>
      <c r="C3" s="1946"/>
      <c r="D3" s="1946"/>
      <c r="E3" s="1946"/>
      <c r="F3" s="1946"/>
      <c r="G3" s="1946"/>
      <c r="H3" s="1946"/>
    </row>
    <row r="4" spans="2:8" ht="30.75" customHeight="1" x14ac:dyDescent="0.2">
      <c r="B4" s="1947"/>
      <c r="C4" s="1950" t="s">
        <v>226</v>
      </c>
      <c r="D4" s="1951"/>
      <c r="E4" s="1952"/>
      <c r="F4" s="77" t="s">
        <v>188</v>
      </c>
      <c r="G4" s="1953"/>
      <c r="H4" s="1954"/>
    </row>
    <row r="5" spans="2:8" ht="30" customHeight="1" x14ac:dyDescent="0.2">
      <c r="B5" s="1948"/>
      <c r="C5" s="1955" t="s">
        <v>227</v>
      </c>
      <c r="D5" s="1955"/>
      <c r="E5" s="1936"/>
      <c r="F5" s="78" t="s">
        <v>189</v>
      </c>
      <c r="G5" s="1956"/>
      <c r="H5" s="1957"/>
    </row>
    <row r="6" spans="2:8" ht="30" customHeight="1" x14ac:dyDescent="0.2">
      <c r="B6" s="1949"/>
      <c r="C6" s="1936" t="s">
        <v>228</v>
      </c>
      <c r="D6" s="1937"/>
      <c r="E6" s="1937"/>
      <c r="F6" s="78" t="s">
        <v>190</v>
      </c>
      <c r="G6" s="1958"/>
      <c r="H6" s="1959"/>
    </row>
    <row r="7" spans="2:8" ht="30" customHeight="1" thickBot="1" x14ac:dyDescent="0.25">
      <c r="B7" s="1940" t="s">
        <v>148</v>
      </c>
      <c r="C7" s="1941"/>
      <c r="D7" s="1941"/>
      <c r="E7" s="1941"/>
      <c r="F7" s="1941"/>
      <c r="G7" s="138" t="s">
        <v>229</v>
      </c>
      <c r="H7" s="139" t="s">
        <v>230</v>
      </c>
    </row>
    <row r="8" spans="2:8" ht="30" customHeight="1" thickTop="1" x14ac:dyDescent="0.2">
      <c r="B8" s="81">
        <v>1</v>
      </c>
      <c r="C8" s="1942"/>
      <c r="D8" s="1943"/>
      <c r="E8" s="1943"/>
      <c r="F8" s="1943"/>
      <c r="G8" s="82"/>
      <c r="H8" s="83"/>
    </row>
    <row r="9" spans="2:8" ht="30" customHeight="1" x14ac:dyDescent="0.2">
      <c r="B9" s="84">
        <v>2</v>
      </c>
      <c r="C9" s="1944"/>
      <c r="D9" s="1945"/>
      <c r="E9" s="1945"/>
      <c r="F9" s="1945"/>
      <c r="G9" s="85"/>
      <c r="H9" s="86"/>
    </row>
    <row r="10" spans="2:8" ht="30" customHeight="1" x14ac:dyDescent="0.2">
      <c r="B10" s="84">
        <v>3</v>
      </c>
      <c r="C10" s="1944"/>
      <c r="D10" s="1945"/>
      <c r="E10" s="1945"/>
      <c r="F10" s="1945"/>
      <c r="G10" s="85"/>
      <c r="H10" s="86"/>
    </row>
    <row r="11" spans="2:8" ht="30" customHeight="1" x14ac:dyDescent="0.2">
      <c r="B11" s="84">
        <v>4</v>
      </c>
      <c r="C11" s="1944"/>
      <c r="D11" s="1945"/>
      <c r="E11" s="1945"/>
      <c r="F11" s="1945"/>
      <c r="G11" s="85"/>
      <c r="H11" s="86"/>
    </row>
    <row r="12" spans="2:8" ht="30" customHeight="1" x14ac:dyDescent="0.2">
      <c r="B12" s="84">
        <v>5</v>
      </c>
      <c r="C12" s="1944"/>
      <c r="D12" s="1945"/>
      <c r="E12" s="1945"/>
      <c r="F12" s="1945"/>
      <c r="G12" s="85"/>
      <c r="H12" s="86"/>
    </row>
    <row r="13" spans="2:8" ht="30" customHeight="1" x14ac:dyDescent="0.2">
      <c r="B13" s="84">
        <v>6</v>
      </c>
      <c r="C13" s="1936"/>
      <c r="D13" s="1937"/>
      <c r="E13" s="1937"/>
      <c r="F13" s="1937"/>
      <c r="G13" s="87"/>
      <c r="H13" s="88"/>
    </row>
    <row r="14" spans="2:8" ht="30" customHeight="1" x14ac:dyDescent="0.2">
      <c r="B14" s="84">
        <v>7</v>
      </c>
      <c r="C14" s="1936"/>
      <c r="D14" s="1937"/>
      <c r="E14" s="1937"/>
      <c r="F14" s="1937"/>
      <c r="G14" s="87"/>
      <c r="H14" s="88"/>
    </row>
    <row r="15" spans="2:8" ht="30" customHeight="1" x14ac:dyDescent="0.2">
      <c r="B15" s="84">
        <v>8</v>
      </c>
      <c r="C15" s="1936"/>
      <c r="D15" s="1937"/>
      <c r="E15" s="1937"/>
      <c r="F15" s="1937"/>
      <c r="G15" s="87"/>
      <c r="H15" s="88"/>
    </row>
    <row r="16" spans="2:8" ht="30" customHeight="1" x14ac:dyDescent="0.2">
      <c r="B16" s="84">
        <v>9</v>
      </c>
      <c r="C16" s="1936"/>
      <c r="D16" s="1937"/>
      <c r="E16" s="1937"/>
      <c r="F16" s="1937"/>
      <c r="G16" s="87"/>
      <c r="H16" s="88"/>
    </row>
    <row r="17" spans="2:8" ht="30" customHeight="1" thickBot="1" x14ac:dyDescent="0.25">
      <c r="B17" s="89">
        <v>10</v>
      </c>
      <c r="C17" s="1938"/>
      <c r="D17" s="1939"/>
      <c r="E17" s="1939"/>
      <c r="F17" s="1939"/>
      <c r="G17" s="90"/>
      <c r="H17" s="91"/>
    </row>
    <row r="18" spans="2:8" ht="30" customHeight="1" x14ac:dyDescent="0.2">
      <c r="B18" s="140" t="s">
        <v>231</v>
      </c>
    </row>
    <row r="19" spans="2:8" ht="30" customHeight="1" x14ac:dyDescent="0.2">
      <c r="B19" s="140" t="s">
        <v>232</v>
      </c>
    </row>
    <row r="20" spans="2:8" ht="30" customHeight="1" x14ac:dyDescent="0.2"/>
    <row r="21" spans="2:8" ht="30" customHeight="1" x14ac:dyDescent="0.2">
      <c r="C21" s="92"/>
    </row>
    <row r="22" spans="2:8" ht="30" customHeight="1" x14ac:dyDescent="0.2"/>
    <row r="23" spans="2:8" ht="30" customHeight="1" x14ac:dyDescent="0.2"/>
    <row r="24" spans="2:8" ht="30" customHeight="1" x14ac:dyDescent="0.2"/>
    <row r="25" spans="2:8" ht="30" customHeight="1" x14ac:dyDescent="0.2"/>
    <row r="26" spans="2:8" ht="30" customHeight="1" x14ac:dyDescent="0.2"/>
    <row r="27" spans="2:8" ht="30" customHeight="1" x14ac:dyDescent="0.2"/>
    <row r="28" spans="2:8" ht="30" customHeight="1" x14ac:dyDescent="0.2"/>
    <row r="29" spans="2:8" ht="30" customHeight="1" x14ac:dyDescent="0.2"/>
    <row r="30" spans="2:8" ht="30" customHeight="1" x14ac:dyDescent="0.2"/>
    <row r="31" spans="2:8" ht="30" customHeight="1" x14ac:dyDescent="0.2"/>
    <row r="32" spans="2:8"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sheetData>
  <customSheetViews>
    <customSheetView guid="{FA98832E-F01A-4598-9960-E27C2FDAB118}" scale="90">
      <selection activeCell="J20" sqref="J20"/>
      <pageMargins left="0.69" right="0.39370078740157483" top="0.98425196850393704" bottom="0.59055118110236227" header="0.59055118110236227" footer="0.39370078740157483"/>
      <printOptions horizontalCentered="1"/>
      <pageSetup paperSize="9" orientation="portrait" r:id="rId1"/>
      <headerFooter alignWithMargins="0"/>
    </customSheetView>
    <customSheetView guid="{8494577A-77FB-45FD-BD2B-C737BCFAD5B3}" scale="90">
      <selection activeCell="J20" sqref="J20"/>
      <pageMargins left="0.69" right="0.39370078740157483" top="0.98425196850393704" bottom="0.59055118110236227" header="0.59055118110236227" footer="0.39370078740157483"/>
      <printOptions horizontalCentered="1"/>
      <pageSetup paperSize="9" orientation="portrait" r:id="rId2"/>
      <headerFooter alignWithMargins="0"/>
    </customSheetView>
  </customSheetViews>
  <mergeCells count="19">
    <mergeCell ref="B3:H3"/>
    <mergeCell ref="B4:B6"/>
    <mergeCell ref="C4:E4"/>
    <mergeCell ref="G4:H4"/>
    <mergeCell ref="C5:E5"/>
    <mergeCell ref="G5:H5"/>
    <mergeCell ref="C6:E6"/>
    <mergeCell ref="G6:H6"/>
    <mergeCell ref="C16:F16"/>
    <mergeCell ref="C17:F17"/>
    <mergeCell ref="B7:F7"/>
    <mergeCell ref="C8:F8"/>
    <mergeCell ref="C9:F9"/>
    <mergeCell ref="C10:F10"/>
    <mergeCell ref="C11:F11"/>
    <mergeCell ref="C12:F12"/>
    <mergeCell ref="C13:F13"/>
    <mergeCell ref="C14:F14"/>
    <mergeCell ref="C15:F15"/>
  </mergeCells>
  <phoneticPr fontId="6"/>
  <printOptions horizontalCentered="1"/>
  <pageMargins left="0.69" right="0.39370078740157483" top="0.98425196850393704" bottom="0.59055118110236227" header="0.59055118110236227" footer="0.39370078740157483"/>
  <pageSetup paperSize="9" orientation="portrait" r:id="rId3"/>
  <headerFooter alignWithMargins="0"/>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A1:H43"/>
  <sheetViews>
    <sheetView zoomScale="70" zoomScaleNormal="70" zoomScaleSheetLayoutView="70" workbookViewId="0">
      <selection activeCell="J20" sqref="J20"/>
    </sheetView>
  </sheetViews>
  <sheetFormatPr defaultColWidth="9" defaultRowHeight="13.2" x14ac:dyDescent="0.2"/>
  <cols>
    <col min="1" max="1" width="9" style="76"/>
    <col min="2" max="2" width="5" style="76" customWidth="1"/>
    <col min="3" max="3" width="20.6640625" style="76" customWidth="1"/>
    <col min="4" max="4" width="15.33203125" style="76" customWidth="1"/>
    <col min="5" max="5" width="2.44140625" style="76" customWidth="1"/>
    <col min="6" max="6" width="9.21875" style="76" customWidth="1"/>
    <col min="7" max="8" width="25" style="76" customWidth="1"/>
    <col min="9" max="9" width="9.109375" style="76" customWidth="1"/>
    <col min="10" max="20" width="20.6640625" style="76" customWidth="1"/>
    <col min="21" max="16384" width="9" style="76"/>
  </cols>
  <sheetData>
    <row r="1" spans="1:8" ht="20.25" customHeight="1" x14ac:dyDescent="0.2">
      <c r="A1" s="105" t="s">
        <v>281</v>
      </c>
      <c r="H1" s="202" t="s">
        <v>709</v>
      </c>
    </row>
    <row r="2" spans="1:8" ht="20.25" customHeight="1" x14ac:dyDescent="0.2"/>
    <row r="3" spans="1:8" ht="52.5" customHeight="1" thickBot="1" x14ac:dyDescent="0.25">
      <c r="B3" s="1962" t="s">
        <v>935</v>
      </c>
      <c r="C3" s="1962"/>
      <c r="D3" s="1962"/>
      <c r="E3" s="1962"/>
      <c r="F3" s="1962"/>
      <c r="G3" s="1962"/>
      <c r="H3" s="1962"/>
    </row>
    <row r="4" spans="1:8" ht="30.75" customHeight="1" x14ac:dyDescent="0.2">
      <c r="B4" s="1947"/>
      <c r="C4" s="1950" t="s">
        <v>226</v>
      </c>
      <c r="D4" s="1951"/>
      <c r="E4" s="1952"/>
      <c r="F4" s="77" t="s">
        <v>188</v>
      </c>
      <c r="G4" s="1953" t="s">
        <v>187</v>
      </c>
      <c r="H4" s="1954"/>
    </row>
    <row r="5" spans="1:8" ht="30" customHeight="1" x14ac:dyDescent="0.2">
      <c r="B5" s="1948"/>
      <c r="C5" s="1955" t="s">
        <v>227</v>
      </c>
      <c r="D5" s="1955"/>
      <c r="E5" s="1936"/>
      <c r="F5" s="78" t="s">
        <v>189</v>
      </c>
      <c r="G5" s="1956" t="s">
        <v>233</v>
      </c>
      <c r="H5" s="1957"/>
    </row>
    <row r="6" spans="1:8" ht="30" customHeight="1" x14ac:dyDescent="0.2">
      <c r="B6" s="1949"/>
      <c r="C6" s="1936" t="s">
        <v>228</v>
      </c>
      <c r="D6" s="1937"/>
      <c r="E6" s="1937"/>
      <c r="F6" s="78" t="s">
        <v>190</v>
      </c>
      <c r="G6" s="1958">
        <v>0.5</v>
      </c>
      <c r="H6" s="1959"/>
    </row>
    <row r="7" spans="1:8" ht="30" customHeight="1" thickBot="1" x14ac:dyDescent="0.25">
      <c r="B7" s="1960" t="s">
        <v>148</v>
      </c>
      <c r="C7" s="1961"/>
      <c r="D7" s="1961"/>
      <c r="E7" s="1961"/>
      <c r="F7" s="1961"/>
      <c r="G7" s="79" t="s">
        <v>229</v>
      </c>
      <c r="H7" s="80" t="s">
        <v>230</v>
      </c>
    </row>
    <row r="8" spans="1:8" ht="30" customHeight="1" thickTop="1" x14ac:dyDescent="0.2">
      <c r="B8" s="81">
        <v>1</v>
      </c>
      <c r="C8" s="1942" t="s">
        <v>188</v>
      </c>
      <c r="D8" s="1943"/>
      <c r="E8" s="1943"/>
      <c r="F8" s="1943"/>
      <c r="G8" s="82" t="s">
        <v>234</v>
      </c>
      <c r="H8" s="83"/>
    </row>
    <row r="9" spans="1:8" ht="30" customHeight="1" x14ac:dyDescent="0.2">
      <c r="B9" s="84">
        <v>2</v>
      </c>
      <c r="C9" s="1944" t="s">
        <v>189</v>
      </c>
      <c r="D9" s="1945"/>
      <c r="E9" s="1945"/>
      <c r="F9" s="1945"/>
      <c r="G9" s="93"/>
      <c r="H9" s="94" t="s">
        <v>234</v>
      </c>
    </row>
    <row r="10" spans="1:8" ht="30" customHeight="1" x14ac:dyDescent="0.2">
      <c r="B10" s="84">
        <v>3</v>
      </c>
      <c r="C10" s="1944" t="s">
        <v>190</v>
      </c>
      <c r="D10" s="1945"/>
      <c r="E10" s="1945"/>
      <c r="F10" s="1945"/>
      <c r="G10" s="93" t="s">
        <v>234</v>
      </c>
      <c r="H10" s="94" t="s">
        <v>234</v>
      </c>
    </row>
    <row r="11" spans="1:8" ht="30" customHeight="1" x14ac:dyDescent="0.2">
      <c r="B11" s="84">
        <v>4</v>
      </c>
      <c r="C11" s="1944" t="s">
        <v>191</v>
      </c>
      <c r="D11" s="1945"/>
      <c r="E11" s="1945"/>
      <c r="F11" s="1945"/>
      <c r="G11" s="93" t="s">
        <v>234</v>
      </c>
      <c r="H11" s="94"/>
    </row>
    <row r="12" spans="1:8" ht="30" customHeight="1" x14ac:dyDescent="0.2">
      <c r="B12" s="84">
        <v>5</v>
      </c>
      <c r="C12" s="1944" t="s">
        <v>192</v>
      </c>
      <c r="D12" s="1945"/>
      <c r="E12" s="1945"/>
      <c r="F12" s="1945"/>
      <c r="G12" s="93"/>
      <c r="H12" s="94" t="s">
        <v>234</v>
      </c>
    </row>
    <row r="13" spans="1:8" ht="30" customHeight="1" x14ac:dyDescent="0.2">
      <c r="B13" s="84">
        <v>6</v>
      </c>
      <c r="C13" s="1936"/>
      <c r="D13" s="1937"/>
      <c r="E13" s="1937"/>
      <c r="F13" s="1937"/>
      <c r="G13" s="87"/>
      <c r="H13" s="88"/>
    </row>
    <row r="14" spans="1:8" ht="30" customHeight="1" x14ac:dyDescent="0.2">
      <c r="B14" s="84">
        <v>7</v>
      </c>
      <c r="C14" s="1936"/>
      <c r="D14" s="1937"/>
      <c r="E14" s="1937"/>
      <c r="F14" s="1937"/>
      <c r="G14" s="87"/>
      <c r="H14" s="88"/>
    </row>
    <row r="15" spans="1:8" ht="30" customHeight="1" x14ac:dyDescent="0.2">
      <c r="B15" s="84">
        <v>8</v>
      </c>
      <c r="C15" s="1936"/>
      <c r="D15" s="1937"/>
      <c r="E15" s="1937"/>
      <c r="F15" s="1937"/>
      <c r="G15" s="87"/>
      <c r="H15" s="88"/>
    </row>
    <row r="16" spans="1:8" ht="30" customHeight="1" x14ac:dyDescent="0.2">
      <c r="B16" s="84">
        <v>9</v>
      </c>
      <c r="C16" s="1936"/>
      <c r="D16" s="1937"/>
      <c r="E16" s="1937"/>
      <c r="F16" s="1937"/>
      <c r="G16" s="87"/>
      <c r="H16" s="88"/>
    </row>
    <row r="17" spans="2:8" ht="30" customHeight="1" thickBot="1" x14ac:dyDescent="0.25">
      <c r="B17" s="89">
        <v>10</v>
      </c>
      <c r="C17" s="1938"/>
      <c r="D17" s="1939"/>
      <c r="E17" s="1939"/>
      <c r="F17" s="1939"/>
      <c r="G17" s="90"/>
      <c r="H17" s="91"/>
    </row>
    <row r="18" spans="2:8" ht="30" customHeight="1" x14ac:dyDescent="0.2">
      <c r="B18" s="76" t="s">
        <v>231</v>
      </c>
    </row>
    <row r="19" spans="2:8" ht="30" customHeight="1" x14ac:dyDescent="0.2">
      <c r="B19" s="76" t="s">
        <v>232</v>
      </c>
    </row>
    <row r="20" spans="2:8" ht="30" customHeight="1" x14ac:dyDescent="0.2"/>
    <row r="21" spans="2:8" ht="30" customHeight="1" x14ac:dyDescent="0.2">
      <c r="C21" s="92"/>
    </row>
    <row r="22" spans="2:8" ht="30" customHeight="1" x14ac:dyDescent="0.2"/>
    <row r="23" spans="2:8" ht="30" customHeight="1" x14ac:dyDescent="0.2"/>
    <row r="24" spans="2:8" ht="30" customHeight="1" x14ac:dyDescent="0.2"/>
    <row r="25" spans="2:8" ht="30" customHeight="1" x14ac:dyDescent="0.2"/>
    <row r="26" spans="2:8" ht="30" customHeight="1" x14ac:dyDescent="0.2"/>
    <row r="27" spans="2:8" ht="30" customHeight="1" x14ac:dyDescent="0.2"/>
    <row r="28" spans="2:8" ht="30" customHeight="1" x14ac:dyDescent="0.2"/>
    <row r="29" spans="2:8" ht="30" customHeight="1" x14ac:dyDescent="0.2"/>
    <row r="30" spans="2:8" ht="30" customHeight="1" x14ac:dyDescent="0.2"/>
    <row r="31" spans="2:8" ht="30" customHeight="1" x14ac:dyDescent="0.2"/>
    <row r="32" spans="2:8"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sheetData>
  <customSheetViews>
    <customSheetView guid="{FA98832E-F01A-4598-9960-E27C2FDAB118}" scale="70">
      <selection activeCell="J20" sqref="J20"/>
      <pageMargins left="0.39370078740157483" right="0.39370078740157483" top="0.98425196850393704" bottom="0.59055118110236227" header="0.59055118110236227" footer="0.39370078740157483"/>
      <printOptions horizontalCentered="1"/>
      <pageSetup paperSize="9" scale="70" orientation="portrait" r:id="rId1"/>
      <headerFooter alignWithMargins="0"/>
    </customSheetView>
    <customSheetView guid="{8494577A-77FB-45FD-BD2B-C737BCFAD5B3}" scale="70">
      <selection activeCell="J20" sqref="J20"/>
      <pageMargins left="0.39370078740157483" right="0.39370078740157483" top="0.98425196850393704" bottom="0.59055118110236227" header="0.59055118110236227" footer="0.39370078740157483"/>
      <printOptions horizontalCentered="1"/>
      <pageSetup paperSize="9" scale="70" orientation="portrait" r:id="rId2"/>
      <headerFooter alignWithMargins="0"/>
    </customSheetView>
  </customSheetViews>
  <mergeCells count="19">
    <mergeCell ref="B3:H3"/>
    <mergeCell ref="B4:B6"/>
    <mergeCell ref="C4:E4"/>
    <mergeCell ref="G4:H4"/>
    <mergeCell ref="C5:E5"/>
    <mergeCell ref="G5:H5"/>
    <mergeCell ref="C6:E6"/>
    <mergeCell ref="G6:H6"/>
    <mergeCell ref="C16:F16"/>
    <mergeCell ref="C17:F17"/>
    <mergeCell ref="B7:F7"/>
    <mergeCell ref="C8:F8"/>
    <mergeCell ref="C9:F9"/>
    <mergeCell ref="C10:F10"/>
    <mergeCell ref="C11:F11"/>
    <mergeCell ref="C12:F12"/>
    <mergeCell ref="C13:F13"/>
    <mergeCell ref="C14:F14"/>
    <mergeCell ref="C15:F15"/>
  </mergeCells>
  <phoneticPr fontId="6"/>
  <printOptions horizontalCentered="1"/>
  <pageMargins left="0.39370078740157483" right="0.39370078740157483" top="0.98425196850393704" bottom="0.59055118110236227" header="0.59055118110236227" footer="0.39370078740157483"/>
  <pageSetup paperSize="9" scale="70" orientation="portrait" r:id="rId3"/>
  <headerFooter alignWithMargins="0"/>
  <drawing r:id="rId4"/>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dimension ref="A1:I46"/>
  <sheetViews>
    <sheetView topLeftCell="A7" zoomScale="90" zoomScaleNormal="90" zoomScaleSheetLayoutView="90" workbookViewId="0">
      <selection activeCell="F5" sqref="F5:I5"/>
    </sheetView>
  </sheetViews>
  <sheetFormatPr defaultColWidth="9" defaultRowHeight="13.2" x14ac:dyDescent="0.2"/>
  <cols>
    <col min="1" max="1" width="3.77734375" style="202" customWidth="1"/>
    <col min="2" max="2" width="18.21875" style="202" customWidth="1"/>
    <col min="3" max="3" width="14.44140625" style="202" customWidth="1"/>
    <col min="4" max="4" width="2.44140625" style="202" customWidth="1"/>
    <col min="5" max="5" width="9.33203125" style="202" customWidth="1"/>
    <col min="6" max="6" width="13.6640625" style="202" customWidth="1"/>
    <col min="7" max="7" width="10.77734375" style="202" customWidth="1"/>
    <col min="8" max="8" width="13.6640625" style="202" customWidth="1"/>
    <col min="9" max="9" width="10.77734375" style="202" customWidth="1"/>
    <col min="10" max="19" width="20.6640625" style="202" customWidth="1"/>
    <col min="20" max="16384" width="9" style="202"/>
  </cols>
  <sheetData>
    <row r="1" spans="1:9" ht="20.25" customHeight="1" x14ac:dyDescent="0.2">
      <c r="A1" s="243" t="s">
        <v>685</v>
      </c>
      <c r="H1" s="1963" t="s">
        <v>709</v>
      </c>
      <c r="I1" s="1963"/>
    </row>
    <row r="2" spans="1:9" ht="20.25" customHeight="1" x14ac:dyDescent="0.2"/>
    <row r="3" spans="1:9" ht="52.5" customHeight="1" thickBot="1" x14ac:dyDescent="0.25">
      <c r="A3" s="1964" t="s">
        <v>465</v>
      </c>
      <c r="B3" s="1964"/>
      <c r="C3" s="1964"/>
      <c r="D3" s="1964"/>
      <c r="E3" s="1964"/>
      <c r="F3" s="1964"/>
      <c r="G3" s="1964"/>
      <c r="H3" s="1964"/>
    </row>
    <row r="4" spans="1:9" ht="30.75" customHeight="1" x14ac:dyDescent="0.2">
      <c r="A4" s="203"/>
      <c r="B4" s="1965" t="s">
        <v>235</v>
      </c>
      <c r="C4" s="1966"/>
      <c r="D4" s="1967"/>
      <c r="E4" s="204" t="s">
        <v>32</v>
      </c>
      <c r="F4" s="1968"/>
      <c r="G4" s="1969"/>
      <c r="H4" s="1969"/>
      <c r="I4" s="1970"/>
    </row>
    <row r="5" spans="1:9" ht="30" customHeight="1" x14ac:dyDescent="0.2">
      <c r="A5" s="205"/>
      <c r="B5" s="1971" t="s">
        <v>236</v>
      </c>
      <c r="C5" s="1971"/>
      <c r="D5" s="1972"/>
      <c r="E5" s="206" t="s">
        <v>34</v>
      </c>
      <c r="F5" s="1944"/>
      <c r="G5" s="1945"/>
      <c r="H5" s="1945"/>
      <c r="I5" s="1959"/>
    </row>
    <row r="6" spans="1:9" ht="30" customHeight="1" x14ac:dyDescent="0.2">
      <c r="A6" s="205"/>
      <c r="B6" s="1972" t="s">
        <v>237</v>
      </c>
      <c r="C6" s="1973"/>
      <c r="D6" s="1973"/>
      <c r="E6" s="206" t="s">
        <v>35</v>
      </c>
      <c r="F6" s="1958"/>
      <c r="G6" s="1974"/>
      <c r="H6" s="1974"/>
      <c r="I6" s="1975"/>
    </row>
    <row r="7" spans="1:9" ht="30" customHeight="1" x14ac:dyDescent="0.2">
      <c r="A7" s="207"/>
      <c r="B7" s="1976" t="s">
        <v>238</v>
      </c>
      <c r="C7" s="1976"/>
      <c r="D7" s="1976"/>
      <c r="E7" s="1978"/>
      <c r="F7" s="1980" t="s">
        <v>239</v>
      </c>
      <c r="G7" s="1981"/>
      <c r="H7" s="1982" t="s">
        <v>240</v>
      </c>
      <c r="I7" s="1983"/>
    </row>
    <row r="8" spans="1:9" ht="30" customHeight="1" x14ac:dyDescent="0.2">
      <c r="A8" s="208"/>
      <c r="B8" s="1977"/>
      <c r="C8" s="1977"/>
      <c r="D8" s="1977"/>
      <c r="E8" s="1979"/>
      <c r="F8" s="1984"/>
      <c r="G8" s="1985"/>
      <c r="H8" s="1986"/>
      <c r="I8" s="1987"/>
    </row>
    <row r="9" spans="1:9" ht="30" customHeight="1" thickBot="1" x14ac:dyDescent="0.25">
      <c r="A9" s="1988" t="s">
        <v>148</v>
      </c>
      <c r="B9" s="1989"/>
      <c r="C9" s="1989"/>
      <c r="D9" s="1989"/>
      <c r="E9" s="1989"/>
      <c r="F9" s="1989"/>
      <c r="G9" s="1989"/>
      <c r="H9" s="1989"/>
      <c r="I9" s="1990"/>
    </row>
    <row r="10" spans="1:9" ht="30" customHeight="1" thickTop="1" x14ac:dyDescent="0.2">
      <c r="A10" s="209">
        <v>1</v>
      </c>
      <c r="B10" s="1991"/>
      <c r="C10" s="1992"/>
      <c r="D10" s="1992"/>
      <c r="E10" s="1992"/>
      <c r="F10" s="1992"/>
      <c r="G10" s="1992"/>
      <c r="H10" s="1992"/>
      <c r="I10" s="1993"/>
    </row>
    <row r="11" spans="1:9" ht="30" customHeight="1" x14ac:dyDescent="0.2">
      <c r="A11" s="209">
        <v>2</v>
      </c>
      <c r="B11" s="1994"/>
      <c r="C11" s="1995"/>
      <c r="D11" s="1995"/>
      <c r="E11" s="1995"/>
      <c r="F11" s="1995"/>
      <c r="G11" s="1995"/>
      <c r="H11" s="1995"/>
      <c r="I11" s="1996"/>
    </row>
    <row r="12" spans="1:9" ht="30" customHeight="1" x14ac:dyDescent="0.2">
      <c r="A12" s="210">
        <v>3</v>
      </c>
      <c r="B12" s="1944"/>
      <c r="C12" s="1945"/>
      <c r="D12" s="1945"/>
      <c r="E12" s="1945"/>
      <c r="F12" s="1945"/>
      <c r="G12" s="1945"/>
      <c r="H12" s="1945"/>
      <c r="I12" s="1959"/>
    </row>
    <row r="13" spans="1:9" ht="30" customHeight="1" x14ac:dyDescent="0.2">
      <c r="A13" s="210">
        <v>4</v>
      </c>
      <c r="B13" s="1994"/>
      <c r="C13" s="1995"/>
      <c r="D13" s="1995"/>
      <c r="E13" s="1995"/>
      <c r="F13" s="1995"/>
      <c r="G13" s="1995"/>
      <c r="H13" s="1995"/>
      <c r="I13" s="1996"/>
    </row>
    <row r="14" spans="1:9" ht="30" customHeight="1" x14ac:dyDescent="0.2">
      <c r="A14" s="210">
        <v>5</v>
      </c>
      <c r="B14" s="1944"/>
      <c r="C14" s="1945"/>
      <c r="D14" s="1945"/>
      <c r="E14" s="1945"/>
      <c r="F14" s="1945"/>
      <c r="G14" s="1945"/>
      <c r="H14" s="1945"/>
      <c r="I14" s="1959"/>
    </row>
    <row r="15" spans="1:9" ht="30" customHeight="1" x14ac:dyDescent="0.2">
      <c r="A15" s="210">
        <v>6</v>
      </c>
      <c r="B15" s="1997"/>
      <c r="C15" s="1998"/>
      <c r="D15" s="1998"/>
      <c r="E15" s="1998"/>
      <c r="F15" s="1998"/>
      <c r="G15" s="1998"/>
      <c r="H15" s="1998"/>
      <c r="I15" s="1999"/>
    </row>
    <row r="16" spans="1:9" ht="30" customHeight="1" x14ac:dyDescent="0.2">
      <c r="A16" s="210">
        <v>7</v>
      </c>
      <c r="B16" s="1972"/>
      <c r="C16" s="1973"/>
      <c r="D16" s="1973"/>
      <c r="E16" s="1973"/>
      <c r="F16" s="1973"/>
      <c r="G16" s="1973"/>
      <c r="H16" s="1973"/>
      <c r="I16" s="2000"/>
    </row>
    <row r="17" spans="1:9" ht="30" customHeight="1" x14ac:dyDescent="0.2">
      <c r="A17" s="210">
        <v>8</v>
      </c>
      <c r="B17" s="1997"/>
      <c r="C17" s="1998"/>
      <c r="D17" s="1998"/>
      <c r="E17" s="1998"/>
      <c r="F17" s="1998"/>
      <c r="G17" s="1998"/>
      <c r="H17" s="1998"/>
      <c r="I17" s="1999"/>
    </row>
    <row r="18" spans="1:9" ht="30" customHeight="1" x14ac:dyDescent="0.2">
      <c r="A18" s="210">
        <v>9</v>
      </c>
      <c r="B18" s="1972"/>
      <c r="C18" s="1973"/>
      <c r="D18" s="1973"/>
      <c r="E18" s="1973"/>
      <c r="F18" s="1973"/>
      <c r="G18" s="1973"/>
      <c r="H18" s="1973"/>
      <c r="I18" s="2000"/>
    </row>
    <row r="19" spans="1:9" ht="30" customHeight="1" thickBot="1" x14ac:dyDescent="0.25">
      <c r="A19" s="211">
        <v>10</v>
      </c>
      <c r="B19" s="2001"/>
      <c r="C19" s="2002"/>
      <c r="D19" s="2002"/>
      <c r="E19" s="2002"/>
      <c r="F19" s="2002"/>
      <c r="G19" s="2002"/>
      <c r="H19" s="2002"/>
      <c r="I19" s="2003"/>
    </row>
    <row r="20" spans="1:9" s="140" customFormat="1" ht="18" customHeight="1" x14ac:dyDescent="0.2">
      <c r="A20" s="140" t="s">
        <v>241</v>
      </c>
    </row>
    <row r="21" spans="1:9" s="140" customFormat="1" ht="18" customHeight="1" x14ac:dyDescent="0.2">
      <c r="A21" s="140" t="s">
        <v>242</v>
      </c>
    </row>
    <row r="22" spans="1:9" s="140" customFormat="1" ht="18" customHeight="1" x14ac:dyDescent="0.2"/>
    <row r="23" spans="1:9" ht="30" customHeight="1" x14ac:dyDescent="0.2"/>
    <row r="24" spans="1:9" ht="30" customHeight="1" x14ac:dyDescent="0.2">
      <c r="B24" s="92"/>
    </row>
    <row r="25" spans="1:9" ht="30" customHeight="1" x14ac:dyDescent="0.2"/>
    <row r="26" spans="1:9" ht="30" customHeight="1" x14ac:dyDescent="0.2"/>
    <row r="27" spans="1:9" ht="30" customHeight="1" x14ac:dyDescent="0.2"/>
    <row r="28" spans="1:9" ht="30" customHeight="1" x14ac:dyDescent="0.2"/>
    <row r="29" spans="1:9" ht="30" customHeight="1" x14ac:dyDescent="0.2"/>
    <row r="30" spans="1:9" ht="30" customHeight="1" x14ac:dyDescent="0.2"/>
    <row r="31" spans="1:9" ht="30" customHeight="1" x14ac:dyDescent="0.2"/>
    <row r="32" spans="1:9"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row r="44" ht="30" customHeight="1" x14ac:dyDescent="0.2"/>
    <row r="45" ht="30" customHeight="1" x14ac:dyDescent="0.2"/>
    <row r="46" ht="30" customHeight="1" x14ac:dyDescent="0.2"/>
  </sheetData>
  <customSheetViews>
    <customSheetView guid="{FA98832E-F01A-4598-9960-E27C2FDAB118}" scale="90">
      <selection activeCell="J20" sqref="J20"/>
      <pageMargins left="0.62992125984251968" right="0.39370078740157483" top="0.98425196850393704" bottom="0.59055118110236227" header="0.59055118110236227" footer="0.39370078740157483"/>
      <printOptions horizontalCentered="1"/>
      <pageSetup paperSize="9" scale="80" orientation="portrait" r:id="rId1"/>
      <headerFooter alignWithMargins="0"/>
    </customSheetView>
    <customSheetView guid="{8494577A-77FB-45FD-BD2B-C737BCFAD5B3}" scale="90">
      <selection activeCell="J20" sqref="J20"/>
      <pageMargins left="0.62992125984251968" right="0.39370078740157483" top="0.98425196850393704" bottom="0.59055118110236227" header="0.59055118110236227" footer="0.39370078740157483"/>
      <printOptions horizontalCentered="1"/>
      <pageSetup paperSize="9" scale="80" orientation="portrait" r:id="rId2"/>
      <headerFooter alignWithMargins="0"/>
    </customSheetView>
  </customSheetViews>
  <mergeCells count="25">
    <mergeCell ref="B15:I15"/>
    <mergeCell ref="B16:I16"/>
    <mergeCell ref="B17:I17"/>
    <mergeCell ref="B18:I18"/>
    <mergeCell ref="B19:I19"/>
    <mergeCell ref="B14:I14"/>
    <mergeCell ref="B6:D6"/>
    <mergeCell ref="F6:I6"/>
    <mergeCell ref="B7:D8"/>
    <mergeCell ref="E7:E8"/>
    <mergeCell ref="F7:G7"/>
    <mergeCell ref="H7:I7"/>
    <mergeCell ref="F8:G8"/>
    <mergeCell ref="H8:I8"/>
    <mergeCell ref="A9:I9"/>
    <mergeCell ref="B10:I10"/>
    <mergeCell ref="B11:I11"/>
    <mergeCell ref="B12:I12"/>
    <mergeCell ref="B13:I13"/>
    <mergeCell ref="H1:I1"/>
    <mergeCell ref="A3:H3"/>
    <mergeCell ref="B4:D4"/>
    <mergeCell ref="F4:I4"/>
    <mergeCell ref="B5:D5"/>
    <mergeCell ref="F5:I5"/>
  </mergeCells>
  <phoneticPr fontId="6"/>
  <printOptions horizontalCentered="1"/>
  <pageMargins left="0.62992125984251968" right="0.39370078740157483" top="0.98425196850393704" bottom="0.59055118110236227" header="0.59055118110236227" footer="0.39370078740157483"/>
  <pageSetup paperSize="9" scale="80" orientation="portrait" r:id="rId3"/>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69"/>
  <sheetViews>
    <sheetView view="pageBreakPreview" zoomScaleNormal="100" zoomScaleSheetLayoutView="100" workbookViewId="0">
      <selection activeCell="AE8" sqref="AE8"/>
    </sheetView>
  </sheetViews>
  <sheetFormatPr defaultColWidth="4.44140625" defaultRowHeight="13.2" x14ac:dyDescent="0.2"/>
  <cols>
    <col min="1" max="1" width="3.21875" style="836" customWidth="1"/>
    <col min="2" max="2" width="2.88671875" style="836" customWidth="1"/>
    <col min="3" max="3" width="11.77734375" style="836" customWidth="1"/>
    <col min="4" max="8" width="5.109375" style="836" customWidth="1"/>
    <col min="9" max="9" width="8.44140625" style="836" customWidth="1"/>
    <col min="10" max="18" width="5.109375" style="836" customWidth="1"/>
    <col min="19" max="20" width="8.44140625" style="836" customWidth="1"/>
    <col min="21" max="25" width="5.109375" style="836" customWidth="1"/>
    <col min="26" max="26" width="2.6640625" style="836" customWidth="1"/>
    <col min="27" max="257" width="4.44140625" style="836"/>
    <col min="258" max="258" width="3.21875" style="836" customWidth="1"/>
    <col min="259" max="259" width="2.6640625" style="836" customWidth="1"/>
    <col min="260" max="260" width="8.21875" style="836" customWidth="1"/>
    <col min="261" max="263" width="4.44140625" style="836"/>
    <col min="264" max="264" width="4" style="836" customWidth="1"/>
    <col min="265" max="265" width="4.44140625" style="836"/>
    <col min="266" max="266" width="8.21875" style="836" customWidth="1"/>
    <col min="267" max="275" width="4.44140625" style="836"/>
    <col min="276" max="277" width="7.6640625" style="836" customWidth="1"/>
    <col min="278" max="279" width="4.44140625" style="836"/>
    <col min="280" max="280" width="4.44140625" style="836" customWidth="1"/>
    <col min="281" max="281" width="2.6640625" style="836" customWidth="1"/>
    <col min="282" max="282" width="3.77734375" style="836" customWidth="1"/>
    <col min="283" max="513" width="4.44140625" style="836"/>
    <col min="514" max="514" width="3.21875" style="836" customWidth="1"/>
    <col min="515" max="515" width="2.6640625" style="836" customWidth="1"/>
    <col min="516" max="516" width="8.21875" style="836" customWidth="1"/>
    <col min="517" max="519" width="4.44140625" style="836"/>
    <col min="520" max="520" width="4" style="836" customWidth="1"/>
    <col min="521" max="521" width="4.44140625" style="836"/>
    <col min="522" max="522" width="8.21875" style="836" customWidth="1"/>
    <col min="523" max="531" width="4.44140625" style="836"/>
    <col min="532" max="533" width="7.6640625" style="836" customWidth="1"/>
    <col min="534" max="535" width="4.44140625" style="836"/>
    <col min="536" max="536" width="4.44140625" style="836" customWidth="1"/>
    <col min="537" max="537" width="2.6640625" style="836" customWidth="1"/>
    <col min="538" max="538" width="3.77734375" style="836" customWidth="1"/>
    <col min="539" max="769" width="4.44140625" style="836"/>
    <col min="770" max="770" width="3.21875" style="836" customWidth="1"/>
    <col min="771" max="771" width="2.6640625" style="836" customWidth="1"/>
    <col min="772" max="772" width="8.21875" style="836" customWidth="1"/>
    <col min="773" max="775" width="4.44140625" style="836"/>
    <col min="776" max="776" width="4" style="836" customWidth="1"/>
    <col min="777" max="777" width="4.44140625" style="836"/>
    <col min="778" max="778" width="8.21875" style="836" customWidth="1"/>
    <col min="779" max="787" width="4.44140625" style="836"/>
    <col min="788" max="789" width="7.6640625" style="836" customWidth="1"/>
    <col min="790" max="791" width="4.44140625" style="836"/>
    <col min="792" max="792" width="4.44140625" style="836" customWidth="1"/>
    <col min="793" max="793" width="2.6640625" style="836" customWidth="1"/>
    <col min="794" max="794" width="3.77734375" style="836" customWidth="1"/>
    <col min="795" max="1025" width="4.44140625" style="836"/>
    <col min="1026" max="1026" width="3.21875" style="836" customWidth="1"/>
    <col min="1027" max="1027" width="2.6640625" style="836" customWidth="1"/>
    <col min="1028" max="1028" width="8.21875" style="836" customWidth="1"/>
    <col min="1029" max="1031" width="4.44140625" style="836"/>
    <col min="1032" max="1032" width="4" style="836" customWidth="1"/>
    <col min="1033" max="1033" width="4.44140625" style="836"/>
    <col min="1034" max="1034" width="8.21875" style="836" customWidth="1"/>
    <col min="1035" max="1043" width="4.44140625" style="836"/>
    <col min="1044" max="1045" width="7.6640625" style="836" customWidth="1"/>
    <col min="1046" max="1047" width="4.44140625" style="836"/>
    <col min="1048" max="1048" width="4.44140625" style="836" customWidth="1"/>
    <col min="1049" max="1049" width="2.6640625" style="836" customWidth="1"/>
    <col min="1050" max="1050" width="3.77734375" style="836" customWidth="1"/>
    <col min="1051" max="1281" width="4.44140625" style="836"/>
    <col min="1282" max="1282" width="3.21875" style="836" customWidth="1"/>
    <col min="1283" max="1283" width="2.6640625" style="836" customWidth="1"/>
    <col min="1284" max="1284" width="8.21875" style="836" customWidth="1"/>
    <col min="1285" max="1287" width="4.44140625" style="836"/>
    <col min="1288" max="1288" width="4" style="836" customWidth="1"/>
    <col min="1289" max="1289" width="4.44140625" style="836"/>
    <col min="1290" max="1290" width="8.21875" style="836" customWidth="1"/>
    <col min="1291" max="1299" width="4.44140625" style="836"/>
    <col min="1300" max="1301" width="7.6640625" style="836" customWidth="1"/>
    <col min="1302" max="1303" width="4.44140625" style="836"/>
    <col min="1304" max="1304" width="4.44140625" style="836" customWidth="1"/>
    <col min="1305" max="1305" width="2.6640625" style="836" customWidth="1"/>
    <col min="1306" max="1306" width="3.77734375" style="836" customWidth="1"/>
    <col min="1307" max="1537" width="4.44140625" style="836"/>
    <col min="1538" max="1538" width="3.21875" style="836" customWidth="1"/>
    <col min="1539" max="1539" width="2.6640625" style="836" customWidth="1"/>
    <col min="1540" max="1540" width="8.21875" style="836" customWidth="1"/>
    <col min="1541" max="1543" width="4.44140625" style="836"/>
    <col min="1544" max="1544" width="4" style="836" customWidth="1"/>
    <col min="1545" max="1545" width="4.44140625" style="836"/>
    <col min="1546" max="1546" width="8.21875" style="836" customWidth="1"/>
    <col min="1547" max="1555" width="4.44140625" style="836"/>
    <col min="1556" max="1557" width="7.6640625" style="836" customWidth="1"/>
    <col min="1558" max="1559" width="4.44140625" style="836"/>
    <col min="1560" max="1560" width="4.44140625" style="836" customWidth="1"/>
    <col min="1561" max="1561" width="2.6640625" style="836" customWidth="1"/>
    <col min="1562" max="1562" width="3.77734375" style="836" customWidth="1"/>
    <col min="1563" max="1793" width="4.44140625" style="836"/>
    <col min="1794" max="1794" width="3.21875" style="836" customWidth="1"/>
    <col min="1795" max="1795" width="2.6640625" style="836" customWidth="1"/>
    <col min="1796" max="1796" width="8.21875" style="836" customWidth="1"/>
    <col min="1797" max="1799" width="4.44140625" style="836"/>
    <col min="1800" max="1800" width="4" style="836" customWidth="1"/>
    <col min="1801" max="1801" width="4.44140625" style="836"/>
    <col min="1802" max="1802" width="8.21875" style="836" customWidth="1"/>
    <col min="1803" max="1811" width="4.44140625" style="836"/>
    <col min="1812" max="1813" width="7.6640625" style="836" customWidth="1"/>
    <col min="1814" max="1815" width="4.44140625" style="836"/>
    <col min="1816" max="1816" width="4.44140625" style="836" customWidth="1"/>
    <col min="1817" max="1817" width="2.6640625" style="836" customWidth="1"/>
    <col min="1818" max="1818" width="3.77734375" style="836" customWidth="1"/>
    <col min="1819" max="2049" width="4.44140625" style="836"/>
    <col min="2050" max="2050" width="3.21875" style="836" customWidth="1"/>
    <col min="2051" max="2051" width="2.6640625" style="836" customWidth="1"/>
    <col min="2052" max="2052" width="8.21875" style="836" customWidth="1"/>
    <col min="2053" max="2055" width="4.44140625" style="836"/>
    <col min="2056" max="2056" width="4" style="836" customWidth="1"/>
    <col min="2057" max="2057" width="4.44140625" style="836"/>
    <col min="2058" max="2058" width="8.21875" style="836" customWidth="1"/>
    <col min="2059" max="2067" width="4.44140625" style="836"/>
    <col min="2068" max="2069" width="7.6640625" style="836" customWidth="1"/>
    <col min="2070" max="2071" width="4.44140625" style="836"/>
    <col min="2072" max="2072" width="4.44140625" style="836" customWidth="1"/>
    <col min="2073" max="2073" width="2.6640625" style="836" customWidth="1"/>
    <col min="2074" max="2074" width="3.77734375" style="836" customWidth="1"/>
    <col min="2075" max="2305" width="4.44140625" style="836"/>
    <col min="2306" max="2306" width="3.21875" style="836" customWidth="1"/>
    <col min="2307" max="2307" width="2.6640625" style="836" customWidth="1"/>
    <col min="2308" max="2308" width="8.21875" style="836" customWidth="1"/>
    <col min="2309" max="2311" width="4.44140625" style="836"/>
    <col min="2312" max="2312" width="4" style="836" customWidth="1"/>
    <col min="2313" max="2313" width="4.44140625" style="836"/>
    <col min="2314" max="2314" width="8.21875" style="836" customWidth="1"/>
    <col min="2315" max="2323" width="4.44140625" style="836"/>
    <col min="2324" max="2325" width="7.6640625" style="836" customWidth="1"/>
    <col min="2326" max="2327" width="4.44140625" style="836"/>
    <col min="2328" max="2328" width="4.44140625" style="836" customWidth="1"/>
    <col min="2329" max="2329" width="2.6640625" style="836" customWidth="1"/>
    <col min="2330" max="2330" width="3.77734375" style="836" customWidth="1"/>
    <col min="2331" max="2561" width="4.44140625" style="836"/>
    <col min="2562" max="2562" width="3.21875" style="836" customWidth="1"/>
    <col min="2563" max="2563" width="2.6640625" style="836" customWidth="1"/>
    <col min="2564" max="2564" width="8.21875" style="836" customWidth="1"/>
    <col min="2565" max="2567" width="4.44140625" style="836"/>
    <col min="2568" max="2568" width="4" style="836" customWidth="1"/>
    <col min="2569" max="2569" width="4.44140625" style="836"/>
    <col min="2570" max="2570" width="8.21875" style="836" customWidth="1"/>
    <col min="2571" max="2579" width="4.44140625" style="836"/>
    <col min="2580" max="2581" width="7.6640625" style="836" customWidth="1"/>
    <col min="2582" max="2583" width="4.44140625" style="836"/>
    <col min="2584" max="2584" width="4.44140625" style="836" customWidth="1"/>
    <col min="2585" max="2585" width="2.6640625" style="836" customWidth="1"/>
    <col min="2586" max="2586" width="3.77734375" style="836" customWidth="1"/>
    <col min="2587" max="2817" width="4.44140625" style="836"/>
    <col min="2818" max="2818" width="3.21875" style="836" customWidth="1"/>
    <col min="2819" max="2819" width="2.6640625" style="836" customWidth="1"/>
    <col min="2820" max="2820" width="8.21875" style="836" customWidth="1"/>
    <col min="2821" max="2823" width="4.44140625" style="836"/>
    <col min="2824" max="2824" width="4" style="836" customWidth="1"/>
    <col min="2825" max="2825" width="4.44140625" style="836"/>
    <col min="2826" max="2826" width="8.21875" style="836" customWidth="1"/>
    <col min="2827" max="2835" width="4.44140625" style="836"/>
    <col min="2836" max="2837" width="7.6640625" style="836" customWidth="1"/>
    <col min="2838" max="2839" width="4.44140625" style="836"/>
    <col min="2840" max="2840" width="4.44140625" style="836" customWidth="1"/>
    <col min="2841" max="2841" width="2.6640625" style="836" customWidth="1"/>
    <col min="2842" max="2842" width="3.77734375" style="836" customWidth="1"/>
    <col min="2843" max="3073" width="4.44140625" style="836"/>
    <col min="3074" max="3074" width="3.21875" style="836" customWidth="1"/>
    <col min="3075" max="3075" width="2.6640625" style="836" customWidth="1"/>
    <col min="3076" max="3076" width="8.21875" style="836" customWidth="1"/>
    <col min="3077" max="3079" width="4.44140625" style="836"/>
    <col min="3080" max="3080" width="4" style="836" customWidth="1"/>
    <col min="3081" max="3081" width="4.44140625" style="836"/>
    <col min="3082" max="3082" width="8.21875" style="836" customWidth="1"/>
    <col min="3083" max="3091" width="4.44140625" style="836"/>
    <col min="3092" max="3093" width="7.6640625" style="836" customWidth="1"/>
    <col min="3094" max="3095" width="4.44140625" style="836"/>
    <col min="3096" max="3096" width="4.44140625" style="836" customWidth="1"/>
    <col min="3097" max="3097" width="2.6640625" style="836" customWidth="1"/>
    <col min="3098" max="3098" width="3.77734375" style="836" customWidth="1"/>
    <col min="3099" max="3329" width="4.44140625" style="836"/>
    <col min="3330" max="3330" width="3.21875" style="836" customWidth="1"/>
    <col min="3331" max="3331" width="2.6640625" style="836" customWidth="1"/>
    <col min="3332" max="3332" width="8.21875" style="836" customWidth="1"/>
    <col min="3333" max="3335" width="4.44140625" style="836"/>
    <col min="3336" max="3336" width="4" style="836" customWidth="1"/>
    <col min="3337" max="3337" width="4.44140625" style="836"/>
    <col min="3338" max="3338" width="8.21875" style="836" customWidth="1"/>
    <col min="3339" max="3347" width="4.44140625" style="836"/>
    <col min="3348" max="3349" width="7.6640625" style="836" customWidth="1"/>
    <col min="3350" max="3351" width="4.44140625" style="836"/>
    <col min="3352" max="3352" width="4.44140625" style="836" customWidth="1"/>
    <col min="3353" max="3353" width="2.6640625" style="836" customWidth="1"/>
    <col min="3354" max="3354" width="3.77734375" style="836" customWidth="1"/>
    <col min="3355" max="3585" width="4.44140625" style="836"/>
    <col min="3586" max="3586" width="3.21875" style="836" customWidth="1"/>
    <col min="3587" max="3587" width="2.6640625" style="836" customWidth="1"/>
    <col min="3588" max="3588" width="8.21875" style="836" customWidth="1"/>
    <col min="3589" max="3591" width="4.44140625" style="836"/>
    <col min="3592" max="3592" width="4" style="836" customWidth="1"/>
    <col min="3593" max="3593" width="4.44140625" style="836"/>
    <col min="3594" max="3594" width="8.21875" style="836" customWidth="1"/>
    <col min="3595" max="3603" width="4.44140625" style="836"/>
    <col min="3604" max="3605" width="7.6640625" style="836" customWidth="1"/>
    <col min="3606" max="3607" width="4.44140625" style="836"/>
    <col min="3608" max="3608" width="4.44140625" style="836" customWidth="1"/>
    <col min="3609" max="3609" width="2.6640625" style="836" customWidth="1"/>
    <col min="3610" max="3610" width="3.77734375" style="836" customWidth="1"/>
    <col min="3611" max="3841" width="4.44140625" style="836"/>
    <col min="3842" max="3842" width="3.21875" style="836" customWidth="1"/>
    <col min="3843" max="3843" width="2.6640625" style="836" customWidth="1"/>
    <col min="3844" max="3844" width="8.21875" style="836" customWidth="1"/>
    <col min="3845" max="3847" width="4.44140625" style="836"/>
    <col min="3848" max="3848" width="4" style="836" customWidth="1"/>
    <col min="3849" max="3849" width="4.44140625" style="836"/>
    <col min="3850" max="3850" width="8.21875" style="836" customWidth="1"/>
    <col min="3851" max="3859" width="4.44140625" style="836"/>
    <col min="3860" max="3861" width="7.6640625" style="836" customWidth="1"/>
    <col min="3862" max="3863" width="4.44140625" style="836"/>
    <col min="3864" max="3864" width="4.44140625" style="836" customWidth="1"/>
    <col min="3865" max="3865" width="2.6640625" style="836" customWidth="1"/>
    <col min="3866" max="3866" width="3.77734375" style="836" customWidth="1"/>
    <col min="3867" max="4097" width="4.44140625" style="836"/>
    <col min="4098" max="4098" width="3.21875" style="836" customWidth="1"/>
    <col min="4099" max="4099" width="2.6640625" style="836" customWidth="1"/>
    <col min="4100" max="4100" width="8.21875" style="836" customWidth="1"/>
    <col min="4101" max="4103" width="4.44140625" style="836"/>
    <col min="4104" max="4104" width="4" style="836" customWidth="1"/>
    <col min="4105" max="4105" width="4.44140625" style="836"/>
    <col min="4106" max="4106" width="8.21875" style="836" customWidth="1"/>
    <col min="4107" max="4115" width="4.44140625" style="836"/>
    <col min="4116" max="4117" width="7.6640625" style="836" customWidth="1"/>
    <col min="4118" max="4119" width="4.44140625" style="836"/>
    <col min="4120" max="4120" width="4.44140625" style="836" customWidth="1"/>
    <col min="4121" max="4121" width="2.6640625" style="836" customWidth="1"/>
    <col min="4122" max="4122" width="3.77734375" style="836" customWidth="1"/>
    <col min="4123" max="4353" width="4.44140625" style="836"/>
    <col min="4354" max="4354" width="3.21875" style="836" customWidth="1"/>
    <col min="4355" max="4355" width="2.6640625" style="836" customWidth="1"/>
    <col min="4356" max="4356" width="8.21875" style="836" customWidth="1"/>
    <col min="4357" max="4359" width="4.44140625" style="836"/>
    <col min="4360" max="4360" width="4" style="836" customWidth="1"/>
    <col min="4361" max="4361" width="4.44140625" style="836"/>
    <col min="4362" max="4362" width="8.21875" style="836" customWidth="1"/>
    <col min="4363" max="4371" width="4.44140625" style="836"/>
    <col min="4372" max="4373" width="7.6640625" style="836" customWidth="1"/>
    <col min="4374" max="4375" width="4.44140625" style="836"/>
    <col min="4376" max="4376" width="4.44140625" style="836" customWidth="1"/>
    <col min="4377" max="4377" width="2.6640625" style="836" customWidth="1"/>
    <col min="4378" max="4378" width="3.77734375" style="836" customWidth="1"/>
    <col min="4379" max="4609" width="4.44140625" style="836"/>
    <col min="4610" max="4610" width="3.21875" style="836" customWidth="1"/>
    <col min="4611" max="4611" width="2.6640625" style="836" customWidth="1"/>
    <col min="4612" max="4612" width="8.21875" style="836" customWidth="1"/>
    <col min="4613" max="4615" width="4.44140625" style="836"/>
    <col min="4616" max="4616" width="4" style="836" customWidth="1"/>
    <col min="4617" max="4617" width="4.44140625" style="836"/>
    <col min="4618" max="4618" width="8.21875" style="836" customWidth="1"/>
    <col min="4619" max="4627" width="4.44140625" style="836"/>
    <col min="4628" max="4629" width="7.6640625" style="836" customWidth="1"/>
    <col min="4630" max="4631" width="4.44140625" style="836"/>
    <col min="4632" max="4632" width="4.44140625" style="836" customWidth="1"/>
    <col min="4633" max="4633" width="2.6640625" style="836" customWidth="1"/>
    <col min="4634" max="4634" width="3.77734375" style="836" customWidth="1"/>
    <col min="4635" max="4865" width="4.44140625" style="836"/>
    <col min="4866" max="4866" width="3.21875" style="836" customWidth="1"/>
    <col min="4867" max="4867" width="2.6640625" style="836" customWidth="1"/>
    <col min="4868" max="4868" width="8.21875" style="836" customWidth="1"/>
    <col min="4869" max="4871" width="4.44140625" style="836"/>
    <col min="4872" max="4872" width="4" style="836" customWidth="1"/>
    <col min="4873" max="4873" width="4.44140625" style="836"/>
    <col min="4874" max="4874" width="8.21875" style="836" customWidth="1"/>
    <col min="4875" max="4883" width="4.44140625" style="836"/>
    <col min="4884" max="4885" width="7.6640625" style="836" customWidth="1"/>
    <col min="4886" max="4887" width="4.44140625" style="836"/>
    <col min="4888" max="4888" width="4.44140625" style="836" customWidth="1"/>
    <col min="4889" max="4889" width="2.6640625" style="836" customWidth="1"/>
    <col min="4890" max="4890" width="3.77734375" style="836" customWidth="1"/>
    <col min="4891" max="5121" width="4.44140625" style="836"/>
    <col min="5122" max="5122" width="3.21875" style="836" customWidth="1"/>
    <col min="5123" max="5123" width="2.6640625" style="836" customWidth="1"/>
    <col min="5124" max="5124" width="8.21875" style="836" customWidth="1"/>
    <col min="5125" max="5127" width="4.44140625" style="836"/>
    <col min="5128" max="5128" width="4" style="836" customWidth="1"/>
    <col min="5129" max="5129" width="4.44140625" style="836"/>
    <col min="5130" max="5130" width="8.21875" style="836" customWidth="1"/>
    <col min="5131" max="5139" width="4.44140625" style="836"/>
    <col min="5140" max="5141" width="7.6640625" style="836" customWidth="1"/>
    <col min="5142" max="5143" width="4.44140625" style="836"/>
    <col min="5144" max="5144" width="4.44140625" style="836" customWidth="1"/>
    <col min="5145" max="5145" width="2.6640625" style="836" customWidth="1"/>
    <col min="5146" max="5146" width="3.77734375" style="836" customWidth="1"/>
    <col min="5147" max="5377" width="4.44140625" style="836"/>
    <col min="5378" max="5378" width="3.21875" style="836" customWidth="1"/>
    <col min="5379" max="5379" width="2.6640625" style="836" customWidth="1"/>
    <col min="5380" max="5380" width="8.21875" style="836" customWidth="1"/>
    <col min="5381" max="5383" width="4.44140625" style="836"/>
    <col min="5384" max="5384" width="4" style="836" customWidth="1"/>
    <col min="5385" max="5385" width="4.44140625" style="836"/>
    <col min="5386" max="5386" width="8.21875" style="836" customWidth="1"/>
    <col min="5387" max="5395" width="4.44140625" style="836"/>
    <col min="5396" max="5397" width="7.6640625" style="836" customWidth="1"/>
    <col min="5398" max="5399" width="4.44140625" style="836"/>
    <col min="5400" max="5400" width="4.44140625" style="836" customWidth="1"/>
    <col min="5401" max="5401" width="2.6640625" style="836" customWidth="1"/>
    <col min="5402" max="5402" width="3.77734375" style="836" customWidth="1"/>
    <col min="5403" max="5633" width="4.44140625" style="836"/>
    <col min="5634" max="5634" width="3.21875" style="836" customWidth="1"/>
    <col min="5635" max="5635" width="2.6640625" style="836" customWidth="1"/>
    <col min="5636" max="5636" width="8.21875" style="836" customWidth="1"/>
    <col min="5637" max="5639" width="4.44140625" style="836"/>
    <col min="5640" max="5640" width="4" style="836" customWidth="1"/>
    <col min="5641" max="5641" width="4.44140625" style="836"/>
    <col min="5642" max="5642" width="8.21875" style="836" customWidth="1"/>
    <col min="5643" max="5651" width="4.44140625" style="836"/>
    <col min="5652" max="5653" width="7.6640625" style="836" customWidth="1"/>
    <col min="5654" max="5655" width="4.44140625" style="836"/>
    <col min="5656" max="5656" width="4.44140625" style="836" customWidth="1"/>
    <col min="5657" max="5657" width="2.6640625" style="836" customWidth="1"/>
    <col min="5658" max="5658" width="3.77734375" style="836" customWidth="1"/>
    <col min="5659" max="5889" width="4.44140625" style="836"/>
    <col min="5890" max="5890" width="3.21875" style="836" customWidth="1"/>
    <col min="5891" max="5891" width="2.6640625" style="836" customWidth="1"/>
    <col min="5892" max="5892" width="8.21875" style="836" customWidth="1"/>
    <col min="5893" max="5895" width="4.44140625" style="836"/>
    <col min="5896" max="5896" width="4" style="836" customWidth="1"/>
    <col min="5897" max="5897" width="4.44140625" style="836"/>
    <col min="5898" max="5898" width="8.21875" style="836" customWidth="1"/>
    <col min="5899" max="5907" width="4.44140625" style="836"/>
    <col min="5908" max="5909" width="7.6640625" style="836" customWidth="1"/>
    <col min="5910" max="5911" width="4.44140625" style="836"/>
    <col min="5912" max="5912" width="4.44140625" style="836" customWidth="1"/>
    <col min="5913" max="5913" width="2.6640625" style="836" customWidth="1"/>
    <col min="5914" max="5914" width="3.77734375" style="836" customWidth="1"/>
    <col min="5915" max="6145" width="4.44140625" style="836"/>
    <col min="6146" max="6146" width="3.21875" style="836" customWidth="1"/>
    <col min="6147" max="6147" width="2.6640625" style="836" customWidth="1"/>
    <col min="6148" max="6148" width="8.21875" style="836" customWidth="1"/>
    <col min="6149" max="6151" width="4.44140625" style="836"/>
    <col min="6152" max="6152" width="4" style="836" customWidth="1"/>
    <col min="6153" max="6153" width="4.44140625" style="836"/>
    <col min="6154" max="6154" width="8.21875" style="836" customWidth="1"/>
    <col min="6155" max="6163" width="4.44140625" style="836"/>
    <col min="6164" max="6165" width="7.6640625" style="836" customWidth="1"/>
    <col min="6166" max="6167" width="4.44140625" style="836"/>
    <col min="6168" max="6168" width="4.44140625" style="836" customWidth="1"/>
    <col min="6169" max="6169" width="2.6640625" style="836" customWidth="1"/>
    <col min="6170" max="6170" width="3.77734375" style="836" customWidth="1"/>
    <col min="6171" max="6401" width="4.44140625" style="836"/>
    <col min="6402" max="6402" width="3.21875" style="836" customWidth="1"/>
    <col min="6403" max="6403" width="2.6640625" style="836" customWidth="1"/>
    <col min="6404" max="6404" width="8.21875" style="836" customWidth="1"/>
    <col min="6405" max="6407" width="4.44140625" style="836"/>
    <col min="6408" max="6408" width="4" style="836" customWidth="1"/>
    <col min="6409" max="6409" width="4.44140625" style="836"/>
    <col min="6410" max="6410" width="8.21875" style="836" customWidth="1"/>
    <col min="6411" max="6419" width="4.44140625" style="836"/>
    <col min="6420" max="6421" width="7.6640625" style="836" customWidth="1"/>
    <col min="6422" max="6423" width="4.44140625" style="836"/>
    <col min="6424" max="6424" width="4.44140625" style="836" customWidth="1"/>
    <col min="6425" max="6425" width="2.6640625" style="836" customWidth="1"/>
    <col min="6426" max="6426" width="3.77734375" style="836" customWidth="1"/>
    <col min="6427" max="6657" width="4.44140625" style="836"/>
    <col min="6658" max="6658" width="3.21875" style="836" customWidth="1"/>
    <col min="6659" max="6659" width="2.6640625" style="836" customWidth="1"/>
    <col min="6660" max="6660" width="8.21875" style="836" customWidth="1"/>
    <col min="6661" max="6663" width="4.44140625" style="836"/>
    <col min="6664" max="6664" width="4" style="836" customWidth="1"/>
    <col min="6665" max="6665" width="4.44140625" style="836"/>
    <col min="6666" max="6666" width="8.21875" style="836" customWidth="1"/>
    <col min="6667" max="6675" width="4.44140625" style="836"/>
    <col min="6676" max="6677" width="7.6640625" style="836" customWidth="1"/>
    <col min="6678" max="6679" width="4.44140625" style="836"/>
    <col min="6680" max="6680" width="4.44140625" style="836" customWidth="1"/>
    <col min="6681" max="6681" width="2.6640625" style="836" customWidth="1"/>
    <col min="6682" max="6682" width="3.77734375" style="836" customWidth="1"/>
    <col min="6683" max="6913" width="4.44140625" style="836"/>
    <col min="6914" max="6914" width="3.21875" style="836" customWidth="1"/>
    <col min="6915" max="6915" width="2.6640625" style="836" customWidth="1"/>
    <col min="6916" max="6916" width="8.21875" style="836" customWidth="1"/>
    <col min="6917" max="6919" width="4.44140625" style="836"/>
    <col min="6920" max="6920" width="4" style="836" customWidth="1"/>
    <col min="6921" max="6921" width="4.44140625" style="836"/>
    <col min="6922" max="6922" width="8.21875" style="836" customWidth="1"/>
    <col min="6923" max="6931" width="4.44140625" style="836"/>
    <col min="6932" max="6933" width="7.6640625" style="836" customWidth="1"/>
    <col min="6934" max="6935" width="4.44140625" style="836"/>
    <col min="6936" max="6936" width="4.44140625" style="836" customWidth="1"/>
    <col min="6937" max="6937" width="2.6640625" style="836" customWidth="1"/>
    <col min="6938" max="6938" width="3.77734375" style="836" customWidth="1"/>
    <col min="6939" max="7169" width="4.44140625" style="836"/>
    <col min="7170" max="7170" width="3.21875" style="836" customWidth="1"/>
    <col min="7171" max="7171" width="2.6640625" style="836" customWidth="1"/>
    <col min="7172" max="7172" width="8.21875" style="836" customWidth="1"/>
    <col min="7173" max="7175" width="4.44140625" style="836"/>
    <col min="7176" max="7176" width="4" style="836" customWidth="1"/>
    <col min="7177" max="7177" width="4.44140625" style="836"/>
    <col min="7178" max="7178" width="8.21875" style="836" customWidth="1"/>
    <col min="7179" max="7187" width="4.44140625" style="836"/>
    <col min="7188" max="7189" width="7.6640625" style="836" customWidth="1"/>
    <col min="7190" max="7191" width="4.44140625" style="836"/>
    <col min="7192" max="7192" width="4.44140625" style="836" customWidth="1"/>
    <col min="7193" max="7193" width="2.6640625" style="836" customWidth="1"/>
    <col min="7194" max="7194" width="3.77734375" style="836" customWidth="1"/>
    <col min="7195" max="7425" width="4.44140625" style="836"/>
    <col min="7426" max="7426" width="3.21875" style="836" customWidth="1"/>
    <col min="7427" max="7427" width="2.6640625" style="836" customWidth="1"/>
    <col min="7428" max="7428" width="8.21875" style="836" customWidth="1"/>
    <col min="7429" max="7431" width="4.44140625" style="836"/>
    <col min="7432" max="7432" width="4" style="836" customWidth="1"/>
    <col min="7433" max="7433" width="4.44140625" style="836"/>
    <col min="7434" max="7434" width="8.21875" style="836" customWidth="1"/>
    <col min="7435" max="7443" width="4.44140625" style="836"/>
    <col min="7444" max="7445" width="7.6640625" style="836" customWidth="1"/>
    <col min="7446" max="7447" width="4.44140625" style="836"/>
    <col min="7448" max="7448" width="4.44140625" style="836" customWidth="1"/>
    <col min="7449" max="7449" width="2.6640625" style="836" customWidth="1"/>
    <col min="7450" max="7450" width="3.77734375" style="836" customWidth="1"/>
    <col min="7451" max="7681" width="4.44140625" style="836"/>
    <col min="7682" max="7682" width="3.21875" style="836" customWidth="1"/>
    <col min="7683" max="7683" width="2.6640625" style="836" customWidth="1"/>
    <col min="7684" max="7684" width="8.21875" style="836" customWidth="1"/>
    <col min="7685" max="7687" width="4.44140625" style="836"/>
    <col min="7688" max="7688" width="4" style="836" customWidth="1"/>
    <col min="7689" max="7689" width="4.44140625" style="836"/>
    <col min="7690" max="7690" width="8.21875" style="836" customWidth="1"/>
    <col min="7691" max="7699" width="4.44140625" style="836"/>
    <col min="7700" max="7701" width="7.6640625" style="836" customWidth="1"/>
    <col min="7702" max="7703" width="4.44140625" style="836"/>
    <col min="7704" max="7704" width="4.44140625" style="836" customWidth="1"/>
    <col min="7705" max="7705" width="2.6640625" style="836" customWidth="1"/>
    <col min="7706" max="7706" width="3.77734375" style="836" customWidth="1"/>
    <col min="7707" max="7937" width="4.44140625" style="836"/>
    <col min="7938" max="7938" width="3.21875" style="836" customWidth="1"/>
    <col min="7939" max="7939" width="2.6640625" style="836" customWidth="1"/>
    <col min="7940" max="7940" width="8.21875" style="836" customWidth="1"/>
    <col min="7941" max="7943" width="4.44140625" style="836"/>
    <col min="7944" max="7944" width="4" style="836" customWidth="1"/>
    <col min="7945" max="7945" width="4.44140625" style="836"/>
    <col min="7946" max="7946" width="8.21875" style="836" customWidth="1"/>
    <col min="7947" max="7955" width="4.44140625" style="836"/>
    <col min="7956" max="7957" width="7.6640625" style="836" customWidth="1"/>
    <col min="7958" max="7959" width="4.44140625" style="836"/>
    <col min="7960" max="7960" width="4.44140625" style="836" customWidth="1"/>
    <col min="7961" max="7961" width="2.6640625" style="836" customWidth="1"/>
    <col min="7962" max="7962" width="3.77734375" style="836" customWidth="1"/>
    <col min="7963" max="8193" width="4.44140625" style="836"/>
    <col min="8194" max="8194" width="3.21875" style="836" customWidth="1"/>
    <col min="8195" max="8195" width="2.6640625" style="836" customWidth="1"/>
    <col min="8196" max="8196" width="8.21875" style="836" customWidth="1"/>
    <col min="8197" max="8199" width="4.44140625" style="836"/>
    <col min="8200" max="8200" width="4" style="836" customWidth="1"/>
    <col min="8201" max="8201" width="4.44140625" style="836"/>
    <col min="8202" max="8202" width="8.21875" style="836" customWidth="1"/>
    <col min="8203" max="8211" width="4.44140625" style="836"/>
    <col min="8212" max="8213" width="7.6640625" style="836" customWidth="1"/>
    <col min="8214" max="8215" width="4.44140625" style="836"/>
    <col min="8216" max="8216" width="4.44140625" style="836" customWidth="1"/>
    <col min="8217" max="8217" width="2.6640625" style="836" customWidth="1"/>
    <col min="8218" max="8218" width="3.77734375" style="836" customWidth="1"/>
    <col min="8219" max="8449" width="4.44140625" style="836"/>
    <col min="8450" max="8450" width="3.21875" style="836" customWidth="1"/>
    <col min="8451" max="8451" width="2.6640625" style="836" customWidth="1"/>
    <col min="8452" max="8452" width="8.21875" style="836" customWidth="1"/>
    <col min="8453" max="8455" width="4.44140625" style="836"/>
    <col min="8456" max="8456" width="4" style="836" customWidth="1"/>
    <col min="8457" max="8457" width="4.44140625" style="836"/>
    <col min="8458" max="8458" width="8.21875" style="836" customWidth="1"/>
    <col min="8459" max="8467" width="4.44140625" style="836"/>
    <col min="8468" max="8469" width="7.6640625" style="836" customWidth="1"/>
    <col min="8470" max="8471" width="4.44140625" style="836"/>
    <col min="8472" max="8472" width="4.44140625" style="836" customWidth="1"/>
    <col min="8473" max="8473" width="2.6640625" style="836" customWidth="1"/>
    <col min="8474" max="8474" width="3.77734375" style="836" customWidth="1"/>
    <col min="8475" max="8705" width="4.44140625" style="836"/>
    <col min="8706" max="8706" width="3.21875" style="836" customWidth="1"/>
    <col min="8707" max="8707" width="2.6640625" style="836" customWidth="1"/>
    <col min="8708" max="8708" width="8.21875" style="836" customWidth="1"/>
    <col min="8709" max="8711" width="4.44140625" style="836"/>
    <col min="8712" max="8712" width="4" style="836" customWidth="1"/>
    <col min="8713" max="8713" width="4.44140625" style="836"/>
    <col min="8714" max="8714" width="8.21875" style="836" customWidth="1"/>
    <col min="8715" max="8723" width="4.44140625" style="836"/>
    <col min="8724" max="8725" width="7.6640625" style="836" customWidth="1"/>
    <col min="8726" max="8727" width="4.44140625" style="836"/>
    <col min="8728" max="8728" width="4.44140625" style="836" customWidth="1"/>
    <col min="8729" max="8729" width="2.6640625" style="836" customWidth="1"/>
    <col min="8730" max="8730" width="3.77734375" style="836" customWidth="1"/>
    <col min="8731" max="8961" width="4.44140625" style="836"/>
    <col min="8962" max="8962" width="3.21875" style="836" customWidth="1"/>
    <col min="8963" max="8963" width="2.6640625" style="836" customWidth="1"/>
    <col min="8964" max="8964" width="8.21875" style="836" customWidth="1"/>
    <col min="8965" max="8967" width="4.44140625" style="836"/>
    <col min="8968" max="8968" width="4" style="836" customWidth="1"/>
    <col min="8969" max="8969" width="4.44140625" style="836"/>
    <col min="8970" max="8970" width="8.21875" style="836" customWidth="1"/>
    <col min="8971" max="8979" width="4.44140625" style="836"/>
    <col min="8980" max="8981" width="7.6640625" style="836" customWidth="1"/>
    <col min="8982" max="8983" width="4.44140625" style="836"/>
    <col min="8984" max="8984" width="4.44140625" style="836" customWidth="1"/>
    <col min="8985" max="8985" width="2.6640625" style="836" customWidth="1"/>
    <col min="8986" max="8986" width="3.77734375" style="836" customWidth="1"/>
    <col min="8987" max="9217" width="4.44140625" style="836"/>
    <col min="9218" max="9218" width="3.21875" style="836" customWidth="1"/>
    <col min="9219" max="9219" width="2.6640625" style="836" customWidth="1"/>
    <col min="9220" max="9220" width="8.21875" style="836" customWidth="1"/>
    <col min="9221" max="9223" width="4.44140625" style="836"/>
    <col min="9224" max="9224" width="4" style="836" customWidth="1"/>
    <col min="9225" max="9225" width="4.44140625" style="836"/>
    <col min="9226" max="9226" width="8.21875" style="836" customWidth="1"/>
    <col min="9227" max="9235" width="4.44140625" style="836"/>
    <col min="9236" max="9237" width="7.6640625" style="836" customWidth="1"/>
    <col min="9238" max="9239" width="4.44140625" style="836"/>
    <col min="9240" max="9240" width="4.44140625" style="836" customWidth="1"/>
    <col min="9241" max="9241" width="2.6640625" style="836" customWidth="1"/>
    <col min="9242" max="9242" width="3.77734375" style="836" customWidth="1"/>
    <col min="9243" max="9473" width="4.44140625" style="836"/>
    <col min="9474" max="9474" width="3.21875" style="836" customWidth="1"/>
    <col min="9475" max="9475" width="2.6640625" style="836" customWidth="1"/>
    <col min="9476" max="9476" width="8.21875" style="836" customWidth="1"/>
    <col min="9477" max="9479" width="4.44140625" style="836"/>
    <col min="9480" max="9480" width="4" style="836" customWidth="1"/>
    <col min="9481" max="9481" width="4.44140625" style="836"/>
    <col min="9482" max="9482" width="8.21875" style="836" customWidth="1"/>
    <col min="9483" max="9491" width="4.44140625" style="836"/>
    <col min="9492" max="9493" width="7.6640625" style="836" customWidth="1"/>
    <col min="9494" max="9495" width="4.44140625" style="836"/>
    <col min="9496" max="9496" width="4.44140625" style="836" customWidth="1"/>
    <col min="9497" max="9497" width="2.6640625" style="836" customWidth="1"/>
    <col min="9498" max="9498" width="3.77734375" style="836" customWidth="1"/>
    <col min="9499" max="9729" width="4.44140625" style="836"/>
    <col min="9730" max="9730" width="3.21875" style="836" customWidth="1"/>
    <col min="9731" max="9731" width="2.6640625" style="836" customWidth="1"/>
    <col min="9732" max="9732" width="8.21875" style="836" customWidth="1"/>
    <col min="9733" max="9735" width="4.44140625" style="836"/>
    <col min="9736" max="9736" width="4" style="836" customWidth="1"/>
    <col min="9737" max="9737" width="4.44140625" style="836"/>
    <col min="9738" max="9738" width="8.21875" style="836" customWidth="1"/>
    <col min="9739" max="9747" width="4.44140625" style="836"/>
    <col min="9748" max="9749" width="7.6640625" style="836" customWidth="1"/>
    <col min="9750" max="9751" width="4.44140625" style="836"/>
    <col min="9752" max="9752" width="4.44140625" style="836" customWidth="1"/>
    <col min="9753" max="9753" width="2.6640625" style="836" customWidth="1"/>
    <col min="9754" max="9754" width="3.77734375" style="836" customWidth="1"/>
    <col min="9755" max="9985" width="4.44140625" style="836"/>
    <col min="9986" max="9986" width="3.21875" style="836" customWidth="1"/>
    <col min="9987" max="9987" width="2.6640625" style="836" customWidth="1"/>
    <col min="9988" max="9988" width="8.21875" style="836" customWidth="1"/>
    <col min="9989" max="9991" width="4.44140625" style="836"/>
    <col min="9992" max="9992" width="4" style="836" customWidth="1"/>
    <col min="9993" max="9993" width="4.44140625" style="836"/>
    <col min="9994" max="9994" width="8.21875" style="836" customWidth="1"/>
    <col min="9995" max="10003" width="4.44140625" style="836"/>
    <col min="10004" max="10005" width="7.6640625" style="836" customWidth="1"/>
    <col min="10006" max="10007" width="4.44140625" style="836"/>
    <col min="10008" max="10008" width="4.44140625" style="836" customWidth="1"/>
    <col min="10009" max="10009" width="2.6640625" style="836" customWidth="1"/>
    <col min="10010" max="10010" width="3.77734375" style="836" customWidth="1"/>
    <col min="10011" max="10241" width="4.44140625" style="836"/>
    <col min="10242" max="10242" width="3.21875" style="836" customWidth="1"/>
    <col min="10243" max="10243" width="2.6640625" style="836" customWidth="1"/>
    <col min="10244" max="10244" width="8.21875" style="836" customWidth="1"/>
    <col min="10245" max="10247" width="4.44140625" style="836"/>
    <col min="10248" max="10248" width="4" style="836" customWidth="1"/>
    <col min="10249" max="10249" width="4.44140625" style="836"/>
    <col min="10250" max="10250" width="8.21875" style="836" customWidth="1"/>
    <col min="10251" max="10259" width="4.44140625" style="836"/>
    <col min="10260" max="10261" width="7.6640625" style="836" customWidth="1"/>
    <col min="10262" max="10263" width="4.44140625" style="836"/>
    <col min="10264" max="10264" width="4.44140625" style="836" customWidth="1"/>
    <col min="10265" max="10265" width="2.6640625" style="836" customWidth="1"/>
    <col min="10266" max="10266" width="3.77734375" style="836" customWidth="1"/>
    <col min="10267" max="10497" width="4.44140625" style="836"/>
    <col min="10498" max="10498" width="3.21875" style="836" customWidth="1"/>
    <col min="10499" max="10499" width="2.6640625" style="836" customWidth="1"/>
    <col min="10500" max="10500" width="8.21875" style="836" customWidth="1"/>
    <col min="10501" max="10503" width="4.44140625" style="836"/>
    <col min="10504" max="10504" width="4" style="836" customWidth="1"/>
    <col min="10505" max="10505" width="4.44140625" style="836"/>
    <col min="10506" max="10506" width="8.21875" style="836" customWidth="1"/>
    <col min="10507" max="10515" width="4.44140625" style="836"/>
    <col min="10516" max="10517" width="7.6640625" style="836" customWidth="1"/>
    <col min="10518" max="10519" width="4.44140625" style="836"/>
    <col min="10520" max="10520" width="4.44140625" style="836" customWidth="1"/>
    <col min="10521" max="10521" width="2.6640625" style="836" customWidth="1"/>
    <col min="10522" max="10522" width="3.77734375" style="836" customWidth="1"/>
    <col min="10523" max="10753" width="4.44140625" style="836"/>
    <col min="10754" max="10754" width="3.21875" style="836" customWidth="1"/>
    <col min="10755" max="10755" width="2.6640625" style="836" customWidth="1"/>
    <col min="10756" max="10756" width="8.21875" style="836" customWidth="1"/>
    <col min="10757" max="10759" width="4.44140625" style="836"/>
    <col min="10760" max="10760" width="4" style="836" customWidth="1"/>
    <col min="10761" max="10761" width="4.44140625" style="836"/>
    <col min="10762" max="10762" width="8.21875" style="836" customWidth="1"/>
    <col min="10763" max="10771" width="4.44140625" style="836"/>
    <col min="10772" max="10773" width="7.6640625" style="836" customWidth="1"/>
    <col min="10774" max="10775" width="4.44140625" style="836"/>
    <col min="10776" max="10776" width="4.44140625" style="836" customWidth="1"/>
    <col min="10777" max="10777" width="2.6640625" style="836" customWidth="1"/>
    <col min="10778" max="10778" width="3.77734375" style="836" customWidth="1"/>
    <col min="10779" max="11009" width="4.44140625" style="836"/>
    <col min="11010" max="11010" width="3.21875" style="836" customWidth="1"/>
    <col min="11011" max="11011" width="2.6640625" style="836" customWidth="1"/>
    <col min="11012" max="11012" width="8.21875" style="836" customWidth="1"/>
    <col min="11013" max="11015" width="4.44140625" style="836"/>
    <col min="11016" max="11016" width="4" style="836" customWidth="1"/>
    <col min="11017" max="11017" width="4.44140625" style="836"/>
    <col min="11018" max="11018" width="8.21875" style="836" customWidth="1"/>
    <col min="11019" max="11027" width="4.44140625" style="836"/>
    <col min="11028" max="11029" width="7.6640625" style="836" customWidth="1"/>
    <col min="11030" max="11031" width="4.44140625" style="836"/>
    <col min="11032" max="11032" width="4.44140625" style="836" customWidth="1"/>
    <col min="11033" max="11033" width="2.6640625" style="836" customWidth="1"/>
    <col min="11034" max="11034" width="3.77734375" style="836" customWidth="1"/>
    <col min="11035" max="11265" width="4.44140625" style="836"/>
    <col min="11266" max="11266" width="3.21875" style="836" customWidth="1"/>
    <col min="11267" max="11267" width="2.6640625" style="836" customWidth="1"/>
    <col min="11268" max="11268" width="8.21875" style="836" customWidth="1"/>
    <col min="11269" max="11271" width="4.44140625" style="836"/>
    <col min="11272" max="11272" width="4" style="836" customWidth="1"/>
    <col min="11273" max="11273" width="4.44140625" style="836"/>
    <col min="11274" max="11274" width="8.21875" style="836" customWidth="1"/>
    <col min="11275" max="11283" width="4.44140625" style="836"/>
    <col min="11284" max="11285" width="7.6640625" style="836" customWidth="1"/>
    <col min="11286" max="11287" width="4.44140625" style="836"/>
    <col min="11288" max="11288" width="4.44140625" style="836" customWidth="1"/>
    <col min="11289" max="11289" width="2.6640625" style="836" customWidth="1"/>
    <col min="11290" max="11290" width="3.77734375" style="836" customWidth="1"/>
    <col min="11291" max="11521" width="4.44140625" style="836"/>
    <col min="11522" max="11522" width="3.21875" style="836" customWidth="1"/>
    <col min="11523" max="11523" width="2.6640625" style="836" customWidth="1"/>
    <col min="11524" max="11524" width="8.21875" style="836" customWidth="1"/>
    <col min="11525" max="11527" width="4.44140625" style="836"/>
    <col min="11528" max="11528" width="4" style="836" customWidth="1"/>
    <col min="11529" max="11529" width="4.44140625" style="836"/>
    <col min="11530" max="11530" width="8.21875" style="836" customWidth="1"/>
    <col min="11531" max="11539" width="4.44140625" style="836"/>
    <col min="11540" max="11541" width="7.6640625" style="836" customWidth="1"/>
    <col min="11542" max="11543" width="4.44140625" style="836"/>
    <col min="11544" max="11544" width="4.44140625" style="836" customWidth="1"/>
    <col min="11545" max="11545" width="2.6640625" style="836" customWidth="1"/>
    <col min="11546" max="11546" width="3.77734375" style="836" customWidth="1"/>
    <col min="11547" max="11777" width="4.44140625" style="836"/>
    <col min="11778" max="11778" width="3.21875" style="836" customWidth="1"/>
    <col min="11779" max="11779" width="2.6640625" style="836" customWidth="1"/>
    <col min="11780" max="11780" width="8.21875" style="836" customWidth="1"/>
    <col min="11781" max="11783" width="4.44140625" style="836"/>
    <col min="11784" max="11784" width="4" style="836" customWidth="1"/>
    <col min="11785" max="11785" width="4.44140625" style="836"/>
    <col min="11786" max="11786" width="8.21875" style="836" customWidth="1"/>
    <col min="11787" max="11795" width="4.44140625" style="836"/>
    <col min="11796" max="11797" width="7.6640625" style="836" customWidth="1"/>
    <col min="11798" max="11799" width="4.44140625" style="836"/>
    <col min="11800" max="11800" width="4.44140625" style="836" customWidth="1"/>
    <col min="11801" max="11801" width="2.6640625" style="836" customWidth="1"/>
    <col min="11802" max="11802" width="3.77734375" style="836" customWidth="1"/>
    <col min="11803" max="12033" width="4.44140625" style="836"/>
    <col min="12034" max="12034" width="3.21875" style="836" customWidth="1"/>
    <col min="12035" max="12035" width="2.6640625" style="836" customWidth="1"/>
    <col min="12036" max="12036" width="8.21875" style="836" customWidth="1"/>
    <col min="12037" max="12039" width="4.44140625" style="836"/>
    <col min="12040" max="12040" width="4" style="836" customWidth="1"/>
    <col min="12041" max="12041" width="4.44140625" style="836"/>
    <col min="12042" max="12042" width="8.21875" style="836" customWidth="1"/>
    <col min="12043" max="12051" width="4.44140625" style="836"/>
    <col min="12052" max="12053" width="7.6640625" style="836" customWidth="1"/>
    <col min="12054" max="12055" width="4.44140625" style="836"/>
    <col min="12056" max="12056" width="4.44140625" style="836" customWidth="1"/>
    <col min="12057" max="12057" width="2.6640625" style="836" customWidth="1"/>
    <col min="12058" max="12058" width="3.77734375" style="836" customWidth="1"/>
    <col min="12059" max="12289" width="4.44140625" style="836"/>
    <col min="12290" max="12290" width="3.21875" style="836" customWidth="1"/>
    <col min="12291" max="12291" width="2.6640625" style="836" customWidth="1"/>
    <col min="12292" max="12292" width="8.21875" style="836" customWidth="1"/>
    <col min="12293" max="12295" width="4.44140625" style="836"/>
    <col min="12296" max="12296" width="4" style="836" customWidth="1"/>
    <col min="12297" max="12297" width="4.44140625" style="836"/>
    <col min="12298" max="12298" width="8.21875" style="836" customWidth="1"/>
    <col min="12299" max="12307" width="4.44140625" style="836"/>
    <col min="12308" max="12309" width="7.6640625" style="836" customWidth="1"/>
    <col min="12310" max="12311" width="4.44140625" style="836"/>
    <col min="12312" max="12312" width="4.44140625" style="836" customWidth="1"/>
    <col min="12313" max="12313" width="2.6640625" style="836" customWidth="1"/>
    <col min="12314" max="12314" width="3.77734375" style="836" customWidth="1"/>
    <col min="12315" max="12545" width="4.44140625" style="836"/>
    <col min="12546" max="12546" width="3.21875" style="836" customWidth="1"/>
    <col min="12547" max="12547" width="2.6640625" style="836" customWidth="1"/>
    <col min="12548" max="12548" width="8.21875" style="836" customWidth="1"/>
    <col min="12549" max="12551" width="4.44140625" style="836"/>
    <col min="12552" max="12552" width="4" style="836" customWidth="1"/>
    <col min="12553" max="12553" width="4.44140625" style="836"/>
    <col min="12554" max="12554" width="8.21875" style="836" customWidth="1"/>
    <col min="12555" max="12563" width="4.44140625" style="836"/>
    <col min="12564" max="12565" width="7.6640625" style="836" customWidth="1"/>
    <col min="12566" max="12567" width="4.44140625" style="836"/>
    <col min="12568" max="12568" width="4.44140625" style="836" customWidth="1"/>
    <col min="12569" max="12569" width="2.6640625" style="836" customWidth="1"/>
    <col min="12570" max="12570" width="3.77734375" style="836" customWidth="1"/>
    <col min="12571" max="12801" width="4.44140625" style="836"/>
    <col min="12802" max="12802" width="3.21875" style="836" customWidth="1"/>
    <col min="12803" max="12803" width="2.6640625" style="836" customWidth="1"/>
    <col min="12804" max="12804" width="8.21875" style="836" customWidth="1"/>
    <col min="12805" max="12807" width="4.44140625" style="836"/>
    <col min="12808" max="12808" width="4" style="836" customWidth="1"/>
    <col min="12809" max="12809" width="4.44140625" style="836"/>
    <col min="12810" max="12810" width="8.21875" style="836" customWidth="1"/>
    <col min="12811" max="12819" width="4.44140625" style="836"/>
    <col min="12820" max="12821" width="7.6640625" style="836" customWidth="1"/>
    <col min="12822" max="12823" width="4.44140625" style="836"/>
    <col min="12824" max="12824" width="4.44140625" style="836" customWidth="1"/>
    <col min="12825" max="12825" width="2.6640625" style="836" customWidth="1"/>
    <col min="12826" max="12826" width="3.77734375" style="836" customWidth="1"/>
    <col min="12827" max="13057" width="4.44140625" style="836"/>
    <col min="13058" max="13058" width="3.21875" style="836" customWidth="1"/>
    <col min="13059" max="13059" width="2.6640625" style="836" customWidth="1"/>
    <col min="13060" max="13060" width="8.21875" style="836" customWidth="1"/>
    <col min="13061" max="13063" width="4.44140625" style="836"/>
    <col min="13064" max="13064" width="4" style="836" customWidth="1"/>
    <col min="13065" max="13065" width="4.44140625" style="836"/>
    <col min="13066" max="13066" width="8.21875" style="836" customWidth="1"/>
    <col min="13067" max="13075" width="4.44140625" style="836"/>
    <col min="13076" max="13077" width="7.6640625" style="836" customWidth="1"/>
    <col min="13078" max="13079" width="4.44140625" style="836"/>
    <col min="13080" max="13080" width="4.44140625" style="836" customWidth="1"/>
    <col min="13081" max="13081" width="2.6640625" style="836" customWidth="1"/>
    <col min="13082" max="13082" width="3.77734375" style="836" customWidth="1"/>
    <col min="13083" max="13313" width="4.44140625" style="836"/>
    <col min="13314" max="13314" width="3.21875" style="836" customWidth="1"/>
    <col min="13315" max="13315" width="2.6640625" style="836" customWidth="1"/>
    <col min="13316" max="13316" width="8.21875" style="836" customWidth="1"/>
    <col min="13317" max="13319" width="4.44140625" style="836"/>
    <col min="13320" max="13320" width="4" style="836" customWidth="1"/>
    <col min="13321" max="13321" width="4.44140625" style="836"/>
    <col min="13322" max="13322" width="8.21875" style="836" customWidth="1"/>
    <col min="13323" max="13331" width="4.44140625" style="836"/>
    <col min="13332" max="13333" width="7.6640625" style="836" customWidth="1"/>
    <col min="13334" max="13335" width="4.44140625" style="836"/>
    <col min="13336" max="13336" width="4.44140625" style="836" customWidth="1"/>
    <col min="13337" max="13337" width="2.6640625" style="836" customWidth="1"/>
    <col min="13338" max="13338" width="3.77734375" style="836" customWidth="1"/>
    <col min="13339" max="13569" width="4.44140625" style="836"/>
    <col min="13570" max="13570" width="3.21875" style="836" customWidth="1"/>
    <col min="13571" max="13571" width="2.6640625" style="836" customWidth="1"/>
    <col min="13572" max="13572" width="8.21875" style="836" customWidth="1"/>
    <col min="13573" max="13575" width="4.44140625" style="836"/>
    <col min="13576" max="13576" width="4" style="836" customWidth="1"/>
    <col min="13577" max="13577" width="4.44140625" style="836"/>
    <col min="13578" max="13578" width="8.21875" style="836" customWidth="1"/>
    <col min="13579" max="13587" width="4.44140625" style="836"/>
    <col min="13588" max="13589" width="7.6640625" style="836" customWidth="1"/>
    <col min="13590" max="13591" width="4.44140625" style="836"/>
    <col min="13592" max="13592" width="4.44140625" style="836" customWidth="1"/>
    <col min="13593" max="13593" width="2.6640625" style="836" customWidth="1"/>
    <col min="13594" max="13594" width="3.77734375" style="836" customWidth="1"/>
    <col min="13595" max="13825" width="4.44140625" style="836"/>
    <col min="13826" max="13826" width="3.21875" style="836" customWidth="1"/>
    <col min="13827" max="13827" width="2.6640625" style="836" customWidth="1"/>
    <col min="13828" max="13828" width="8.21875" style="836" customWidth="1"/>
    <col min="13829" max="13831" width="4.44140625" style="836"/>
    <col min="13832" max="13832" width="4" style="836" customWidth="1"/>
    <col min="13833" max="13833" width="4.44140625" style="836"/>
    <col min="13834" max="13834" width="8.21875" style="836" customWidth="1"/>
    <col min="13835" max="13843" width="4.44140625" style="836"/>
    <col min="13844" max="13845" width="7.6640625" style="836" customWidth="1"/>
    <col min="13846" max="13847" width="4.44140625" style="836"/>
    <col min="13848" max="13848" width="4.44140625" style="836" customWidth="1"/>
    <col min="13849" max="13849" width="2.6640625" style="836" customWidth="1"/>
    <col min="13850" max="13850" width="3.77734375" style="836" customWidth="1"/>
    <col min="13851" max="14081" width="4.44140625" style="836"/>
    <col min="14082" max="14082" width="3.21875" style="836" customWidth="1"/>
    <col min="14083" max="14083" width="2.6640625" style="836" customWidth="1"/>
    <col min="14084" max="14084" width="8.21875" style="836" customWidth="1"/>
    <col min="14085" max="14087" width="4.44140625" style="836"/>
    <col min="14088" max="14088" width="4" style="836" customWidth="1"/>
    <col min="14089" max="14089" width="4.44140625" style="836"/>
    <col min="14090" max="14090" width="8.21875" style="836" customWidth="1"/>
    <col min="14091" max="14099" width="4.44140625" style="836"/>
    <col min="14100" max="14101" width="7.6640625" style="836" customWidth="1"/>
    <col min="14102" max="14103" width="4.44140625" style="836"/>
    <col min="14104" max="14104" width="4.44140625" style="836" customWidth="1"/>
    <col min="14105" max="14105" width="2.6640625" style="836" customWidth="1"/>
    <col min="14106" max="14106" width="3.77734375" style="836" customWidth="1"/>
    <col min="14107" max="14337" width="4.44140625" style="836"/>
    <col min="14338" max="14338" width="3.21875" style="836" customWidth="1"/>
    <col min="14339" max="14339" width="2.6640625" style="836" customWidth="1"/>
    <col min="14340" max="14340" width="8.21875" style="836" customWidth="1"/>
    <col min="14341" max="14343" width="4.44140625" style="836"/>
    <col min="14344" max="14344" width="4" style="836" customWidth="1"/>
    <col min="14345" max="14345" width="4.44140625" style="836"/>
    <col min="14346" max="14346" width="8.21875" style="836" customWidth="1"/>
    <col min="14347" max="14355" width="4.44140625" style="836"/>
    <col min="14356" max="14357" width="7.6640625" style="836" customWidth="1"/>
    <col min="14358" max="14359" width="4.44140625" style="836"/>
    <col min="14360" max="14360" width="4.44140625" style="836" customWidth="1"/>
    <col min="14361" max="14361" width="2.6640625" style="836" customWidth="1"/>
    <col min="14362" max="14362" width="3.77734375" style="836" customWidth="1"/>
    <col min="14363" max="14593" width="4.44140625" style="836"/>
    <col min="14594" max="14594" width="3.21875" style="836" customWidth="1"/>
    <col min="14595" max="14595" width="2.6640625" style="836" customWidth="1"/>
    <col min="14596" max="14596" width="8.21875" style="836" customWidth="1"/>
    <col min="14597" max="14599" width="4.44140625" style="836"/>
    <col min="14600" max="14600" width="4" style="836" customWidth="1"/>
    <col min="14601" max="14601" width="4.44140625" style="836"/>
    <col min="14602" max="14602" width="8.21875" style="836" customWidth="1"/>
    <col min="14603" max="14611" width="4.44140625" style="836"/>
    <col min="14612" max="14613" width="7.6640625" style="836" customWidth="1"/>
    <col min="14614" max="14615" width="4.44140625" style="836"/>
    <col min="14616" max="14616" width="4.44140625" style="836" customWidth="1"/>
    <col min="14617" max="14617" width="2.6640625" style="836" customWidth="1"/>
    <col min="14618" max="14618" width="3.77734375" style="836" customWidth="1"/>
    <col min="14619" max="14849" width="4.44140625" style="836"/>
    <col min="14850" max="14850" width="3.21875" style="836" customWidth="1"/>
    <col min="14851" max="14851" width="2.6640625" style="836" customWidth="1"/>
    <col min="14852" max="14852" width="8.21875" style="836" customWidth="1"/>
    <col min="14853" max="14855" width="4.44140625" style="836"/>
    <col min="14856" max="14856" width="4" style="836" customWidth="1"/>
    <col min="14857" max="14857" width="4.44140625" style="836"/>
    <col min="14858" max="14858" width="8.21875" style="836" customWidth="1"/>
    <col min="14859" max="14867" width="4.44140625" style="836"/>
    <col min="14868" max="14869" width="7.6640625" style="836" customWidth="1"/>
    <col min="14870" max="14871" width="4.44140625" style="836"/>
    <col min="14872" max="14872" width="4.44140625" style="836" customWidth="1"/>
    <col min="14873" max="14873" width="2.6640625" style="836" customWidth="1"/>
    <col min="14874" max="14874" width="3.77734375" style="836" customWidth="1"/>
    <col min="14875" max="15105" width="4.44140625" style="836"/>
    <col min="15106" max="15106" width="3.21875" style="836" customWidth="1"/>
    <col min="15107" max="15107" width="2.6640625" style="836" customWidth="1"/>
    <col min="15108" max="15108" width="8.21875" style="836" customWidth="1"/>
    <col min="15109" max="15111" width="4.44140625" style="836"/>
    <col min="15112" max="15112" width="4" style="836" customWidth="1"/>
    <col min="15113" max="15113" width="4.44140625" style="836"/>
    <col min="15114" max="15114" width="8.21875" style="836" customWidth="1"/>
    <col min="15115" max="15123" width="4.44140625" style="836"/>
    <col min="15124" max="15125" width="7.6640625" style="836" customWidth="1"/>
    <col min="15126" max="15127" width="4.44140625" style="836"/>
    <col min="15128" max="15128" width="4.44140625" style="836" customWidth="1"/>
    <col min="15129" max="15129" width="2.6640625" style="836" customWidth="1"/>
    <col min="15130" max="15130" width="3.77734375" style="836" customWidth="1"/>
    <col min="15131" max="15361" width="4.44140625" style="836"/>
    <col min="15362" max="15362" width="3.21875" style="836" customWidth="1"/>
    <col min="15363" max="15363" width="2.6640625" style="836" customWidth="1"/>
    <col min="15364" max="15364" width="8.21875" style="836" customWidth="1"/>
    <col min="15365" max="15367" width="4.44140625" style="836"/>
    <col min="15368" max="15368" width="4" style="836" customWidth="1"/>
    <col min="15369" max="15369" width="4.44140625" style="836"/>
    <col min="15370" max="15370" width="8.21875" style="836" customWidth="1"/>
    <col min="15371" max="15379" width="4.44140625" style="836"/>
    <col min="15380" max="15381" width="7.6640625" style="836" customWidth="1"/>
    <col min="15382" max="15383" width="4.44140625" style="836"/>
    <col min="15384" max="15384" width="4.44140625" style="836" customWidth="1"/>
    <col min="15385" max="15385" width="2.6640625" style="836" customWidth="1"/>
    <col min="15386" max="15386" width="3.77734375" style="836" customWidth="1"/>
    <col min="15387" max="15617" width="4.44140625" style="836"/>
    <col min="15618" max="15618" width="3.21875" style="836" customWidth="1"/>
    <col min="15619" max="15619" width="2.6640625" style="836" customWidth="1"/>
    <col min="15620" max="15620" width="8.21875" style="836" customWidth="1"/>
    <col min="15621" max="15623" width="4.44140625" style="836"/>
    <col min="15624" max="15624" width="4" style="836" customWidth="1"/>
    <col min="15625" max="15625" width="4.44140625" style="836"/>
    <col min="15626" max="15626" width="8.21875" style="836" customWidth="1"/>
    <col min="15627" max="15635" width="4.44140625" style="836"/>
    <col min="15636" max="15637" width="7.6640625" style="836" customWidth="1"/>
    <col min="15638" max="15639" width="4.44140625" style="836"/>
    <col min="15640" max="15640" width="4.44140625" style="836" customWidth="1"/>
    <col min="15641" max="15641" width="2.6640625" style="836" customWidth="1"/>
    <col min="15642" max="15642" width="3.77734375" style="836" customWidth="1"/>
    <col min="15643" max="15873" width="4.44140625" style="836"/>
    <col min="15874" max="15874" width="3.21875" style="836" customWidth="1"/>
    <col min="15875" max="15875" width="2.6640625" style="836" customWidth="1"/>
    <col min="15876" max="15876" width="8.21875" style="836" customWidth="1"/>
    <col min="15877" max="15879" width="4.44140625" style="836"/>
    <col min="15880" max="15880" width="4" style="836" customWidth="1"/>
    <col min="15881" max="15881" width="4.44140625" style="836"/>
    <col min="15882" max="15882" width="8.21875" style="836" customWidth="1"/>
    <col min="15883" max="15891" width="4.44140625" style="836"/>
    <col min="15892" max="15893" width="7.6640625" style="836" customWidth="1"/>
    <col min="15894" max="15895" width="4.44140625" style="836"/>
    <col min="15896" max="15896" width="4.44140625" style="836" customWidth="1"/>
    <col min="15897" max="15897" width="2.6640625" style="836" customWidth="1"/>
    <col min="15898" max="15898" width="3.77734375" style="836" customWidth="1"/>
    <col min="15899" max="16129" width="4.44140625" style="836"/>
    <col min="16130" max="16130" width="3.21875" style="836" customWidth="1"/>
    <col min="16131" max="16131" width="2.6640625" style="836" customWidth="1"/>
    <col min="16132" max="16132" width="8.21875" style="836" customWidth="1"/>
    <col min="16133" max="16135" width="4.44140625" style="836"/>
    <col min="16136" max="16136" width="4" style="836" customWidth="1"/>
    <col min="16137" max="16137" width="4.44140625" style="836"/>
    <col min="16138" max="16138" width="8.21875" style="836" customWidth="1"/>
    <col min="16139" max="16147" width="4.44140625" style="836"/>
    <col min="16148" max="16149" width="7.6640625" style="836" customWidth="1"/>
    <col min="16150" max="16151" width="4.44140625" style="836"/>
    <col min="16152" max="16152" width="4.44140625" style="836" customWidth="1"/>
    <col min="16153" max="16153" width="2.6640625" style="836" customWidth="1"/>
    <col min="16154" max="16154" width="3.77734375" style="836" customWidth="1"/>
    <col min="16155" max="16384" width="4.44140625" style="836"/>
  </cols>
  <sheetData>
    <row r="1" spans="1:26" x14ac:dyDescent="0.2">
      <c r="A1" s="625"/>
      <c r="B1" s="625"/>
      <c r="C1" s="625"/>
      <c r="D1" s="625"/>
      <c r="E1" s="625"/>
      <c r="F1" s="625"/>
      <c r="G1" s="625"/>
      <c r="H1" s="625"/>
      <c r="I1" s="625"/>
      <c r="J1" s="625"/>
      <c r="K1" s="625"/>
      <c r="L1" s="625"/>
      <c r="M1" s="625"/>
      <c r="N1" s="625"/>
      <c r="O1" s="625"/>
      <c r="P1" s="625"/>
      <c r="Q1" s="625"/>
      <c r="R1" s="625"/>
      <c r="S1" s="625"/>
      <c r="T1" s="625"/>
      <c r="U1" s="625"/>
      <c r="V1" s="625"/>
      <c r="W1" s="625"/>
      <c r="X1" s="625"/>
      <c r="Y1" s="625"/>
      <c r="Z1" s="625"/>
    </row>
    <row r="2" spans="1:26" ht="15" customHeight="1" x14ac:dyDescent="0.2">
      <c r="A2" s="625"/>
      <c r="B2" s="625"/>
      <c r="C2" s="559" t="s">
        <v>682</v>
      </c>
      <c r="D2" s="625"/>
      <c r="E2" s="625"/>
      <c r="F2" s="625"/>
      <c r="G2" s="625"/>
      <c r="H2" s="625"/>
      <c r="I2" s="625"/>
      <c r="J2" s="625"/>
      <c r="K2" s="625"/>
      <c r="L2" s="625"/>
      <c r="M2" s="625"/>
      <c r="N2" s="625"/>
      <c r="O2" s="625"/>
      <c r="P2" s="625"/>
      <c r="Q2" s="1253" t="s">
        <v>1486</v>
      </c>
      <c r="R2" s="1253"/>
      <c r="S2" s="1253"/>
      <c r="T2" s="1253"/>
      <c r="U2" s="1253"/>
      <c r="V2" s="1253"/>
      <c r="W2" s="1253"/>
      <c r="X2" s="1253"/>
      <c r="Y2" s="1253"/>
      <c r="Z2" s="625"/>
    </row>
    <row r="3" spans="1:26" ht="15" customHeight="1" x14ac:dyDescent="0.2">
      <c r="A3" s="625"/>
      <c r="B3" s="625"/>
      <c r="C3" s="625"/>
      <c r="D3" s="625"/>
      <c r="E3" s="625"/>
      <c r="F3" s="625"/>
      <c r="G3" s="625"/>
      <c r="H3" s="625"/>
      <c r="I3" s="625"/>
      <c r="J3" s="625"/>
      <c r="K3" s="625"/>
      <c r="L3" s="625"/>
      <c r="M3" s="625"/>
      <c r="N3" s="625"/>
      <c r="O3" s="625"/>
      <c r="P3" s="625"/>
      <c r="Q3" s="625"/>
      <c r="R3" s="625"/>
      <c r="S3" s="870"/>
      <c r="T3" s="625"/>
      <c r="U3" s="625"/>
      <c r="V3" s="625"/>
      <c r="W3" s="625"/>
      <c r="X3" s="625"/>
      <c r="Y3" s="625"/>
      <c r="Z3" s="625"/>
    </row>
    <row r="4" spans="1:26" ht="15" customHeight="1" x14ac:dyDescent="0.2">
      <c r="A4" s="625"/>
      <c r="B4" s="1254" t="s">
        <v>389</v>
      </c>
      <c r="C4" s="1254"/>
      <c r="D4" s="1254"/>
      <c r="E4" s="1254"/>
      <c r="F4" s="1254"/>
      <c r="G4" s="1254"/>
      <c r="H4" s="1254"/>
      <c r="I4" s="1254"/>
      <c r="J4" s="1254"/>
      <c r="K4" s="1254"/>
      <c r="L4" s="1254"/>
      <c r="M4" s="1254"/>
      <c r="N4" s="1254"/>
      <c r="O4" s="1254"/>
      <c r="P4" s="1254"/>
      <c r="Q4" s="1254"/>
      <c r="R4" s="1254"/>
      <c r="S4" s="1254"/>
      <c r="T4" s="1254"/>
      <c r="U4" s="1254"/>
      <c r="V4" s="1254"/>
      <c r="W4" s="1254"/>
      <c r="X4" s="1254"/>
      <c r="Y4" s="1254"/>
      <c r="Z4" s="625"/>
    </row>
    <row r="5" spans="1:26" ht="15" customHeight="1" x14ac:dyDescent="0.2">
      <c r="A5" s="625"/>
      <c r="B5" s="625"/>
      <c r="C5" s="625"/>
      <c r="D5" s="625"/>
      <c r="E5" s="625"/>
      <c r="F5" s="625"/>
      <c r="G5" s="625"/>
      <c r="H5" s="625"/>
      <c r="I5" s="625"/>
      <c r="J5" s="625"/>
      <c r="K5" s="625"/>
      <c r="L5" s="625"/>
      <c r="M5" s="625"/>
      <c r="N5" s="625"/>
      <c r="O5" s="625"/>
      <c r="P5" s="625"/>
      <c r="Q5" s="625"/>
      <c r="R5" s="625"/>
      <c r="S5" s="625"/>
      <c r="T5" s="625"/>
      <c r="U5" s="625"/>
      <c r="V5" s="625"/>
      <c r="W5" s="625"/>
      <c r="X5" s="625"/>
      <c r="Y5" s="625"/>
      <c r="Z5" s="625"/>
    </row>
    <row r="6" spans="1:26" ht="22.5" customHeight="1" x14ac:dyDescent="0.2">
      <c r="A6" s="625"/>
      <c r="B6" s="1193" t="s">
        <v>101</v>
      </c>
      <c r="C6" s="1194"/>
      <c r="D6" s="1194"/>
      <c r="E6" s="1194"/>
      <c r="F6" s="1195"/>
      <c r="G6" s="1193"/>
      <c r="H6" s="1194"/>
      <c r="I6" s="1194"/>
      <c r="J6" s="1194"/>
      <c r="K6" s="1194"/>
      <c r="L6" s="1194"/>
      <c r="M6" s="1194"/>
      <c r="N6" s="1194"/>
      <c r="O6" s="1194"/>
      <c r="P6" s="1194"/>
      <c r="Q6" s="1194"/>
      <c r="R6" s="1194"/>
      <c r="S6" s="1194"/>
      <c r="T6" s="1194"/>
      <c r="U6" s="1194"/>
      <c r="V6" s="1194"/>
      <c r="W6" s="1194"/>
      <c r="X6" s="1194"/>
      <c r="Y6" s="1195"/>
    </row>
    <row r="7" spans="1:26" ht="22.5" customHeight="1" x14ac:dyDescent="0.2">
      <c r="A7" s="625"/>
      <c r="B7" s="1193" t="s">
        <v>1394</v>
      </c>
      <c r="C7" s="1194"/>
      <c r="D7" s="1194"/>
      <c r="E7" s="1194"/>
      <c r="F7" s="1195"/>
      <c r="G7" s="1193" t="s">
        <v>1487</v>
      </c>
      <c r="H7" s="1194"/>
      <c r="I7" s="1194"/>
      <c r="J7" s="1194"/>
      <c r="K7" s="1194"/>
      <c r="L7" s="1194"/>
      <c r="M7" s="1194"/>
      <c r="N7" s="1194"/>
      <c r="O7" s="1194"/>
      <c r="P7" s="1194"/>
      <c r="Q7" s="1194"/>
      <c r="R7" s="1194"/>
      <c r="S7" s="1194"/>
      <c r="T7" s="1194"/>
      <c r="U7" s="1194"/>
      <c r="V7" s="1194"/>
      <c r="W7" s="1194"/>
      <c r="X7" s="1194"/>
      <c r="Y7" s="1195"/>
    </row>
    <row r="8" spans="1:26" ht="22.5" customHeight="1" x14ac:dyDescent="0.2">
      <c r="A8" s="625"/>
      <c r="B8" s="1196" t="s">
        <v>1488</v>
      </c>
      <c r="C8" s="1196"/>
      <c r="D8" s="1196"/>
      <c r="E8" s="1196"/>
      <c r="F8" s="1196"/>
      <c r="G8" s="1197" t="s">
        <v>1397</v>
      </c>
      <c r="H8" s="1198"/>
      <c r="I8" s="1198"/>
      <c r="J8" s="1198"/>
      <c r="K8" s="1198"/>
      <c r="L8" s="1198"/>
      <c r="M8" s="1198"/>
      <c r="N8" s="1198"/>
      <c r="O8" s="1198"/>
      <c r="P8" s="1198"/>
      <c r="Q8" s="1198"/>
      <c r="R8" s="1198"/>
      <c r="S8" s="1198"/>
      <c r="T8" s="1198"/>
      <c r="U8" s="1198"/>
      <c r="V8" s="1198"/>
      <c r="W8" s="1198"/>
      <c r="X8" s="1198"/>
      <c r="Y8" s="1199"/>
    </row>
    <row r="9" spans="1:26" ht="15" customHeight="1" x14ac:dyDescent="0.2">
      <c r="A9" s="625"/>
      <c r="B9" s="625"/>
      <c r="C9" s="625"/>
      <c r="D9" s="625"/>
      <c r="E9" s="625"/>
      <c r="F9" s="625"/>
      <c r="G9" s="625"/>
      <c r="H9" s="625"/>
      <c r="I9" s="625"/>
      <c r="J9" s="625"/>
      <c r="K9" s="625"/>
      <c r="L9" s="625"/>
      <c r="M9" s="625"/>
      <c r="N9" s="625"/>
      <c r="O9" s="625"/>
      <c r="P9" s="625"/>
      <c r="Q9" s="625"/>
      <c r="R9" s="625"/>
      <c r="S9" s="625"/>
      <c r="T9" s="625"/>
      <c r="U9" s="625"/>
      <c r="V9" s="625"/>
      <c r="W9" s="625"/>
      <c r="X9" s="625"/>
      <c r="Y9" s="625"/>
      <c r="Z9" s="625"/>
    </row>
    <row r="10" spans="1:26" ht="15" customHeight="1" x14ac:dyDescent="0.2">
      <c r="A10" s="625"/>
      <c r="B10" s="871"/>
      <c r="C10" s="872"/>
      <c r="D10" s="872"/>
      <c r="E10" s="872"/>
      <c r="F10" s="872"/>
      <c r="G10" s="872"/>
      <c r="H10" s="872"/>
      <c r="I10" s="872"/>
      <c r="J10" s="872"/>
      <c r="K10" s="872"/>
      <c r="L10" s="872"/>
      <c r="M10" s="872"/>
      <c r="N10" s="872"/>
      <c r="O10" s="872"/>
      <c r="P10" s="872"/>
      <c r="Q10" s="872"/>
      <c r="R10" s="872"/>
      <c r="S10" s="872"/>
      <c r="T10" s="872"/>
      <c r="U10" s="871"/>
      <c r="V10" s="872"/>
      <c r="W10" s="872"/>
      <c r="X10" s="872"/>
      <c r="Y10" s="873"/>
      <c r="Z10" s="625"/>
    </row>
    <row r="11" spans="1:26" ht="15" customHeight="1" x14ac:dyDescent="0.2">
      <c r="A11" s="625"/>
      <c r="B11" s="874" t="s">
        <v>102</v>
      </c>
      <c r="C11" s="625"/>
      <c r="D11" s="625"/>
      <c r="E11" s="625"/>
      <c r="F11" s="625"/>
      <c r="G11" s="625"/>
      <c r="H11" s="625"/>
      <c r="I11" s="625"/>
      <c r="J11" s="625"/>
      <c r="K11" s="625"/>
      <c r="L11" s="625"/>
      <c r="M11" s="625"/>
      <c r="N11" s="625"/>
      <c r="O11" s="625"/>
      <c r="P11" s="625"/>
      <c r="Q11" s="625"/>
      <c r="R11" s="625"/>
      <c r="S11" s="625"/>
      <c r="T11" s="625"/>
      <c r="U11" s="1263" t="s">
        <v>1489</v>
      </c>
      <c r="V11" s="1264"/>
      <c r="W11" s="1264"/>
      <c r="X11" s="1264"/>
      <c r="Y11" s="1265"/>
      <c r="Z11" s="625"/>
    </row>
    <row r="12" spans="1:26" ht="15" customHeight="1" x14ac:dyDescent="0.2">
      <c r="A12" s="625"/>
      <c r="B12" s="874"/>
      <c r="C12" s="625"/>
      <c r="D12" s="625"/>
      <c r="E12" s="625"/>
      <c r="F12" s="625"/>
      <c r="G12" s="625"/>
      <c r="H12" s="625"/>
      <c r="I12" s="625"/>
      <c r="J12" s="625"/>
      <c r="K12" s="625"/>
      <c r="L12" s="625"/>
      <c r="M12" s="625"/>
      <c r="N12" s="625"/>
      <c r="O12" s="625"/>
      <c r="P12" s="625"/>
      <c r="Q12" s="625"/>
      <c r="R12" s="625"/>
      <c r="S12" s="625"/>
      <c r="T12" s="625"/>
      <c r="U12" s="875"/>
      <c r="V12" s="876"/>
      <c r="W12" s="876"/>
      <c r="X12" s="876"/>
      <c r="Y12" s="877"/>
      <c r="Z12" s="625"/>
    </row>
    <row r="13" spans="1:26" ht="15" customHeight="1" x14ac:dyDescent="0.2">
      <c r="A13" s="625"/>
      <c r="B13" s="874"/>
      <c r="C13" s="878" t="s">
        <v>1490</v>
      </c>
      <c r="D13" s="1266" t="s">
        <v>1491</v>
      </c>
      <c r="E13" s="1266"/>
      <c r="F13" s="1266"/>
      <c r="G13" s="1266"/>
      <c r="H13" s="1266"/>
      <c r="I13" s="1266"/>
      <c r="J13" s="1266"/>
      <c r="K13" s="1266"/>
      <c r="L13" s="1266"/>
      <c r="M13" s="1266"/>
      <c r="N13" s="1266"/>
      <c r="O13" s="1266"/>
      <c r="P13" s="1266"/>
      <c r="Q13" s="1266"/>
      <c r="R13" s="1266"/>
      <c r="S13" s="1266"/>
      <c r="T13" s="1267"/>
      <c r="U13" s="875"/>
      <c r="V13" s="876" t="s">
        <v>1400</v>
      </c>
      <c r="W13" s="876" t="s">
        <v>1407</v>
      </c>
      <c r="X13" s="876" t="s">
        <v>1400</v>
      </c>
      <c r="Y13" s="877"/>
      <c r="Z13" s="625"/>
    </row>
    <row r="14" spans="1:26" ht="15" customHeight="1" x14ac:dyDescent="0.2">
      <c r="A14" s="625"/>
      <c r="B14" s="874"/>
      <c r="C14" s="878"/>
      <c r="D14" s="1266"/>
      <c r="E14" s="1266"/>
      <c r="F14" s="1266"/>
      <c r="G14" s="1266"/>
      <c r="H14" s="1266"/>
      <c r="I14" s="1266"/>
      <c r="J14" s="1266"/>
      <c r="K14" s="1266"/>
      <c r="L14" s="1266"/>
      <c r="M14" s="1266"/>
      <c r="N14" s="1266"/>
      <c r="O14" s="1266"/>
      <c r="P14" s="1266"/>
      <c r="Q14" s="1266"/>
      <c r="R14" s="1266"/>
      <c r="S14" s="1266"/>
      <c r="T14" s="1267"/>
      <c r="U14" s="875"/>
      <c r="V14" s="876"/>
      <c r="W14" s="876"/>
      <c r="X14" s="876"/>
      <c r="Y14" s="877"/>
      <c r="Z14" s="625"/>
    </row>
    <row r="15" spans="1:26" ht="7.5" customHeight="1" x14ac:dyDescent="0.2">
      <c r="A15" s="625"/>
      <c r="B15" s="874"/>
      <c r="C15" s="625"/>
      <c r="D15" s="625"/>
      <c r="E15" s="625"/>
      <c r="F15" s="625"/>
      <c r="G15" s="625"/>
      <c r="H15" s="625"/>
      <c r="I15" s="625"/>
      <c r="J15" s="625"/>
      <c r="K15" s="625"/>
      <c r="L15" s="625"/>
      <c r="M15" s="625"/>
      <c r="N15" s="625"/>
      <c r="O15" s="625"/>
      <c r="P15" s="625"/>
      <c r="Q15" s="625"/>
      <c r="R15" s="625"/>
      <c r="S15" s="625"/>
      <c r="T15" s="625"/>
      <c r="U15" s="875"/>
      <c r="V15" s="876"/>
      <c r="W15" s="876"/>
      <c r="X15" s="876"/>
      <c r="Y15" s="877"/>
      <c r="Z15" s="625"/>
    </row>
    <row r="16" spans="1:26" ht="15" customHeight="1" x14ac:dyDescent="0.2">
      <c r="A16" s="625"/>
      <c r="B16" s="874"/>
      <c r="C16" s="1268" t="s">
        <v>1492</v>
      </c>
      <c r="D16" s="1266" t="s">
        <v>1403</v>
      </c>
      <c r="E16" s="1266"/>
      <c r="F16" s="1266"/>
      <c r="G16" s="1266"/>
      <c r="H16" s="1266"/>
      <c r="I16" s="1266"/>
      <c r="J16" s="1266"/>
      <c r="K16" s="1266"/>
      <c r="L16" s="1266"/>
      <c r="M16" s="1266"/>
      <c r="N16" s="1266"/>
      <c r="O16" s="1266"/>
      <c r="P16" s="1266"/>
      <c r="Q16" s="1266"/>
      <c r="R16" s="1266"/>
      <c r="S16" s="1266"/>
      <c r="T16" s="1267"/>
      <c r="U16" s="875"/>
      <c r="V16" s="876" t="s">
        <v>1400</v>
      </c>
      <c r="W16" s="876" t="s">
        <v>1493</v>
      </c>
      <c r="X16" s="876" t="s">
        <v>1400</v>
      </c>
      <c r="Y16" s="877"/>
      <c r="Z16" s="625"/>
    </row>
    <row r="17" spans="1:26" ht="15" customHeight="1" x14ac:dyDescent="0.2">
      <c r="A17" s="625"/>
      <c r="B17" s="874"/>
      <c r="C17" s="1268"/>
      <c r="D17" s="1266"/>
      <c r="E17" s="1266"/>
      <c r="F17" s="1266"/>
      <c r="G17" s="1266"/>
      <c r="H17" s="1266"/>
      <c r="I17" s="1266"/>
      <c r="J17" s="1266"/>
      <c r="K17" s="1266"/>
      <c r="L17" s="1266"/>
      <c r="M17" s="1266"/>
      <c r="N17" s="1266"/>
      <c r="O17" s="1266"/>
      <c r="P17" s="1266"/>
      <c r="Q17" s="1266"/>
      <c r="R17" s="1266"/>
      <c r="S17" s="1266"/>
      <c r="T17" s="1267"/>
      <c r="U17" s="875"/>
      <c r="V17" s="876"/>
      <c r="W17" s="876"/>
      <c r="X17" s="876"/>
      <c r="Y17" s="877"/>
      <c r="Z17" s="625"/>
    </row>
    <row r="18" spans="1:26" ht="7.5" customHeight="1" x14ac:dyDescent="0.2">
      <c r="A18" s="625"/>
      <c r="B18" s="874"/>
      <c r="C18" s="625"/>
      <c r="D18" s="625"/>
      <c r="E18" s="625"/>
      <c r="F18" s="625"/>
      <c r="G18" s="625"/>
      <c r="H18" s="625"/>
      <c r="I18" s="625"/>
      <c r="J18" s="625"/>
      <c r="K18" s="625"/>
      <c r="L18" s="625"/>
      <c r="M18" s="625"/>
      <c r="N18" s="625"/>
      <c r="O18" s="625"/>
      <c r="P18" s="625"/>
      <c r="Q18" s="625"/>
      <c r="R18" s="625"/>
      <c r="S18" s="625"/>
      <c r="T18" s="625"/>
      <c r="U18" s="875"/>
      <c r="V18" s="876"/>
      <c r="W18" s="876"/>
      <c r="X18" s="876"/>
      <c r="Y18" s="877"/>
      <c r="Z18" s="625"/>
    </row>
    <row r="19" spans="1:26" ht="15" customHeight="1" x14ac:dyDescent="0.2">
      <c r="A19" s="625"/>
      <c r="B19" s="874"/>
      <c r="C19" s="625" t="s">
        <v>1494</v>
      </c>
      <c r="D19" s="1269" t="s">
        <v>1495</v>
      </c>
      <c r="E19" s="1269"/>
      <c r="F19" s="1269"/>
      <c r="G19" s="1269"/>
      <c r="H19" s="1269"/>
      <c r="I19" s="1269"/>
      <c r="J19" s="1269"/>
      <c r="K19" s="1269"/>
      <c r="L19" s="1269"/>
      <c r="M19" s="1269"/>
      <c r="N19" s="1269"/>
      <c r="O19" s="1269"/>
      <c r="P19" s="1269"/>
      <c r="Q19" s="1269"/>
      <c r="R19" s="1269"/>
      <c r="S19" s="1269"/>
      <c r="T19" s="1270"/>
      <c r="U19" s="875"/>
      <c r="V19" s="876" t="s">
        <v>1400</v>
      </c>
      <c r="W19" s="876" t="s">
        <v>1496</v>
      </c>
      <c r="X19" s="876" t="s">
        <v>1400</v>
      </c>
      <c r="Y19" s="877"/>
      <c r="Z19" s="625"/>
    </row>
    <row r="20" spans="1:26" ht="7.5" customHeight="1" x14ac:dyDescent="0.2">
      <c r="A20" s="625"/>
      <c r="B20" s="874"/>
      <c r="C20" s="625"/>
      <c r="D20" s="625"/>
      <c r="E20" s="625"/>
      <c r="F20" s="625"/>
      <c r="G20" s="625"/>
      <c r="H20" s="625"/>
      <c r="I20" s="625"/>
      <c r="J20" s="625"/>
      <c r="K20" s="625"/>
      <c r="L20" s="625"/>
      <c r="M20" s="625"/>
      <c r="N20" s="625"/>
      <c r="O20" s="625"/>
      <c r="P20" s="625"/>
      <c r="Q20" s="625"/>
      <c r="R20" s="625"/>
      <c r="S20" s="625"/>
      <c r="T20" s="625"/>
      <c r="U20" s="875"/>
      <c r="V20" s="876"/>
      <c r="W20" s="876"/>
      <c r="X20" s="876"/>
      <c r="Y20" s="877"/>
      <c r="Z20" s="625"/>
    </row>
    <row r="21" spans="1:26" ht="15" customHeight="1" x14ac:dyDescent="0.2">
      <c r="A21" s="625"/>
      <c r="B21" s="874"/>
      <c r="C21" s="870" t="s">
        <v>1497</v>
      </c>
      <c r="D21" s="1271" t="s">
        <v>1498</v>
      </c>
      <c r="E21" s="1271"/>
      <c r="F21" s="1271"/>
      <c r="G21" s="1271"/>
      <c r="H21" s="1271"/>
      <c r="I21" s="1271"/>
      <c r="J21" s="1271"/>
      <c r="K21" s="1271"/>
      <c r="L21" s="1271"/>
      <c r="M21" s="1271"/>
      <c r="N21" s="1271"/>
      <c r="O21" s="1271"/>
      <c r="P21" s="1271"/>
      <c r="Q21" s="1271"/>
      <c r="R21" s="1271"/>
      <c r="S21" s="1271"/>
      <c r="T21" s="1272"/>
      <c r="U21" s="875"/>
      <c r="V21" s="876" t="s">
        <v>1400</v>
      </c>
      <c r="W21" s="876" t="s">
        <v>1499</v>
      </c>
      <c r="X21" s="876" t="s">
        <v>1400</v>
      </c>
      <c r="Y21" s="877"/>
      <c r="Z21" s="625"/>
    </row>
    <row r="22" spans="1:26" ht="7.5" customHeight="1" x14ac:dyDescent="0.2">
      <c r="A22" s="625"/>
      <c r="B22" s="874"/>
      <c r="C22" s="625"/>
      <c r="D22" s="625"/>
      <c r="E22" s="625"/>
      <c r="F22" s="625"/>
      <c r="G22" s="625"/>
      <c r="H22" s="625"/>
      <c r="I22" s="625"/>
      <c r="J22" s="625"/>
      <c r="K22" s="625"/>
      <c r="L22" s="625"/>
      <c r="M22" s="625"/>
      <c r="N22" s="625"/>
      <c r="O22" s="625"/>
      <c r="P22" s="625"/>
      <c r="Q22" s="625"/>
      <c r="R22" s="625"/>
      <c r="S22" s="625"/>
      <c r="T22" s="625"/>
      <c r="U22" s="875"/>
      <c r="V22" s="876"/>
      <c r="W22" s="876"/>
      <c r="X22" s="876"/>
      <c r="Y22" s="877"/>
      <c r="Z22" s="625"/>
    </row>
    <row r="23" spans="1:26" ht="15" customHeight="1" x14ac:dyDescent="0.2">
      <c r="A23" s="625"/>
      <c r="B23" s="874"/>
      <c r="C23" s="625" t="s">
        <v>1408</v>
      </c>
      <c r="D23" s="625" t="s">
        <v>1500</v>
      </c>
      <c r="E23" s="625"/>
      <c r="F23" s="625"/>
      <c r="G23" s="625"/>
      <c r="H23" s="625"/>
      <c r="I23" s="625"/>
      <c r="J23" s="625"/>
      <c r="K23" s="625"/>
      <c r="L23" s="625"/>
      <c r="M23" s="625"/>
      <c r="N23" s="625"/>
      <c r="O23" s="625"/>
      <c r="P23" s="625"/>
      <c r="Q23" s="625"/>
      <c r="R23" s="625"/>
      <c r="S23" s="625"/>
      <c r="T23" s="625"/>
      <c r="U23" s="875"/>
      <c r="V23" s="876" t="s">
        <v>1400</v>
      </c>
      <c r="W23" s="876" t="s">
        <v>1499</v>
      </c>
      <c r="X23" s="876" t="s">
        <v>1400</v>
      </c>
      <c r="Y23" s="877"/>
      <c r="Z23" s="625"/>
    </row>
    <row r="24" spans="1:26" ht="7.5" customHeight="1" x14ac:dyDescent="0.2">
      <c r="A24" s="625"/>
      <c r="B24" s="874"/>
      <c r="C24" s="625"/>
      <c r="D24" s="625"/>
      <c r="E24" s="625"/>
      <c r="F24" s="625"/>
      <c r="G24" s="625"/>
      <c r="H24" s="625"/>
      <c r="I24" s="625"/>
      <c r="J24" s="625"/>
      <c r="K24" s="625"/>
      <c r="L24" s="625"/>
      <c r="M24" s="625"/>
      <c r="N24" s="625"/>
      <c r="O24" s="625"/>
      <c r="P24" s="625"/>
      <c r="Q24" s="625"/>
      <c r="R24" s="625"/>
      <c r="S24" s="625"/>
      <c r="T24" s="625"/>
      <c r="U24" s="875"/>
      <c r="V24" s="876"/>
      <c r="W24" s="876"/>
      <c r="X24" s="876"/>
      <c r="Y24" s="877"/>
      <c r="Z24" s="625"/>
    </row>
    <row r="25" spans="1:26" ht="15" customHeight="1" x14ac:dyDescent="0.2">
      <c r="A25" s="625"/>
      <c r="B25" s="874"/>
      <c r="C25" s="625" t="s">
        <v>1501</v>
      </c>
      <c r="D25" s="625" t="s">
        <v>1502</v>
      </c>
      <c r="E25" s="625"/>
      <c r="F25" s="625"/>
      <c r="G25" s="625"/>
      <c r="H25" s="625"/>
      <c r="I25" s="625"/>
      <c r="J25" s="625"/>
      <c r="K25" s="625"/>
      <c r="L25" s="625"/>
      <c r="M25" s="625"/>
      <c r="N25" s="625"/>
      <c r="O25" s="625"/>
      <c r="P25" s="625"/>
      <c r="Q25" s="625"/>
      <c r="R25" s="625"/>
      <c r="S25" s="625"/>
      <c r="T25" s="625"/>
      <c r="U25" s="875"/>
      <c r="V25" s="876" t="s">
        <v>1400</v>
      </c>
      <c r="W25" s="876" t="s">
        <v>1496</v>
      </c>
      <c r="X25" s="876" t="s">
        <v>1400</v>
      </c>
      <c r="Y25" s="877"/>
      <c r="Z25" s="625"/>
    </row>
    <row r="26" spans="1:26" ht="7.5" customHeight="1" x14ac:dyDescent="0.2">
      <c r="A26" s="625"/>
      <c r="B26" s="874"/>
      <c r="C26" s="625"/>
      <c r="D26" s="625"/>
      <c r="E26" s="625"/>
      <c r="F26" s="625"/>
      <c r="G26" s="625"/>
      <c r="H26" s="625"/>
      <c r="I26" s="625"/>
      <c r="J26" s="625"/>
      <c r="K26" s="625"/>
      <c r="L26" s="625"/>
      <c r="M26" s="625"/>
      <c r="N26" s="625"/>
      <c r="O26" s="625"/>
      <c r="P26" s="625"/>
      <c r="Q26" s="625"/>
      <c r="R26" s="625"/>
      <c r="S26" s="625"/>
      <c r="T26" s="625"/>
      <c r="U26" s="875"/>
      <c r="V26" s="876"/>
      <c r="W26" s="876"/>
      <c r="X26" s="876"/>
      <c r="Y26" s="877"/>
      <c r="Z26" s="625"/>
    </row>
    <row r="27" spans="1:26" ht="15" customHeight="1" x14ac:dyDescent="0.2">
      <c r="A27" s="625"/>
      <c r="B27" s="874"/>
      <c r="C27" s="625" t="s">
        <v>1503</v>
      </c>
      <c r="D27" s="1271" t="s">
        <v>1504</v>
      </c>
      <c r="E27" s="1271"/>
      <c r="F27" s="1271"/>
      <c r="G27" s="1271"/>
      <c r="H27" s="1271"/>
      <c r="I27" s="1271"/>
      <c r="J27" s="1271"/>
      <c r="K27" s="1271"/>
      <c r="L27" s="1271"/>
      <c r="M27" s="1271"/>
      <c r="N27" s="1271"/>
      <c r="O27" s="1271"/>
      <c r="P27" s="1271"/>
      <c r="Q27" s="1271"/>
      <c r="R27" s="1271"/>
      <c r="S27" s="1271"/>
      <c r="T27" s="1272"/>
      <c r="U27" s="875"/>
      <c r="V27" s="876" t="s">
        <v>1400</v>
      </c>
      <c r="W27" s="876" t="s">
        <v>1505</v>
      </c>
      <c r="X27" s="876" t="s">
        <v>1400</v>
      </c>
      <c r="Y27" s="877"/>
      <c r="Z27" s="625"/>
    </row>
    <row r="28" spans="1:26" ht="15" customHeight="1" x14ac:dyDescent="0.2">
      <c r="A28" s="625"/>
      <c r="B28" s="874"/>
      <c r="C28" s="625" t="s">
        <v>1506</v>
      </c>
      <c r="D28" s="1271"/>
      <c r="E28" s="1271"/>
      <c r="F28" s="1271"/>
      <c r="G28" s="1271"/>
      <c r="H28" s="1271"/>
      <c r="I28" s="1271"/>
      <c r="J28" s="1271"/>
      <c r="K28" s="1271"/>
      <c r="L28" s="1271"/>
      <c r="M28" s="1271"/>
      <c r="N28" s="1271"/>
      <c r="O28" s="1271"/>
      <c r="P28" s="1271"/>
      <c r="Q28" s="1271"/>
      <c r="R28" s="1271"/>
      <c r="S28" s="1271"/>
      <c r="T28" s="1272"/>
      <c r="U28" s="875"/>
      <c r="V28" s="876"/>
      <c r="W28" s="876"/>
      <c r="X28" s="876"/>
      <c r="Y28" s="877"/>
      <c r="Z28" s="625"/>
    </row>
    <row r="29" spans="1:26" ht="15" customHeight="1" x14ac:dyDescent="0.2">
      <c r="A29" s="625"/>
      <c r="B29" s="874"/>
      <c r="C29" s="625"/>
      <c r="D29" s="625"/>
      <c r="E29" s="625"/>
      <c r="F29" s="625"/>
      <c r="G29" s="625"/>
      <c r="H29" s="625"/>
      <c r="I29" s="625"/>
      <c r="J29" s="625"/>
      <c r="K29" s="625"/>
      <c r="L29" s="625"/>
      <c r="M29" s="625"/>
      <c r="N29" s="625"/>
      <c r="O29" s="625"/>
      <c r="P29" s="625"/>
      <c r="Q29" s="625"/>
      <c r="R29" s="625"/>
      <c r="S29" s="625"/>
      <c r="T29" s="625"/>
      <c r="U29" s="875"/>
      <c r="V29" s="876"/>
      <c r="W29" s="876"/>
      <c r="X29" s="876"/>
      <c r="Y29" s="877"/>
      <c r="Z29" s="625"/>
    </row>
    <row r="30" spans="1:26" ht="15" customHeight="1" x14ac:dyDescent="0.2">
      <c r="A30" s="625"/>
      <c r="B30" s="874" t="s">
        <v>103</v>
      </c>
      <c r="C30" s="625"/>
      <c r="D30" s="625"/>
      <c r="E30" s="625"/>
      <c r="F30" s="625"/>
      <c r="G30" s="625"/>
      <c r="H30" s="625"/>
      <c r="I30" s="625"/>
      <c r="J30" s="625"/>
      <c r="K30" s="625"/>
      <c r="L30" s="625"/>
      <c r="M30" s="625"/>
      <c r="N30" s="625"/>
      <c r="O30" s="625"/>
      <c r="P30" s="625"/>
      <c r="Q30" s="625"/>
      <c r="R30" s="625"/>
      <c r="S30" s="625"/>
      <c r="T30" s="625"/>
      <c r="U30" s="1263"/>
      <c r="V30" s="1264"/>
      <c r="W30" s="1264"/>
      <c r="X30" s="1264"/>
      <c r="Y30" s="1265"/>
      <c r="Z30" s="625"/>
    </row>
    <row r="31" spans="1:26" ht="15" customHeight="1" x14ac:dyDescent="0.2">
      <c r="A31" s="625"/>
      <c r="B31" s="874"/>
      <c r="C31" s="625"/>
      <c r="D31" s="625"/>
      <c r="E31" s="625"/>
      <c r="F31" s="625"/>
      <c r="G31" s="625"/>
      <c r="H31" s="625"/>
      <c r="I31" s="625"/>
      <c r="J31" s="625"/>
      <c r="K31" s="625"/>
      <c r="L31" s="625"/>
      <c r="M31" s="625"/>
      <c r="N31" s="625"/>
      <c r="O31" s="625"/>
      <c r="P31" s="625"/>
      <c r="Q31" s="625"/>
      <c r="R31" s="625"/>
      <c r="S31" s="625"/>
      <c r="T31" s="625"/>
      <c r="U31" s="875"/>
      <c r="V31" s="876"/>
      <c r="W31" s="876"/>
      <c r="X31" s="876"/>
      <c r="Y31" s="877"/>
      <c r="Z31" s="625"/>
    </row>
    <row r="32" spans="1:26" ht="15" customHeight="1" x14ac:dyDescent="0.2">
      <c r="A32" s="625"/>
      <c r="B32" s="874"/>
      <c r="C32" s="625" t="s">
        <v>1507</v>
      </c>
      <c r="D32" s="625"/>
      <c r="E32" s="625"/>
      <c r="F32" s="625"/>
      <c r="G32" s="625"/>
      <c r="H32" s="625"/>
      <c r="I32" s="625"/>
      <c r="J32" s="625"/>
      <c r="K32" s="625"/>
      <c r="L32" s="625"/>
      <c r="M32" s="625"/>
      <c r="N32" s="625"/>
      <c r="O32" s="625"/>
      <c r="P32" s="625"/>
      <c r="Q32" s="625"/>
      <c r="R32" s="625"/>
      <c r="S32" s="625"/>
      <c r="T32" s="625"/>
      <c r="U32" s="875"/>
      <c r="V32" s="876"/>
      <c r="W32" s="876"/>
      <c r="X32" s="876"/>
      <c r="Y32" s="877"/>
      <c r="Z32" s="625"/>
    </row>
    <row r="33" spans="1:26" ht="15" customHeight="1" x14ac:dyDescent="0.2">
      <c r="A33" s="625"/>
      <c r="B33" s="874"/>
      <c r="C33" s="1271" t="s">
        <v>1508</v>
      </c>
      <c r="D33" s="1271"/>
      <c r="E33" s="1271"/>
      <c r="F33" s="1271"/>
      <c r="G33" s="1271"/>
      <c r="H33" s="1271"/>
      <c r="I33" s="1271"/>
      <c r="J33" s="1271"/>
      <c r="K33" s="1271"/>
      <c r="L33" s="1271"/>
      <c r="M33" s="1271"/>
      <c r="N33" s="1271"/>
      <c r="O33" s="1271"/>
      <c r="P33" s="1271"/>
      <c r="Q33" s="1271"/>
      <c r="R33" s="1271"/>
      <c r="S33" s="1271"/>
      <c r="T33" s="1272"/>
      <c r="U33" s="875"/>
      <c r="V33" s="876"/>
      <c r="W33" s="876"/>
      <c r="X33" s="876"/>
      <c r="Y33" s="877"/>
      <c r="Z33" s="625"/>
    </row>
    <row r="34" spans="1:26" ht="15" customHeight="1" x14ac:dyDescent="0.2">
      <c r="A34" s="625"/>
      <c r="B34" s="874"/>
      <c r="C34" s="1271"/>
      <c r="D34" s="1271"/>
      <c r="E34" s="1271"/>
      <c r="F34" s="1271"/>
      <c r="G34" s="1271"/>
      <c r="H34" s="1271"/>
      <c r="I34" s="1271"/>
      <c r="J34" s="1271"/>
      <c r="K34" s="1271"/>
      <c r="L34" s="1271"/>
      <c r="M34" s="1271"/>
      <c r="N34" s="1271"/>
      <c r="O34" s="1271"/>
      <c r="P34" s="1271"/>
      <c r="Q34" s="1271"/>
      <c r="R34" s="1271"/>
      <c r="S34" s="1271"/>
      <c r="T34" s="1272"/>
      <c r="U34" s="875"/>
      <c r="V34" s="876"/>
      <c r="W34" s="876"/>
      <c r="X34" s="876"/>
      <c r="Y34" s="877"/>
      <c r="Z34" s="625"/>
    </row>
    <row r="35" spans="1:26" ht="7.5" customHeight="1" x14ac:dyDescent="0.2">
      <c r="A35" s="625"/>
      <c r="B35" s="874"/>
      <c r="C35" s="625"/>
      <c r="D35" s="879"/>
      <c r="E35" s="879"/>
      <c r="F35" s="879"/>
      <c r="G35" s="879"/>
      <c r="H35" s="879"/>
      <c r="I35" s="879"/>
      <c r="J35" s="879"/>
      <c r="K35" s="879"/>
      <c r="L35" s="879"/>
      <c r="M35" s="879"/>
      <c r="N35" s="879"/>
      <c r="O35" s="879"/>
      <c r="P35" s="879"/>
      <c r="Q35" s="879"/>
      <c r="R35" s="879"/>
      <c r="S35" s="879"/>
      <c r="T35" s="879"/>
      <c r="U35" s="875"/>
      <c r="V35" s="876"/>
      <c r="W35" s="876"/>
      <c r="X35" s="876"/>
      <c r="Y35" s="877"/>
      <c r="Z35" s="625"/>
    </row>
    <row r="36" spans="1:26" ht="30" customHeight="1" x14ac:dyDescent="0.2">
      <c r="A36" s="625"/>
      <c r="B36" s="874"/>
      <c r="C36" s="880"/>
      <c r="D36" s="1255"/>
      <c r="E36" s="1256"/>
      <c r="F36" s="1256"/>
      <c r="G36" s="1256"/>
      <c r="H36" s="1256"/>
      <c r="I36" s="1256"/>
      <c r="J36" s="1256"/>
      <c r="K36" s="1257"/>
      <c r="L36" s="1258" t="s">
        <v>104</v>
      </c>
      <c r="M36" s="1259"/>
      <c r="N36" s="1260"/>
      <c r="O36" s="1258" t="s">
        <v>105</v>
      </c>
      <c r="P36" s="1261"/>
      <c r="Q36" s="1262"/>
      <c r="R36" s="881"/>
      <c r="S36" s="881"/>
      <c r="T36" s="881"/>
      <c r="U36" s="875"/>
      <c r="V36" s="876"/>
      <c r="W36" s="876"/>
      <c r="X36" s="876"/>
      <c r="Y36" s="877"/>
      <c r="Z36" s="625"/>
    </row>
    <row r="37" spans="1:26" ht="54" customHeight="1" x14ac:dyDescent="0.2">
      <c r="A37" s="625"/>
      <c r="B37" s="874"/>
      <c r="C37" s="882" t="s">
        <v>1509</v>
      </c>
      <c r="D37" s="1273" t="s">
        <v>392</v>
      </c>
      <c r="E37" s="1273"/>
      <c r="F37" s="1273"/>
      <c r="G37" s="1273"/>
      <c r="H37" s="1273"/>
      <c r="I37" s="1273"/>
      <c r="J37" s="1273"/>
      <c r="K37" s="1273"/>
      <c r="L37" s="1274" t="s">
        <v>69</v>
      </c>
      <c r="M37" s="1275"/>
      <c r="N37" s="1276"/>
      <c r="O37" s="1277" t="s">
        <v>107</v>
      </c>
      <c r="P37" s="1277"/>
      <c r="Q37" s="1277"/>
      <c r="R37" s="859"/>
      <c r="S37" s="859"/>
      <c r="T37" s="859"/>
      <c r="U37" s="1263" t="s">
        <v>1510</v>
      </c>
      <c r="V37" s="1264"/>
      <c r="W37" s="1264"/>
      <c r="X37" s="1264"/>
      <c r="Y37" s="1265"/>
      <c r="Z37" s="625"/>
    </row>
    <row r="38" spans="1:26" ht="54" customHeight="1" x14ac:dyDescent="0.2">
      <c r="A38" s="625"/>
      <c r="B38" s="874"/>
      <c r="C38" s="882" t="s">
        <v>108</v>
      </c>
      <c r="D38" s="1273" t="s">
        <v>1419</v>
      </c>
      <c r="E38" s="1273"/>
      <c r="F38" s="1273"/>
      <c r="G38" s="1273"/>
      <c r="H38" s="1273"/>
      <c r="I38" s="1273"/>
      <c r="J38" s="1273"/>
      <c r="K38" s="1273"/>
      <c r="L38" s="1274" t="s">
        <v>69</v>
      </c>
      <c r="M38" s="1275"/>
      <c r="N38" s="1276"/>
      <c r="O38" s="1278"/>
      <c r="P38" s="1278"/>
      <c r="Q38" s="1278"/>
      <c r="R38" s="883"/>
      <c r="S38" s="1279" t="s">
        <v>1420</v>
      </c>
      <c r="T38" s="1280"/>
      <c r="U38" s="875"/>
      <c r="V38" s="876" t="s">
        <v>1400</v>
      </c>
      <c r="W38" s="876" t="s">
        <v>1425</v>
      </c>
      <c r="X38" s="876" t="s">
        <v>1400</v>
      </c>
      <c r="Y38" s="877"/>
      <c r="Z38" s="625"/>
    </row>
    <row r="39" spans="1:26" ht="54" customHeight="1" x14ac:dyDescent="0.2">
      <c r="A39" s="625"/>
      <c r="B39" s="874"/>
      <c r="C39" s="882" t="s">
        <v>109</v>
      </c>
      <c r="D39" s="1273" t="s">
        <v>1470</v>
      </c>
      <c r="E39" s="1273"/>
      <c r="F39" s="1273"/>
      <c r="G39" s="1273"/>
      <c r="H39" s="1273"/>
      <c r="I39" s="1273"/>
      <c r="J39" s="1273"/>
      <c r="K39" s="1273"/>
      <c r="L39" s="1277" t="s">
        <v>69</v>
      </c>
      <c r="M39" s="1277"/>
      <c r="N39" s="1277"/>
      <c r="O39" s="1278"/>
      <c r="P39" s="1278"/>
      <c r="Q39" s="1278"/>
      <c r="R39" s="883"/>
      <c r="S39" s="1279" t="s">
        <v>1424</v>
      </c>
      <c r="T39" s="1280"/>
      <c r="U39" s="875"/>
      <c r="V39" s="876" t="s">
        <v>1400</v>
      </c>
      <c r="W39" s="876" t="s">
        <v>1499</v>
      </c>
      <c r="X39" s="876" t="s">
        <v>1400</v>
      </c>
      <c r="Y39" s="877"/>
      <c r="Z39" s="625"/>
    </row>
    <row r="40" spans="1:26" ht="54" customHeight="1" x14ac:dyDescent="0.2">
      <c r="A40" s="625"/>
      <c r="B40" s="874"/>
      <c r="C40" s="882" t="s">
        <v>1511</v>
      </c>
      <c r="D40" s="1273" t="s">
        <v>1512</v>
      </c>
      <c r="E40" s="1273"/>
      <c r="F40" s="1273"/>
      <c r="G40" s="1273"/>
      <c r="H40" s="1273"/>
      <c r="I40" s="1273"/>
      <c r="J40" s="1273"/>
      <c r="K40" s="1273"/>
      <c r="L40" s="1281"/>
      <c r="M40" s="1281"/>
      <c r="N40" s="1281"/>
      <c r="O40" s="1277" t="s">
        <v>107</v>
      </c>
      <c r="P40" s="1277"/>
      <c r="Q40" s="1277"/>
      <c r="R40" s="884"/>
      <c r="S40" s="1279" t="s">
        <v>1427</v>
      </c>
      <c r="T40" s="1280"/>
      <c r="U40" s="875"/>
      <c r="V40" s="876" t="s">
        <v>1400</v>
      </c>
      <c r="W40" s="876" t="s">
        <v>1425</v>
      </c>
      <c r="X40" s="876" t="s">
        <v>1400</v>
      </c>
      <c r="Y40" s="877"/>
      <c r="Z40" s="625"/>
    </row>
    <row r="41" spans="1:26" ht="54" customHeight="1" x14ac:dyDescent="0.2">
      <c r="A41" s="625"/>
      <c r="B41" s="874"/>
      <c r="C41" s="882" t="s">
        <v>1513</v>
      </c>
      <c r="D41" s="1273" t="s">
        <v>1514</v>
      </c>
      <c r="E41" s="1273"/>
      <c r="F41" s="1273"/>
      <c r="G41" s="1273"/>
      <c r="H41" s="1273"/>
      <c r="I41" s="1273"/>
      <c r="J41" s="1273"/>
      <c r="K41" s="1273"/>
      <c r="L41" s="1277" t="s">
        <v>69</v>
      </c>
      <c r="M41" s="1277"/>
      <c r="N41" s="1277"/>
      <c r="O41" s="1277" t="s">
        <v>107</v>
      </c>
      <c r="P41" s="1277"/>
      <c r="Q41" s="1277"/>
      <c r="R41" s="884"/>
      <c r="S41" s="1279" t="s">
        <v>1515</v>
      </c>
      <c r="T41" s="1280"/>
      <c r="U41" s="875"/>
      <c r="V41" s="876" t="s">
        <v>1400</v>
      </c>
      <c r="W41" s="876" t="s">
        <v>1428</v>
      </c>
      <c r="X41" s="876" t="s">
        <v>1400</v>
      </c>
      <c r="Y41" s="877"/>
      <c r="Z41" s="625"/>
    </row>
    <row r="42" spans="1:26" ht="54" customHeight="1" x14ac:dyDescent="0.2">
      <c r="A42" s="625"/>
      <c r="B42" s="874"/>
      <c r="C42" s="885" t="s">
        <v>1516</v>
      </c>
      <c r="D42" s="1214" t="s">
        <v>1517</v>
      </c>
      <c r="E42" s="1214"/>
      <c r="F42" s="1214"/>
      <c r="G42" s="1214"/>
      <c r="H42" s="1214"/>
      <c r="I42" s="1214"/>
      <c r="J42" s="1214"/>
      <c r="K42" s="1214"/>
      <c r="L42" s="1223" t="s">
        <v>69</v>
      </c>
      <c r="M42" s="1224"/>
      <c r="N42" s="1225"/>
      <c r="O42" s="1218" t="s">
        <v>107</v>
      </c>
      <c r="P42" s="1218"/>
      <c r="Q42" s="1218"/>
      <c r="R42" s="854"/>
      <c r="S42" s="1220" t="s">
        <v>1518</v>
      </c>
      <c r="T42" s="1221"/>
      <c r="U42" s="875"/>
      <c r="V42" s="876" t="s">
        <v>1400</v>
      </c>
      <c r="W42" s="876" t="s">
        <v>1425</v>
      </c>
      <c r="X42" s="876" t="s">
        <v>1400</v>
      </c>
      <c r="Y42" s="877"/>
      <c r="Z42" s="625"/>
    </row>
    <row r="43" spans="1:26" ht="15" customHeight="1" x14ac:dyDescent="0.2">
      <c r="A43" s="625"/>
      <c r="B43" s="874"/>
      <c r="C43" s="625"/>
      <c r="D43" s="625"/>
      <c r="E43" s="625"/>
      <c r="F43" s="625"/>
      <c r="G43" s="625"/>
      <c r="H43" s="625"/>
      <c r="I43" s="625"/>
      <c r="J43" s="625"/>
      <c r="K43" s="625"/>
      <c r="L43" s="625"/>
      <c r="M43" s="625"/>
      <c r="N43" s="625"/>
      <c r="O43" s="625"/>
      <c r="P43" s="625"/>
      <c r="Q43" s="625"/>
      <c r="R43" s="625"/>
      <c r="S43" s="625"/>
      <c r="T43" s="625"/>
      <c r="U43" s="875"/>
      <c r="V43" s="876"/>
      <c r="W43" s="876"/>
      <c r="X43" s="876"/>
      <c r="Y43" s="877"/>
      <c r="Z43" s="625"/>
    </row>
    <row r="44" spans="1:26" ht="15" customHeight="1" x14ac:dyDescent="0.2">
      <c r="A44" s="625"/>
      <c r="B44" s="874"/>
      <c r="C44" s="625" t="s">
        <v>1429</v>
      </c>
      <c r="D44" s="625"/>
      <c r="E44" s="625"/>
      <c r="F44" s="625"/>
      <c r="G44" s="625"/>
      <c r="H44" s="625"/>
      <c r="I44" s="625"/>
      <c r="J44" s="625"/>
      <c r="K44" s="625"/>
      <c r="L44" s="625"/>
      <c r="M44" s="625"/>
      <c r="N44" s="625"/>
      <c r="O44" s="625"/>
      <c r="P44" s="625"/>
      <c r="Q44" s="625"/>
      <c r="R44" s="625"/>
      <c r="S44" s="625"/>
      <c r="T44" s="625"/>
      <c r="U44" s="1263" t="s">
        <v>1519</v>
      </c>
      <c r="V44" s="1264"/>
      <c r="W44" s="1264"/>
      <c r="X44" s="1264"/>
      <c r="Y44" s="1265"/>
      <c r="Z44" s="625"/>
    </row>
    <row r="45" spans="1:26" ht="15" customHeight="1" x14ac:dyDescent="0.2">
      <c r="A45" s="625"/>
      <c r="B45" s="874"/>
      <c r="C45" s="625"/>
      <c r="D45" s="625"/>
      <c r="E45" s="625"/>
      <c r="F45" s="625"/>
      <c r="G45" s="625"/>
      <c r="H45" s="625"/>
      <c r="I45" s="625"/>
      <c r="J45" s="625"/>
      <c r="K45" s="625"/>
      <c r="L45" s="625"/>
      <c r="M45" s="625"/>
      <c r="N45" s="625"/>
      <c r="O45" s="625"/>
      <c r="P45" s="625"/>
      <c r="Q45" s="625"/>
      <c r="R45" s="625"/>
      <c r="S45" s="625"/>
      <c r="T45" s="625"/>
      <c r="U45" s="875"/>
      <c r="V45" s="876"/>
      <c r="W45" s="876"/>
      <c r="X45" s="876"/>
      <c r="Y45" s="877"/>
      <c r="Z45" s="625"/>
    </row>
    <row r="46" spans="1:26" ht="45" customHeight="1" x14ac:dyDescent="0.2">
      <c r="A46" s="625"/>
      <c r="B46" s="874"/>
      <c r="C46" s="859" t="s">
        <v>1520</v>
      </c>
      <c r="D46" s="1266" t="s">
        <v>1521</v>
      </c>
      <c r="E46" s="1266"/>
      <c r="F46" s="1266"/>
      <c r="G46" s="1266"/>
      <c r="H46" s="1266"/>
      <c r="I46" s="1266"/>
      <c r="J46" s="1266"/>
      <c r="K46" s="1266"/>
      <c r="L46" s="1266"/>
      <c r="M46" s="1266"/>
      <c r="N46" s="1266"/>
      <c r="O46" s="1266"/>
      <c r="P46" s="1266"/>
      <c r="Q46" s="1266"/>
      <c r="R46" s="1266"/>
      <c r="S46" s="1266"/>
      <c r="T46" s="1267"/>
      <c r="U46" s="875"/>
      <c r="V46" s="876" t="s">
        <v>1400</v>
      </c>
      <c r="W46" s="876" t="s">
        <v>1425</v>
      </c>
      <c r="X46" s="876" t="s">
        <v>1400</v>
      </c>
      <c r="Y46" s="877"/>
      <c r="Z46" s="625"/>
    </row>
    <row r="47" spans="1:26" ht="30" customHeight="1" x14ac:dyDescent="0.2">
      <c r="A47" s="625"/>
      <c r="B47" s="874"/>
      <c r="C47" s="859" t="s">
        <v>1522</v>
      </c>
      <c r="D47" s="1266" t="s">
        <v>1523</v>
      </c>
      <c r="E47" s="1266"/>
      <c r="F47" s="1266"/>
      <c r="G47" s="1266"/>
      <c r="H47" s="1266"/>
      <c r="I47" s="1266"/>
      <c r="J47" s="1266"/>
      <c r="K47" s="1266"/>
      <c r="L47" s="1266"/>
      <c r="M47" s="1266"/>
      <c r="N47" s="1266"/>
      <c r="O47" s="1266"/>
      <c r="P47" s="1266"/>
      <c r="Q47" s="1266"/>
      <c r="R47" s="1266"/>
      <c r="S47" s="1266"/>
      <c r="T47" s="1267"/>
      <c r="U47" s="875"/>
      <c r="V47" s="876" t="s">
        <v>1400</v>
      </c>
      <c r="W47" s="876" t="s">
        <v>1499</v>
      </c>
      <c r="X47" s="876" t="s">
        <v>1400</v>
      </c>
      <c r="Y47" s="877"/>
      <c r="Z47" s="625"/>
    </row>
    <row r="48" spans="1:26" ht="45" customHeight="1" x14ac:dyDescent="0.2">
      <c r="A48" s="625"/>
      <c r="B48" s="874"/>
      <c r="C48" s="859" t="s">
        <v>1524</v>
      </c>
      <c r="D48" s="1266" t="s">
        <v>1525</v>
      </c>
      <c r="E48" s="1266"/>
      <c r="F48" s="1266"/>
      <c r="G48" s="1266"/>
      <c r="H48" s="1266"/>
      <c r="I48" s="1266"/>
      <c r="J48" s="1266"/>
      <c r="K48" s="1266"/>
      <c r="L48" s="1266"/>
      <c r="M48" s="1266"/>
      <c r="N48" s="1266"/>
      <c r="O48" s="1266"/>
      <c r="P48" s="1266"/>
      <c r="Q48" s="1266"/>
      <c r="R48" s="1266"/>
      <c r="S48" s="1266"/>
      <c r="T48" s="1267"/>
      <c r="U48" s="875"/>
      <c r="V48" s="876" t="s">
        <v>1400</v>
      </c>
      <c r="W48" s="876" t="s">
        <v>1425</v>
      </c>
      <c r="X48" s="876" t="s">
        <v>1400</v>
      </c>
      <c r="Y48" s="877"/>
      <c r="Z48" s="625"/>
    </row>
    <row r="49" spans="1:26" ht="7.5" customHeight="1" x14ac:dyDescent="0.2">
      <c r="A49" s="625"/>
      <c r="B49" s="874"/>
      <c r="C49" s="879"/>
      <c r="D49" s="879"/>
      <c r="E49" s="879"/>
      <c r="F49" s="879"/>
      <c r="G49" s="879"/>
      <c r="H49" s="879"/>
      <c r="I49" s="879"/>
      <c r="J49" s="879"/>
      <c r="K49" s="879"/>
      <c r="L49" s="879"/>
      <c r="M49" s="879"/>
      <c r="N49" s="879"/>
      <c r="O49" s="879"/>
      <c r="P49" s="879"/>
      <c r="Q49" s="879"/>
      <c r="R49" s="879"/>
      <c r="S49" s="879"/>
      <c r="T49" s="879"/>
      <c r="U49" s="875"/>
      <c r="V49" s="876"/>
      <c r="W49" s="876"/>
      <c r="X49" s="876"/>
      <c r="Y49" s="877"/>
      <c r="Z49" s="625"/>
    </row>
    <row r="50" spans="1:26" ht="26.25" customHeight="1" x14ac:dyDescent="0.2">
      <c r="A50" s="625"/>
      <c r="B50" s="874"/>
      <c r="C50" s="1282" t="s">
        <v>110</v>
      </c>
      <c r="D50" s="1259"/>
      <c r="E50" s="1259"/>
      <c r="F50" s="1259"/>
      <c r="G50" s="1259"/>
      <c r="H50" s="1260"/>
      <c r="I50" s="1283" t="s">
        <v>107</v>
      </c>
      <c r="J50" s="1284"/>
      <c r="K50" s="875"/>
      <c r="L50" s="1282" t="s">
        <v>1526</v>
      </c>
      <c r="M50" s="1259"/>
      <c r="N50" s="1259"/>
      <c r="O50" s="1259"/>
      <c r="P50" s="1259"/>
      <c r="Q50" s="1260"/>
      <c r="R50" s="1283" t="s">
        <v>69</v>
      </c>
      <c r="S50" s="1284"/>
      <c r="T50" s="625"/>
      <c r="U50" s="875"/>
      <c r="V50" s="876"/>
      <c r="W50" s="876"/>
      <c r="X50" s="876"/>
      <c r="Y50" s="877"/>
      <c r="Z50" s="625"/>
    </row>
    <row r="51" spans="1:26" ht="7.5" customHeight="1" x14ac:dyDescent="0.2">
      <c r="A51" s="625"/>
      <c r="B51" s="874"/>
      <c r="C51" s="625"/>
      <c r="D51" s="625"/>
      <c r="E51" s="625"/>
      <c r="F51" s="625"/>
      <c r="G51" s="625"/>
      <c r="H51" s="625"/>
      <c r="I51" s="625"/>
      <c r="J51" s="625"/>
      <c r="K51" s="625"/>
      <c r="L51" s="625"/>
      <c r="M51" s="625"/>
      <c r="N51" s="625"/>
      <c r="O51" s="625"/>
      <c r="P51" s="625"/>
      <c r="Q51" s="625"/>
      <c r="R51" s="625"/>
      <c r="S51" s="625"/>
      <c r="T51" s="625"/>
      <c r="U51" s="875"/>
      <c r="V51" s="876"/>
      <c r="W51" s="876"/>
      <c r="X51" s="876"/>
      <c r="Y51" s="877"/>
      <c r="Z51" s="625"/>
    </row>
    <row r="52" spans="1:26" ht="22.5" customHeight="1" x14ac:dyDescent="0.2">
      <c r="A52" s="625"/>
      <c r="B52" s="874"/>
      <c r="C52" s="1285"/>
      <c r="D52" s="1286"/>
      <c r="E52" s="1286"/>
      <c r="F52" s="1286"/>
      <c r="G52" s="1286"/>
      <c r="H52" s="1286"/>
      <c r="I52" s="1287"/>
      <c r="J52" s="1288" t="s">
        <v>112</v>
      </c>
      <c r="K52" s="1288"/>
      <c r="L52" s="1288"/>
      <c r="M52" s="1288"/>
      <c r="N52" s="1288"/>
      <c r="O52" s="1288" t="s">
        <v>113</v>
      </c>
      <c r="P52" s="1288"/>
      <c r="Q52" s="1288"/>
      <c r="R52" s="1288"/>
      <c r="S52" s="1288"/>
      <c r="T52" s="625"/>
      <c r="U52" s="875"/>
      <c r="V52" s="876"/>
      <c r="W52" s="876"/>
      <c r="X52" s="876"/>
      <c r="Y52" s="877"/>
      <c r="Z52" s="625"/>
    </row>
    <row r="53" spans="1:26" ht="22.5" customHeight="1" x14ac:dyDescent="0.2">
      <c r="A53" s="625"/>
      <c r="B53" s="874"/>
      <c r="C53" s="1289" t="s">
        <v>114</v>
      </c>
      <c r="D53" s="1290"/>
      <c r="E53" s="1290"/>
      <c r="F53" s="1290"/>
      <c r="G53" s="1290"/>
      <c r="H53" s="1291"/>
      <c r="I53" s="886" t="s">
        <v>51</v>
      </c>
      <c r="J53" s="1277" t="s">
        <v>69</v>
      </c>
      <c r="K53" s="1277"/>
      <c r="L53" s="1277"/>
      <c r="M53" s="1277"/>
      <c r="N53" s="1277"/>
      <c r="O53" s="1281"/>
      <c r="P53" s="1281"/>
      <c r="Q53" s="1281"/>
      <c r="R53" s="1281"/>
      <c r="S53" s="1281"/>
      <c r="T53" s="625"/>
      <c r="U53" s="875"/>
      <c r="V53" s="876"/>
      <c r="W53" s="876"/>
      <c r="X53" s="876"/>
      <c r="Y53" s="877"/>
      <c r="Z53" s="625"/>
    </row>
    <row r="54" spans="1:26" ht="22.5" customHeight="1" x14ac:dyDescent="0.2">
      <c r="A54" s="625"/>
      <c r="B54" s="874"/>
      <c r="C54" s="1292"/>
      <c r="D54" s="1293"/>
      <c r="E54" s="1293"/>
      <c r="F54" s="1293"/>
      <c r="G54" s="1293"/>
      <c r="H54" s="1294"/>
      <c r="I54" s="886" t="s">
        <v>50</v>
      </c>
      <c r="J54" s="1277" t="s">
        <v>69</v>
      </c>
      <c r="K54" s="1277"/>
      <c r="L54" s="1277"/>
      <c r="M54" s="1277"/>
      <c r="N54" s="1277"/>
      <c r="O54" s="1277" t="s">
        <v>69</v>
      </c>
      <c r="P54" s="1277"/>
      <c r="Q54" s="1277"/>
      <c r="R54" s="1277"/>
      <c r="S54" s="1277"/>
      <c r="T54" s="625"/>
      <c r="U54" s="875"/>
      <c r="V54" s="876"/>
      <c r="W54" s="876"/>
      <c r="X54" s="876"/>
      <c r="Y54" s="877"/>
      <c r="Z54" s="625"/>
    </row>
    <row r="55" spans="1:26" ht="15" customHeight="1" x14ac:dyDescent="0.2">
      <c r="A55" s="625"/>
      <c r="B55" s="874"/>
      <c r="C55" s="625"/>
      <c r="D55" s="625"/>
      <c r="E55" s="625"/>
      <c r="F55" s="625"/>
      <c r="G55" s="625"/>
      <c r="H55" s="625"/>
      <c r="I55" s="625"/>
      <c r="J55" s="625"/>
      <c r="K55" s="625"/>
      <c r="L55" s="625"/>
      <c r="M55" s="625"/>
      <c r="N55" s="625"/>
      <c r="O55" s="625"/>
      <c r="P55" s="625"/>
      <c r="Q55" s="625"/>
      <c r="R55" s="625"/>
      <c r="S55" s="625"/>
      <c r="T55" s="625"/>
      <c r="U55" s="875"/>
      <c r="V55" s="876"/>
      <c r="W55" s="876"/>
      <c r="X55" s="876"/>
      <c r="Y55" s="877"/>
      <c r="Z55" s="625"/>
    </row>
    <row r="56" spans="1:26" ht="15" customHeight="1" x14ac:dyDescent="0.2">
      <c r="A56" s="625"/>
      <c r="B56" s="874" t="s">
        <v>115</v>
      </c>
      <c r="C56" s="625"/>
      <c r="D56" s="625"/>
      <c r="E56" s="625"/>
      <c r="F56" s="625"/>
      <c r="G56" s="625"/>
      <c r="H56" s="625"/>
      <c r="I56" s="625"/>
      <c r="J56" s="625"/>
      <c r="K56" s="625"/>
      <c r="L56" s="625"/>
      <c r="M56" s="625"/>
      <c r="N56" s="625"/>
      <c r="O56" s="625"/>
      <c r="P56" s="625"/>
      <c r="Q56" s="625"/>
      <c r="R56" s="625"/>
      <c r="S56" s="625"/>
      <c r="T56" s="625"/>
      <c r="U56" s="1263" t="s">
        <v>1519</v>
      </c>
      <c r="V56" s="1264"/>
      <c r="W56" s="1264"/>
      <c r="X56" s="1264"/>
      <c r="Y56" s="1265"/>
      <c r="Z56" s="625"/>
    </row>
    <row r="57" spans="1:26" ht="15" customHeight="1" x14ac:dyDescent="0.2">
      <c r="A57" s="625"/>
      <c r="B57" s="874"/>
      <c r="C57" s="625"/>
      <c r="D57" s="625"/>
      <c r="E57" s="625"/>
      <c r="F57" s="625"/>
      <c r="G57" s="625"/>
      <c r="H57" s="625"/>
      <c r="I57" s="625"/>
      <c r="J57" s="625"/>
      <c r="K57" s="625"/>
      <c r="L57" s="625"/>
      <c r="M57" s="625"/>
      <c r="N57" s="625"/>
      <c r="O57" s="625"/>
      <c r="P57" s="625"/>
      <c r="Q57" s="625"/>
      <c r="R57" s="625"/>
      <c r="S57" s="625"/>
      <c r="T57" s="625"/>
      <c r="U57" s="875"/>
      <c r="V57" s="876"/>
      <c r="W57" s="876"/>
      <c r="X57" s="876"/>
      <c r="Y57" s="877"/>
      <c r="Z57" s="625"/>
    </row>
    <row r="58" spans="1:26" ht="15" customHeight="1" x14ac:dyDescent="0.2">
      <c r="A58" s="625"/>
      <c r="B58" s="874"/>
      <c r="C58" s="887" t="s">
        <v>1438</v>
      </c>
      <c r="D58" s="1266" t="s">
        <v>1527</v>
      </c>
      <c r="E58" s="1266"/>
      <c r="F58" s="1266"/>
      <c r="G58" s="1266"/>
      <c r="H58" s="1266"/>
      <c r="I58" s="1266"/>
      <c r="J58" s="1266"/>
      <c r="K58" s="1266"/>
      <c r="L58" s="1266"/>
      <c r="M58" s="1266"/>
      <c r="N58" s="1266"/>
      <c r="O58" s="1266"/>
      <c r="P58" s="1266"/>
      <c r="Q58" s="1266"/>
      <c r="R58" s="1266"/>
      <c r="S58" s="1266"/>
      <c r="T58" s="1267"/>
      <c r="U58" s="875"/>
      <c r="V58" s="876" t="s">
        <v>1400</v>
      </c>
      <c r="W58" s="876" t="s">
        <v>1425</v>
      </c>
      <c r="X58" s="876" t="s">
        <v>1400</v>
      </c>
      <c r="Y58" s="877"/>
      <c r="Z58" s="625"/>
    </row>
    <row r="59" spans="1:26" ht="15" customHeight="1" x14ac:dyDescent="0.2">
      <c r="A59" s="625"/>
      <c r="B59" s="874"/>
      <c r="C59" s="888"/>
      <c r="D59" s="1266"/>
      <c r="E59" s="1266"/>
      <c r="F59" s="1266"/>
      <c r="G59" s="1266"/>
      <c r="H59" s="1266"/>
      <c r="I59" s="1266"/>
      <c r="J59" s="1266"/>
      <c r="K59" s="1266"/>
      <c r="L59" s="1266"/>
      <c r="M59" s="1266"/>
      <c r="N59" s="1266"/>
      <c r="O59" s="1266"/>
      <c r="P59" s="1266"/>
      <c r="Q59" s="1266"/>
      <c r="R59" s="1266"/>
      <c r="S59" s="1266"/>
      <c r="T59" s="1267"/>
      <c r="U59" s="875"/>
      <c r="V59" s="876"/>
      <c r="W59" s="876"/>
      <c r="X59" s="876"/>
      <c r="Y59" s="877"/>
      <c r="Z59" s="625"/>
    </row>
    <row r="60" spans="1:26" ht="15" customHeight="1" x14ac:dyDescent="0.2">
      <c r="A60" s="625"/>
      <c r="B60" s="874"/>
      <c r="C60" s="889" t="s">
        <v>1440</v>
      </c>
      <c r="D60" s="1295" t="s">
        <v>1528</v>
      </c>
      <c r="E60" s="1295"/>
      <c r="F60" s="1295"/>
      <c r="G60" s="1295"/>
      <c r="H60" s="1295"/>
      <c r="I60" s="1295"/>
      <c r="J60" s="1295"/>
      <c r="K60" s="1295"/>
      <c r="L60" s="1295"/>
      <c r="M60" s="1295"/>
      <c r="N60" s="1295"/>
      <c r="O60" s="1295"/>
      <c r="P60" s="1295"/>
      <c r="Q60" s="1295"/>
      <c r="R60" s="1295"/>
      <c r="S60" s="1295"/>
      <c r="T60" s="1267"/>
      <c r="U60" s="875"/>
      <c r="V60" s="890" t="s">
        <v>1400</v>
      </c>
      <c r="W60" s="890" t="s">
        <v>1425</v>
      </c>
      <c r="X60" s="890" t="s">
        <v>1400</v>
      </c>
      <c r="Y60" s="877"/>
      <c r="Z60" s="625"/>
    </row>
    <row r="61" spans="1:26" ht="15" customHeight="1" x14ac:dyDescent="0.2">
      <c r="A61" s="625"/>
      <c r="B61" s="891"/>
      <c r="C61" s="892"/>
      <c r="D61" s="1296"/>
      <c r="E61" s="1296"/>
      <c r="F61" s="1296"/>
      <c r="G61" s="1296"/>
      <c r="H61" s="1296"/>
      <c r="I61" s="1296"/>
      <c r="J61" s="1296"/>
      <c r="K61" s="1296"/>
      <c r="L61" s="1296"/>
      <c r="M61" s="1296"/>
      <c r="N61" s="1296"/>
      <c r="O61" s="1296"/>
      <c r="P61" s="1296"/>
      <c r="Q61" s="1296"/>
      <c r="R61" s="1296"/>
      <c r="S61" s="1296"/>
      <c r="T61" s="1297"/>
      <c r="U61" s="893"/>
      <c r="V61" s="894"/>
      <c r="W61" s="894"/>
      <c r="X61" s="894"/>
      <c r="Y61" s="895"/>
      <c r="Z61" s="625"/>
    </row>
    <row r="62" spans="1:26" ht="15" customHeight="1" x14ac:dyDescent="0.2">
      <c r="A62" s="625"/>
      <c r="B62" s="626"/>
      <c r="C62" s="896"/>
      <c r="D62" s="897"/>
      <c r="E62" s="897"/>
      <c r="F62" s="897"/>
      <c r="G62" s="897"/>
      <c r="H62" s="897"/>
      <c r="I62" s="897"/>
      <c r="J62" s="897"/>
      <c r="K62" s="897"/>
      <c r="L62" s="897"/>
      <c r="M62" s="897"/>
      <c r="N62" s="897"/>
      <c r="O62" s="897"/>
      <c r="P62" s="897"/>
      <c r="Q62" s="897"/>
      <c r="R62" s="897"/>
      <c r="S62" s="897"/>
      <c r="T62" s="897"/>
      <c r="U62" s="898"/>
      <c r="V62" s="890"/>
      <c r="W62" s="890"/>
      <c r="X62" s="890"/>
      <c r="Y62" s="898"/>
      <c r="Z62" s="625"/>
    </row>
    <row r="63" spans="1:26" ht="15" customHeight="1" x14ac:dyDescent="0.2">
      <c r="A63" s="625"/>
      <c r="B63" s="625" t="s">
        <v>1442</v>
      </c>
      <c r="C63" s="625"/>
      <c r="D63" s="625"/>
      <c r="E63" s="625"/>
      <c r="F63" s="625"/>
      <c r="G63" s="625"/>
      <c r="H63" s="625"/>
      <c r="I63" s="625"/>
      <c r="J63" s="625"/>
      <c r="K63" s="625"/>
      <c r="L63" s="625"/>
      <c r="M63" s="625"/>
      <c r="N63" s="625"/>
      <c r="O63" s="625"/>
      <c r="P63" s="625"/>
      <c r="Q63" s="625"/>
      <c r="R63" s="625"/>
      <c r="S63" s="625"/>
      <c r="T63" s="625"/>
      <c r="U63" s="625"/>
      <c r="V63" s="625"/>
      <c r="W63" s="625"/>
      <c r="X63" s="625"/>
      <c r="Y63" s="625"/>
      <c r="Z63" s="625"/>
    </row>
    <row r="64" spans="1:26" ht="15" customHeight="1" x14ac:dyDescent="0.2">
      <c r="A64" s="625"/>
      <c r="B64" s="899">
        <v>1</v>
      </c>
      <c r="C64" s="1269" t="s">
        <v>1529</v>
      </c>
      <c r="D64" s="1269"/>
      <c r="E64" s="1269"/>
      <c r="F64" s="1269"/>
      <c r="G64" s="1269"/>
      <c r="H64" s="1269"/>
      <c r="I64" s="1269"/>
      <c r="J64" s="1269"/>
      <c r="K64" s="1269"/>
      <c r="L64" s="1269"/>
      <c r="M64" s="1269"/>
      <c r="N64" s="1269"/>
      <c r="O64" s="1269"/>
      <c r="P64" s="1269"/>
      <c r="Q64" s="1269"/>
      <c r="R64" s="1269"/>
      <c r="S64" s="1269"/>
      <c r="T64" s="1269"/>
      <c r="U64" s="1269"/>
      <c r="V64" s="1269"/>
      <c r="W64" s="1269"/>
      <c r="X64" s="1269"/>
      <c r="Y64" s="1269"/>
      <c r="Z64" s="625"/>
    </row>
    <row r="65" spans="1:26" ht="15" customHeight="1" x14ac:dyDescent="0.2">
      <c r="A65" s="625"/>
      <c r="B65" s="899">
        <v>2</v>
      </c>
      <c r="C65" s="1266" t="s">
        <v>1530</v>
      </c>
      <c r="D65" s="1266"/>
      <c r="E65" s="1266"/>
      <c r="F65" s="1266"/>
      <c r="G65" s="1266"/>
      <c r="H65" s="1266"/>
      <c r="I65" s="1266"/>
      <c r="J65" s="1266"/>
      <c r="K65" s="1266"/>
      <c r="L65" s="1266"/>
      <c r="M65" s="1266"/>
      <c r="N65" s="1266"/>
      <c r="O65" s="1266"/>
      <c r="P65" s="1266"/>
      <c r="Q65" s="1266"/>
      <c r="R65" s="1266"/>
      <c r="S65" s="1266"/>
      <c r="T65" s="1266"/>
      <c r="U65" s="1266"/>
      <c r="V65" s="1266"/>
      <c r="W65" s="1266"/>
      <c r="X65" s="1266"/>
      <c r="Y65" s="1266"/>
      <c r="Z65" s="625"/>
    </row>
    <row r="66" spans="1:26" ht="15" customHeight="1" x14ac:dyDescent="0.2">
      <c r="A66" s="625"/>
      <c r="B66" s="899"/>
      <c r="C66" s="878" t="s">
        <v>1531</v>
      </c>
      <c r="D66" s="859"/>
      <c r="E66" s="859"/>
      <c r="F66" s="859"/>
      <c r="G66" s="859"/>
      <c r="H66" s="859"/>
      <c r="I66" s="859"/>
      <c r="J66" s="859"/>
      <c r="K66" s="859"/>
      <c r="L66" s="859"/>
      <c r="M66" s="859"/>
      <c r="N66" s="859"/>
      <c r="O66" s="859"/>
      <c r="P66" s="859"/>
      <c r="Q66" s="859"/>
      <c r="R66" s="859"/>
      <c r="S66" s="859"/>
      <c r="T66" s="859"/>
      <c r="U66" s="859"/>
      <c r="V66" s="859"/>
      <c r="W66" s="859"/>
      <c r="X66" s="859"/>
      <c r="Y66" s="859"/>
      <c r="Z66" s="625"/>
    </row>
    <row r="67" spans="1:26" ht="15" customHeight="1" x14ac:dyDescent="0.2">
      <c r="A67" s="625"/>
      <c r="B67" s="899"/>
      <c r="C67" s="878" t="s">
        <v>1532</v>
      </c>
      <c r="D67" s="900"/>
      <c r="E67" s="900"/>
      <c r="F67" s="900"/>
      <c r="G67" s="900"/>
      <c r="H67" s="900"/>
      <c r="I67" s="900"/>
      <c r="J67" s="900"/>
      <c r="K67" s="900"/>
      <c r="L67" s="900"/>
      <c r="M67" s="900"/>
      <c r="N67" s="900"/>
      <c r="O67" s="900"/>
      <c r="P67" s="900"/>
      <c r="Q67" s="900"/>
      <c r="R67" s="900"/>
      <c r="S67" s="900"/>
      <c r="T67" s="900"/>
      <c r="U67" s="900"/>
      <c r="V67" s="900"/>
      <c r="W67" s="900"/>
      <c r="X67" s="900"/>
      <c r="Y67" s="900"/>
      <c r="Z67" s="625"/>
    </row>
    <row r="68" spans="1:26" ht="15" customHeight="1" x14ac:dyDescent="0.2">
      <c r="A68" s="625"/>
      <c r="B68" s="899">
        <v>3</v>
      </c>
      <c r="C68" s="1269" t="s">
        <v>1533</v>
      </c>
      <c r="D68" s="1269"/>
      <c r="E68" s="1269"/>
      <c r="F68" s="1269"/>
      <c r="G68" s="1269"/>
      <c r="H68" s="1269"/>
      <c r="I68" s="1269"/>
      <c r="J68" s="1269"/>
      <c r="K68" s="1269"/>
      <c r="L68" s="1269"/>
      <c r="M68" s="1269"/>
      <c r="N68" s="1269"/>
      <c r="O68" s="1269"/>
      <c r="P68" s="1269"/>
      <c r="Q68" s="1269"/>
      <c r="R68" s="1269"/>
      <c r="S68" s="1269"/>
      <c r="T68" s="1269"/>
      <c r="U68" s="1269"/>
      <c r="V68" s="1269"/>
      <c r="W68" s="1269"/>
      <c r="X68" s="1269"/>
      <c r="Y68" s="1269"/>
      <c r="Z68" s="625"/>
    </row>
    <row r="69" spans="1:26" x14ac:dyDescent="0.2">
      <c r="A69" s="625"/>
      <c r="B69" s="1268"/>
      <c r="C69" s="1268"/>
      <c r="D69" s="1268"/>
      <c r="E69" s="1268"/>
      <c r="F69" s="1268"/>
      <c r="G69" s="1268"/>
      <c r="H69" s="1268"/>
      <c r="I69" s="1268"/>
      <c r="J69" s="1268"/>
      <c r="K69" s="1268"/>
      <c r="L69" s="1268"/>
      <c r="M69" s="1268"/>
      <c r="N69" s="1268"/>
      <c r="O69" s="1268"/>
      <c r="P69" s="1268"/>
      <c r="Q69" s="1268"/>
      <c r="R69" s="1268"/>
      <c r="S69" s="1268"/>
      <c r="T69" s="1268"/>
      <c r="U69" s="1268"/>
      <c r="V69" s="1268"/>
      <c r="W69" s="1268"/>
      <c r="X69" s="1268"/>
      <c r="Y69" s="1268"/>
      <c r="Z69" s="1268"/>
    </row>
  </sheetData>
  <mergeCells count="67">
    <mergeCell ref="B69:Z69"/>
    <mergeCell ref="U56:Y56"/>
    <mergeCell ref="D58:T59"/>
    <mergeCell ref="D60:T61"/>
    <mergeCell ref="C64:Y64"/>
    <mergeCell ref="C65:Y65"/>
    <mergeCell ref="C68:Y68"/>
    <mergeCell ref="C52:I52"/>
    <mergeCell ref="J52:N52"/>
    <mergeCell ref="O52:S52"/>
    <mergeCell ref="C53:H54"/>
    <mergeCell ref="J53:N53"/>
    <mergeCell ref="O53:S53"/>
    <mergeCell ref="J54:N54"/>
    <mergeCell ref="O54:S54"/>
    <mergeCell ref="U44:Y44"/>
    <mergeCell ref="D46:T46"/>
    <mergeCell ref="D47:T47"/>
    <mergeCell ref="D48:T48"/>
    <mergeCell ref="C50:H50"/>
    <mergeCell ref="I50:J50"/>
    <mergeCell ref="L50:Q50"/>
    <mergeCell ref="R50:S50"/>
    <mergeCell ref="D41:K41"/>
    <mergeCell ref="L41:N41"/>
    <mergeCell ref="O41:Q41"/>
    <mergeCell ref="S41:T41"/>
    <mergeCell ref="D42:K42"/>
    <mergeCell ref="L42:N42"/>
    <mergeCell ref="O42:Q42"/>
    <mergeCell ref="S42:T42"/>
    <mergeCell ref="D39:K39"/>
    <mergeCell ref="L39:N39"/>
    <mergeCell ref="O39:Q39"/>
    <mergeCell ref="S39:T39"/>
    <mergeCell ref="D40:K40"/>
    <mergeCell ref="L40:N40"/>
    <mergeCell ref="O40:Q40"/>
    <mergeCell ref="S40:T40"/>
    <mergeCell ref="D37:K37"/>
    <mergeCell ref="L37:N37"/>
    <mergeCell ref="O37:Q37"/>
    <mergeCell ref="U37:Y37"/>
    <mergeCell ref="D38:K38"/>
    <mergeCell ref="L38:N38"/>
    <mergeCell ref="O38:Q38"/>
    <mergeCell ref="S38:T38"/>
    <mergeCell ref="D36:K36"/>
    <mergeCell ref="L36:N36"/>
    <mergeCell ref="O36:Q36"/>
    <mergeCell ref="B8:F8"/>
    <mergeCell ref="G8:Y8"/>
    <mergeCell ref="U11:Y11"/>
    <mergeCell ref="D13:T14"/>
    <mergeCell ref="C16:C17"/>
    <mergeCell ref="D16:T17"/>
    <mergeCell ref="D19:T19"/>
    <mergeCell ref="D21:T21"/>
    <mergeCell ref="D27:T28"/>
    <mergeCell ref="U30:Y30"/>
    <mergeCell ref="C33:T34"/>
    <mergeCell ref="Q2:Y2"/>
    <mergeCell ref="B4:Y4"/>
    <mergeCell ref="B6:F6"/>
    <mergeCell ref="G6:Y6"/>
    <mergeCell ref="B7:F7"/>
    <mergeCell ref="G7:Y7"/>
  </mergeCells>
  <phoneticPr fontId="6"/>
  <dataValidations count="1">
    <dataValidation type="list" allowBlank="1" showInputMessage="1" showErrorMessage="1" sqref="V13:V14 X13:X14 V19 X19 V21 X21 V23 X23 V25 X25 V27 X27 V38:V42 X38:X42 V46:V48 X46:X48 V58 X58 V60 X60">
      <formula1>"□,■"</formula1>
    </dataValidation>
  </dataValidations>
  <printOptions horizontalCentered="1"/>
  <pageMargins left="0.70866141732283472" right="0.70866141732283472" top="0.74803149606299213" bottom="0.74803149606299213" header="0.31496062992125984" footer="0.31496062992125984"/>
  <pageSetup paperSize="9" scale="59" orientation="portrait" r:id="rId1"/>
  <drawing r:id="rId2"/>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A1:I47"/>
  <sheetViews>
    <sheetView zoomScale="90" zoomScaleNormal="90" zoomScaleSheetLayoutView="90" workbookViewId="0">
      <selection activeCell="J20" sqref="J20"/>
    </sheetView>
  </sheetViews>
  <sheetFormatPr defaultColWidth="9" defaultRowHeight="13.2" x14ac:dyDescent="0.2"/>
  <cols>
    <col min="1" max="1" width="3.77734375" style="202" customWidth="1"/>
    <col min="2" max="2" width="18.21875" style="202" customWidth="1"/>
    <col min="3" max="3" width="14.44140625" style="202" customWidth="1"/>
    <col min="4" max="4" width="2.44140625" style="202" customWidth="1"/>
    <col min="5" max="5" width="9.33203125" style="202" customWidth="1"/>
    <col min="6" max="6" width="13.6640625" style="202" customWidth="1"/>
    <col min="7" max="7" width="10.77734375" style="202" customWidth="1"/>
    <col min="8" max="8" width="13.6640625" style="202" customWidth="1"/>
    <col min="9" max="9" width="10.77734375" style="202" customWidth="1"/>
    <col min="10" max="19" width="20.6640625" style="202" customWidth="1"/>
    <col min="20" max="16384" width="9" style="202"/>
  </cols>
  <sheetData>
    <row r="1" spans="1:9" ht="27.75" customHeight="1" x14ac:dyDescent="0.2"/>
    <row r="2" spans="1:9" ht="20.25" customHeight="1" x14ac:dyDescent="0.2">
      <c r="A2" s="243" t="s">
        <v>685</v>
      </c>
      <c r="H2" s="1963" t="s">
        <v>709</v>
      </c>
      <c r="I2" s="1963"/>
    </row>
    <row r="3" spans="1:9" ht="20.25" customHeight="1" x14ac:dyDescent="0.2"/>
    <row r="4" spans="1:9" ht="52.5" customHeight="1" thickBot="1" x14ac:dyDescent="0.25">
      <c r="A4" s="1964" t="s">
        <v>465</v>
      </c>
      <c r="B4" s="1964"/>
      <c r="C4" s="1964"/>
      <c r="D4" s="1964"/>
      <c r="E4" s="1964"/>
      <c r="F4" s="1964"/>
      <c r="G4" s="1964"/>
      <c r="H4" s="1964"/>
    </row>
    <row r="5" spans="1:9" ht="30.75" customHeight="1" x14ac:dyDescent="0.2">
      <c r="A5" s="203"/>
      <c r="B5" s="1965" t="s">
        <v>235</v>
      </c>
      <c r="C5" s="1966"/>
      <c r="D5" s="1967"/>
      <c r="E5" s="204" t="s">
        <v>32</v>
      </c>
      <c r="F5" s="1968" t="s">
        <v>187</v>
      </c>
      <c r="G5" s="1969"/>
      <c r="H5" s="1969"/>
      <c r="I5" s="1970"/>
    </row>
    <row r="6" spans="1:9" ht="30" customHeight="1" x14ac:dyDescent="0.2">
      <c r="A6" s="205"/>
      <c r="B6" s="1971" t="s">
        <v>236</v>
      </c>
      <c r="C6" s="1971"/>
      <c r="D6" s="1972"/>
      <c r="E6" s="206" t="s">
        <v>34</v>
      </c>
      <c r="F6" s="1944" t="s">
        <v>233</v>
      </c>
      <c r="G6" s="1945"/>
      <c r="H6" s="1945"/>
      <c r="I6" s="1959"/>
    </row>
    <row r="7" spans="1:9" ht="30" customHeight="1" x14ac:dyDescent="0.2">
      <c r="A7" s="205"/>
      <c r="B7" s="1972" t="s">
        <v>237</v>
      </c>
      <c r="C7" s="1973"/>
      <c r="D7" s="1973"/>
      <c r="E7" s="206" t="s">
        <v>35</v>
      </c>
      <c r="F7" s="2004">
        <v>0.5</v>
      </c>
      <c r="G7" s="2005"/>
      <c r="H7" s="2005"/>
      <c r="I7" s="2006"/>
    </row>
    <row r="8" spans="1:9" ht="30" customHeight="1" x14ac:dyDescent="0.2">
      <c r="A8" s="207"/>
      <c r="B8" s="1976" t="s">
        <v>238</v>
      </c>
      <c r="C8" s="1976"/>
      <c r="D8" s="1976"/>
      <c r="E8" s="1978"/>
      <c r="F8" s="1980" t="s">
        <v>239</v>
      </c>
      <c r="G8" s="1981"/>
      <c r="H8" s="1982" t="s">
        <v>240</v>
      </c>
      <c r="I8" s="1983"/>
    </row>
    <row r="9" spans="1:9" ht="30" customHeight="1" x14ac:dyDescent="0.2">
      <c r="A9" s="208"/>
      <c r="B9" s="1977"/>
      <c r="C9" s="1977"/>
      <c r="D9" s="1977"/>
      <c r="E9" s="1979"/>
      <c r="F9" s="1984" t="s">
        <v>33</v>
      </c>
      <c r="G9" s="1985"/>
      <c r="H9" s="1986"/>
      <c r="I9" s="1987"/>
    </row>
    <row r="10" spans="1:9" ht="30" customHeight="1" thickBot="1" x14ac:dyDescent="0.25">
      <c r="A10" s="1988" t="s">
        <v>148</v>
      </c>
      <c r="B10" s="1989"/>
      <c r="C10" s="1989"/>
      <c r="D10" s="1989"/>
      <c r="E10" s="1989"/>
      <c r="F10" s="1989"/>
      <c r="G10" s="1989"/>
      <c r="H10" s="1989"/>
      <c r="I10" s="1990"/>
    </row>
    <row r="11" spans="1:9" ht="30" customHeight="1" thickTop="1" x14ac:dyDescent="0.2">
      <c r="A11" s="209">
        <v>1</v>
      </c>
      <c r="B11" s="1991" t="s">
        <v>424</v>
      </c>
      <c r="C11" s="1992"/>
      <c r="D11" s="1992"/>
      <c r="E11" s="1992"/>
      <c r="F11" s="1992"/>
      <c r="G11" s="1992"/>
      <c r="H11" s="1992"/>
      <c r="I11" s="1993"/>
    </row>
    <row r="12" spans="1:9" ht="30" customHeight="1" x14ac:dyDescent="0.2">
      <c r="A12" s="209">
        <v>2</v>
      </c>
      <c r="B12" s="1994" t="s">
        <v>425</v>
      </c>
      <c r="C12" s="1995"/>
      <c r="D12" s="1995"/>
      <c r="E12" s="1995"/>
      <c r="F12" s="1995"/>
      <c r="G12" s="1995"/>
      <c r="H12" s="1995"/>
      <c r="I12" s="1996"/>
    </row>
    <row r="13" spans="1:9" ht="30" customHeight="1" x14ac:dyDescent="0.2">
      <c r="A13" s="210">
        <v>3</v>
      </c>
      <c r="B13" s="1944" t="s">
        <v>426</v>
      </c>
      <c r="C13" s="1945"/>
      <c r="D13" s="1945"/>
      <c r="E13" s="1945"/>
      <c r="F13" s="1945"/>
      <c r="G13" s="1945"/>
      <c r="H13" s="1945"/>
      <c r="I13" s="1959"/>
    </row>
    <row r="14" spans="1:9" ht="30" customHeight="1" x14ac:dyDescent="0.2">
      <c r="A14" s="210">
        <v>4</v>
      </c>
      <c r="B14" s="1994" t="s">
        <v>427</v>
      </c>
      <c r="C14" s="1995"/>
      <c r="D14" s="1995"/>
      <c r="E14" s="1995"/>
      <c r="F14" s="1995"/>
      <c r="G14" s="1995"/>
      <c r="H14" s="1995"/>
      <c r="I14" s="1996"/>
    </row>
    <row r="15" spans="1:9" ht="30" customHeight="1" x14ac:dyDescent="0.2">
      <c r="A15" s="210">
        <v>5</v>
      </c>
      <c r="B15" s="1944" t="s">
        <v>428</v>
      </c>
      <c r="C15" s="1945"/>
      <c r="D15" s="1945"/>
      <c r="E15" s="1945"/>
      <c r="F15" s="1945"/>
      <c r="G15" s="1945"/>
      <c r="H15" s="1945"/>
      <c r="I15" s="1959"/>
    </row>
    <row r="16" spans="1:9" ht="30" customHeight="1" x14ac:dyDescent="0.2">
      <c r="A16" s="210">
        <v>6</v>
      </c>
      <c r="B16" s="1997"/>
      <c r="C16" s="1998"/>
      <c r="D16" s="1998"/>
      <c r="E16" s="1998"/>
      <c r="F16" s="1998"/>
      <c r="G16" s="1998"/>
      <c r="H16" s="1998"/>
      <c r="I16" s="1999"/>
    </row>
    <row r="17" spans="1:9" ht="30" customHeight="1" x14ac:dyDescent="0.2">
      <c r="A17" s="210">
        <v>7</v>
      </c>
      <c r="B17" s="1972"/>
      <c r="C17" s="1973"/>
      <c r="D17" s="1973"/>
      <c r="E17" s="1973"/>
      <c r="F17" s="1973"/>
      <c r="G17" s="1973"/>
      <c r="H17" s="1973"/>
      <c r="I17" s="2000"/>
    </row>
    <row r="18" spans="1:9" ht="30" customHeight="1" x14ac:dyDescent="0.2">
      <c r="A18" s="210">
        <v>8</v>
      </c>
      <c r="B18" s="1997"/>
      <c r="C18" s="1998"/>
      <c r="D18" s="1998"/>
      <c r="E18" s="1998"/>
      <c r="F18" s="1998"/>
      <c r="G18" s="1998"/>
      <c r="H18" s="1998"/>
      <c r="I18" s="1999"/>
    </row>
    <row r="19" spans="1:9" ht="30" customHeight="1" x14ac:dyDescent="0.2">
      <c r="A19" s="210">
        <v>9</v>
      </c>
      <c r="B19" s="1972"/>
      <c r="C19" s="1973"/>
      <c r="D19" s="1973"/>
      <c r="E19" s="1973"/>
      <c r="F19" s="1973"/>
      <c r="G19" s="1973"/>
      <c r="H19" s="1973"/>
      <c r="I19" s="2000"/>
    </row>
    <row r="20" spans="1:9" ht="30" customHeight="1" thickBot="1" x14ac:dyDescent="0.25">
      <c r="A20" s="211">
        <v>10</v>
      </c>
      <c r="B20" s="2001"/>
      <c r="C20" s="2002"/>
      <c r="D20" s="2002"/>
      <c r="E20" s="2002"/>
      <c r="F20" s="2002"/>
      <c r="G20" s="2002"/>
      <c r="H20" s="2002"/>
      <c r="I20" s="2003"/>
    </row>
    <row r="21" spans="1:9" s="140" customFormat="1" ht="18" customHeight="1" x14ac:dyDescent="0.2">
      <c r="A21" s="140" t="s">
        <v>241</v>
      </c>
    </row>
    <row r="22" spans="1:9" s="140" customFormat="1" ht="18" customHeight="1" x14ac:dyDescent="0.2">
      <c r="A22" s="140" t="s">
        <v>242</v>
      </c>
    </row>
    <row r="23" spans="1:9" s="140" customFormat="1" ht="18" customHeight="1" x14ac:dyDescent="0.2"/>
    <row r="24" spans="1:9" ht="30" customHeight="1" x14ac:dyDescent="0.2"/>
    <row r="25" spans="1:9" ht="30" customHeight="1" x14ac:dyDescent="0.2">
      <c r="B25" s="92"/>
    </row>
    <row r="26" spans="1:9" ht="30" customHeight="1" x14ac:dyDescent="0.2"/>
    <row r="27" spans="1:9" ht="30" customHeight="1" x14ac:dyDescent="0.2"/>
    <row r="28" spans="1:9" ht="30" customHeight="1" x14ac:dyDescent="0.2"/>
    <row r="29" spans="1:9" ht="30" customHeight="1" x14ac:dyDescent="0.2"/>
    <row r="30" spans="1:9" ht="30" customHeight="1" x14ac:dyDescent="0.2"/>
    <row r="31" spans="1:9" ht="30" customHeight="1" x14ac:dyDescent="0.2"/>
    <row r="32" spans="1:9"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row r="44" ht="30" customHeight="1" x14ac:dyDescent="0.2"/>
    <row r="45" ht="30" customHeight="1" x14ac:dyDescent="0.2"/>
    <row r="46" ht="30" customHeight="1" x14ac:dyDescent="0.2"/>
    <row r="47" ht="30" customHeight="1" x14ac:dyDescent="0.2"/>
  </sheetData>
  <customSheetViews>
    <customSheetView guid="{FA98832E-F01A-4598-9960-E27C2FDAB118}" scale="90">
      <selection activeCell="J20" sqref="J20"/>
      <pageMargins left="0.62992125984251968" right="0.39370078740157483" top="0.98425196850393704" bottom="0.59055118110236227" header="0.59055118110236227" footer="0.39370078740157483"/>
      <printOptions horizontalCentered="1"/>
      <pageSetup paperSize="9" scale="80" orientation="portrait" r:id="rId1"/>
      <headerFooter alignWithMargins="0"/>
    </customSheetView>
    <customSheetView guid="{8494577A-77FB-45FD-BD2B-C737BCFAD5B3}" scale="90">
      <selection activeCell="J20" sqref="J20"/>
      <pageMargins left="0.62992125984251968" right="0.39370078740157483" top="0.98425196850393704" bottom="0.59055118110236227" header="0.59055118110236227" footer="0.39370078740157483"/>
      <printOptions horizontalCentered="1"/>
      <pageSetup paperSize="9" scale="80" orientation="portrait" r:id="rId2"/>
      <headerFooter alignWithMargins="0"/>
    </customSheetView>
  </customSheetViews>
  <mergeCells count="25">
    <mergeCell ref="B16:I16"/>
    <mergeCell ref="B17:I17"/>
    <mergeCell ref="B18:I18"/>
    <mergeCell ref="B19:I19"/>
    <mergeCell ref="B20:I20"/>
    <mergeCell ref="B15:I15"/>
    <mergeCell ref="B7:D7"/>
    <mergeCell ref="F7:I7"/>
    <mergeCell ref="B8:D9"/>
    <mergeCell ref="E8:E9"/>
    <mergeCell ref="F8:G8"/>
    <mergeCell ref="H8:I8"/>
    <mergeCell ref="F9:G9"/>
    <mergeCell ref="H9:I9"/>
    <mergeCell ref="A10:I10"/>
    <mergeCell ref="B11:I11"/>
    <mergeCell ref="B12:I12"/>
    <mergeCell ref="B13:I13"/>
    <mergeCell ref="B14:I14"/>
    <mergeCell ref="H2:I2"/>
    <mergeCell ref="A4:H4"/>
    <mergeCell ref="B5:D5"/>
    <mergeCell ref="F5:I5"/>
    <mergeCell ref="B6:D6"/>
    <mergeCell ref="F6:I6"/>
  </mergeCells>
  <phoneticPr fontId="6"/>
  <printOptions horizontalCentered="1"/>
  <pageMargins left="0.62992125984251968" right="0.39370078740157483" top="0.98425196850393704" bottom="0.59055118110236227" header="0.59055118110236227" footer="0.39370078740157483"/>
  <pageSetup paperSize="9" scale="80" orientation="portrait" r:id="rId3"/>
  <headerFooter alignWithMargins="0"/>
  <drawing r:id="rId4"/>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dimension ref="A1:F42"/>
  <sheetViews>
    <sheetView zoomScaleNormal="100" workbookViewId="0">
      <selection activeCell="J20" sqref="J20"/>
    </sheetView>
  </sheetViews>
  <sheetFormatPr defaultRowHeight="13.2" x14ac:dyDescent="0.2"/>
  <cols>
    <col min="1" max="1" width="19.109375" customWidth="1"/>
    <col min="2" max="6" width="17.21875" customWidth="1"/>
    <col min="7" max="18" width="20.6640625" customWidth="1"/>
  </cols>
  <sheetData>
    <row r="1" spans="1:6" x14ac:dyDescent="0.2">
      <c r="A1" s="105" t="s">
        <v>282</v>
      </c>
    </row>
    <row r="2" spans="1:6" ht="46.5" customHeight="1" x14ac:dyDescent="0.2">
      <c r="A2" s="2025" t="s">
        <v>151</v>
      </c>
      <c r="B2" s="2025"/>
      <c r="C2" s="2025"/>
      <c r="D2" s="2025"/>
      <c r="E2" s="2025"/>
      <c r="F2" s="2025"/>
    </row>
    <row r="3" spans="1:6" ht="30" customHeight="1" x14ac:dyDescent="0.2">
      <c r="A3" s="54"/>
      <c r="F3" t="s">
        <v>152</v>
      </c>
    </row>
    <row r="4" spans="1:6" ht="30" customHeight="1" x14ac:dyDescent="0.2">
      <c r="C4" t="s">
        <v>153</v>
      </c>
      <c r="F4" s="38" t="s">
        <v>711</v>
      </c>
    </row>
    <row r="5" spans="1:6" ht="30" customHeight="1" x14ac:dyDescent="0.2"/>
    <row r="6" spans="1:6" ht="30" customHeight="1" x14ac:dyDescent="0.2">
      <c r="C6" t="s">
        <v>154</v>
      </c>
    </row>
    <row r="7" spans="1:6" ht="30" customHeight="1" x14ac:dyDescent="0.2"/>
    <row r="8" spans="1:6" ht="30" customHeight="1" x14ac:dyDescent="0.2">
      <c r="C8" t="s">
        <v>155</v>
      </c>
      <c r="F8" t="s">
        <v>156</v>
      </c>
    </row>
    <row r="9" spans="1:6" ht="30" customHeight="1" x14ac:dyDescent="0.2">
      <c r="C9" t="s">
        <v>128</v>
      </c>
    </row>
    <row r="10" spans="1:6" ht="30" customHeight="1" thickBot="1" x14ac:dyDescent="0.25">
      <c r="A10" t="s">
        <v>157</v>
      </c>
    </row>
    <row r="11" spans="1:6" ht="34.5" customHeight="1" thickTop="1" x14ac:dyDescent="0.2">
      <c r="A11" s="42" t="s">
        <v>158</v>
      </c>
      <c r="B11" s="2026" t="s">
        <v>159</v>
      </c>
      <c r="C11" s="2026"/>
      <c r="D11" s="2026"/>
      <c r="E11" s="2026"/>
      <c r="F11" s="2027"/>
    </row>
    <row r="12" spans="1:6" ht="42" customHeight="1" x14ac:dyDescent="0.2">
      <c r="A12" s="43" t="s">
        <v>160</v>
      </c>
      <c r="B12" s="2028"/>
      <c r="C12" s="2028"/>
      <c r="D12" s="2028"/>
      <c r="E12" s="2028"/>
      <c r="F12" s="2029"/>
    </row>
    <row r="13" spans="1:6" ht="42" customHeight="1" x14ac:dyDescent="0.2">
      <c r="A13" s="2030" t="s">
        <v>161</v>
      </c>
      <c r="B13" s="2009"/>
      <c r="C13" s="2010"/>
      <c r="D13" s="2010"/>
      <c r="E13" s="2010"/>
      <c r="F13" s="2011"/>
    </row>
    <row r="14" spans="1:6" ht="42" customHeight="1" x14ac:dyDescent="0.2">
      <c r="A14" s="2031"/>
      <c r="B14" s="2032" t="s">
        <v>162</v>
      </c>
      <c r="C14" s="2033"/>
      <c r="D14" s="2033"/>
      <c r="E14" s="2033"/>
      <c r="F14" s="2034"/>
    </row>
    <row r="15" spans="1:6" ht="42" customHeight="1" x14ac:dyDescent="0.2">
      <c r="A15" s="44" t="s">
        <v>163</v>
      </c>
      <c r="B15" s="142" t="s">
        <v>164</v>
      </c>
      <c r="C15" s="46"/>
      <c r="D15" s="46"/>
      <c r="E15" s="46"/>
      <c r="F15" s="47"/>
    </row>
    <row r="16" spans="1:6" ht="42" customHeight="1" x14ac:dyDescent="0.2">
      <c r="A16" s="2007" t="s">
        <v>165</v>
      </c>
      <c r="B16" s="1" t="s">
        <v>166</v>
      </c>
      <c r="C16" s="6"/>
      <c r="D16" s="1491"/>
      <c r="E16" s="1491"/>
      <c r="F16" s="49"/>
    </row>
    <row r="17" spans="1:6" ht="42" customHeight="1" x14ac:dyDescent="0.2">
      <c r="A17" s="2007"/>
      <c r="B17" s="2017"/>
      <c r="C17" s="2018"/>
      <c r="D17" s="2018"/>
      <c r="E17" s="2018"/>
      <c r="F17" s="2019"/>
    </row>
    <row r="18" spans="1:6" ht="42" customHeight="1" x14ac:dyDescent="0.2">
      <c r="A18" s="2016"/>
      <c r="B18" s="2020"/>
      <c r="C18" s="2021"/>
      <c r="D18" s="2021"/>
      <c r="E18" s="2021"/>
      <c r="F18" s="2022"/>
    </row>
    <row r="19" spans="1:6" ht="45" customHeight="1" x14ac:dyDescent="0.2">
      <c r="A19" s="48" t="s">
        <v>167</v>
      </c>
      <c r="B19" s="2023"/>
      <c r="C19" s="2023"/>
      <c r="D19" s="2023"/>
      <c r="E19" s="2023"/>
      <c r="F19" s="2024"/>
    </row>
    <row r="20" spans="1:6" ht="30" customHeight="1" x14ac:dyDescent="0.2">
      <c r="A20" s="2007" t="s">
        <v>168</v>
      </c>
      <c r="B20" s="2009" t="s">
        <v>169</v>
      </c>
      <c r="C20" s="2010"/>
      <c r="D20" s="2010"/>
      <c r="E20" s="2010"/>
      <c r="F20" s="2011"/>
    </row>
    <row r="21" spans="1:6" ht="30" customHeight="1" thickBot="1" x14ac:dyDescent="0.25">
      <c r="A21" s="2008"/>
      <c r="B21" s="2012"/>
      <c r="C21" s="2013"/>
      <c r="D21" s="2013"/>
      <c r="E21" s="2013"/>
      <c r="F21" s="2014"/>
    </row>
    <row r="22" spans="1:6" ht="30" customHeight="1" thickTop="1" x14ac:dyDescent="0.2"/>
    <row r="23" spans="1:6" ht="27" customHeight="1" x14ac:dyDescent="0.2">
      <c r="A23" s="141" t="s">
        <v>40</v>
      </c>
      <c r="B23" s="141"/>
      <c r="C23" s="141"/>
      <c r="D23" s="141"/>
      <c r="E23" s="141"/>
      <c r="F23" s="141"/>
    </row>
    <row r="24" spans="1:6" ht="27" customHeight="1" x14ac:dyDescent="0.2">
      <c r="A24" s="2015" t="s">
        <v>39</v>
      </c>
      <c r="B24" s="2015"/>
      <c r="C24" s="2015"/>
      <c r="D24" s="2015"/>
      <c r="E24" s="2015"/>
      <c r="F24" s="2015"/>
    </row>
    <row r="25" spans="1:6" ht="27" customHeight="1" x14ac:dyDescent="0.2">
      <c r="A25" s="141" t="s">
        <v>170</v>
      </c>
      <c r="B25" s="141"/>
      <c r="C25" s="141"/>
      <c r="D25" s="141"/>
      <c r="E25" s="141"/>
      <c r="F25" s="141"/>
    </row>
    <row r="26" spans="1:6" ht="27" customHeight="1" x14ac:dyDescent="0.2">
      <c r="A26" s="141" t="s">
        <v>171</v>
      </c>
      <c r="B26" s="141"/>
      <c r="C26" s="141"/>
      <c r="D26" s="141"/>
      <c r="E26" s="141"/>
      <c r="F26" s="141"/>
    </row>
    <row r="27" spans="1:6" ht="27" customHeight="1" x14ac:dyDescent="0.2">
      <c r="A27" s="141" t="s">
        <v>172</v>
      </c>
      <c r="B27" s="141"/>
      <c r="C27" s="141"/>
      <c r="D27" s="141"/>
      <c r="E27" s="141"/>
      <c r="F27" s="141"/>
    </row>
    <row r="28" spans="1:6" ht="27" customHeight="1" x14ac:dyDescent="0.2">
      <c r="A28" s="141" t="s">
        <v>41</v>
      </c>
      <c r="B28" s="141"/>
      <c r="C28" s="141"/>
      <c r="D28" s="141"/>
      <c r="E28" s="141"/>
      <c r="F28" s="141"/>
    </row>
    <row r="29" spans="1:6" ht="30" customHeight="1" x14ac:dyDescent="0.2"/>
    <row r="30" spans="1:6" ht="30" customHeight="1" x14ac:dyDescent="0.2"/>
    <row r="31" spans="1:6" ht="30" customHeight="1" x14ac:dyDescent="0.2"/>
    <row r="32" spans="1:6"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sheetData>
  <customSheetViews>
    <customSheetView guid="{FA98832E-F01A-4598-9960-E27C2FDAB118}">
      <selection activeCell="J20" sqref="J20"/>
      <pageMargins left="0.59" right="0.39370078740157483" top="0.8" bottom="0.39370078740157483" header="0.39370078740157483" footer="0.19685039370078741"/>
      <printOptions horizontalCentered="1"/>
      <pageSetup paperSize="9" scale="85" orientation="portrait" horizontalDpi="300" verticalDpi="300" r:id="rId1"/>
      <headerFooter alignWithMargins="0">
        <oddHeader xml:space="preserve">&amp;R
</oddHeader>
      </headerFooter>
    </customSheetView>
    <customSheetView guid="{8494577A-77FB-45FD-BD2B-C737BCFAD5B3}">
      <selection activeCell="J20" sqref="J20"/>
      <pageMargins left="0.59" right="0.39370078740157483" top="0.8" bottom="0.39370078740157483" header="0.39370078740157483" footer="0.19685039370078741"/>
      <printOptions horizontalCentered="1"/>
      <pageSetup paperSize="9" scale="85" orientation="portrait" horizontalDpi="300" verticalDpi="300" r:id="rId2"/>
      <headerFooter alignWithMargins="0">
        <oddHeader xml:space="preserve">&amp;R
</oddHeader>
      </headerFooter>
    </customSheetView>
  </customSheetViews>
  <mergeCells count="13">
    <mergeCell ref="A2:F2"/>
    <mergeCell ref="B11:F11"/>
    <mergeCell ref="B12:F12"/>
    <mergeCell ref="A13:A14"/>
    <mergeCell ref="B13:F13"/>
    <mergeCell ref="B14:F14"/>
    <mergeCell ref="A20:A21"/>
    <mergeCell ref="B20:F21"/>
    <mergeCell ref="A24:F24"/>
    <mergeCell ref="A16:A18"/>
    <mergeCell ref="D16:E16"/>
    <mergeCell ref="B17:F18"/>
    <mergeCell ref="B19:F19"/>
  </mergeCells>
  <phoneticPr fontId="6"/>
  <printOptions horizontalCentered="1"/>
  <pageMargins left="0.59" right="0.39370078740157483" top="0.8" bottom="0.39370078740157483" header="0.39370078740157483" footer="0.19685039370078741"/>
  <pageSetup paperSize="9" scale="85" orientation="portrait" horizontalDpi="300" verticalDpi="300" r:id="rId3"/>
  <headerFooter alignWithMargins="0">
    <oddHeader xml:space="preserve">&amp;R
</oddHeader>
  </headerFooter>
  <drawing r:id="rId4"/>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2"/>
  <dimension ref="A1:F42"/>
  <sheetViews>
    <sheetView zoomScaleNormal="100" workbookViewId="0">
      <selection activeCell="J20" sqref="J20"/>
    </sheetView>
  </sheetViews>
  <sheetFormatPr defaultRowHeight="13.2" x14ac:dyDescent="0.2"/>
  <cols>
    <col min="1" max="1" width="23.21875" customWidth="1"/>
    <col min="2" max="2" width="17.77734375" customWidth="1"/>
    <col min="3" max="3" width="17.88671875" customWidth="1"/>
    <col min="4" max="4" width="19.109375" customWidth="1"/>
    <col min="5" max="5" width="20.6640625" customWidth="1"/>
    <col min="6" max="6" width="17" customWidth="1"/>
    <col min="7" max="7" width="10.88671875" customWidth="1"/>
    <col min="8" max="18" width="20.6640625" customWidth="1"/>
  </cols>
  <sheetData>
    <row r="1" spans="1:6" s="220" customFormat="1" x14ac:dyDescent="0.2">
      <c r="A1" s="249" t="s">
        <v>686</v>
      </c>
    </row>
    <row r="2" spans="1:6" ht="46.5" customHeight="1" x14ac:dyDescent="0.2">
      <c r="A2" s="2045" t="s">
        <v>151</v>
      </c>
      <c r="B2" s="2045"/>
      <c r="C2" s="2045"/>
      <c r="D2" s="2045"/>
      <c r="E2" s="2045"/>
      <c r="F2" s="2045"/>
    </row>
    <row r="3" spans="1:6" ht="30" customHeight="1" x14ac:dyDescent="0.2">
      <c r="F3" t="s">
        <v>152</v>
      </c>
    </row>
    <row r="4" spans="1:6" ht="30" customHeight="1" x14ac:dyDescent="0.2">
      <c r="C4" t="s">
        <v>153</v>
      </c>
      <c r="E4" t="s">
        <v>712</v>
      </c>
    </row>
    <row r="5" spans="1:6" ht="30" customHeight="1" x14ac:dyDescent="0.2"/>
    <row r="6" spans="1:6" ht="30" customHeight="1" x14ac:dyDescent="0.2">
      <c r="C6" t="s">
        <v>154</v>
      </c>
    </row>
    <row r="7" spans="1:6" ht="30" customHeight="1" x14ac:dyDescent="0.2">
      <c r="C7" t="s">
        <v>173</v>
      </c>
    </row>
    <row r="8" spans="1:6" ht="30" customHeight="1" x14ac:dyDescent="0.2">
      <c r="C8" t="s">
        <v>155</v>
      </c>
      <c r="D8" t="s">
        <v>174</v>
      </c>
      <c r="F8" t="s">
        <v>175</v>
      </c>
    </row>
    <row r="9" spans="1:6" ht="30" customHeight="1" x14ac:dyDescent="0.2">
      <c r="C9" t="s">
        <v>128</v>
      </c>
      <c r="D9" t="s">
        <v>176</v>
      </c>
    </row>
    <row r="10" spans="1:6" ht="30" customHeight="1" thickBot="1" x14ac:dyDescent="0.25">
      <c r="A10" t="s">
        <v>157</v>
      </c>
    </row>
    <row r="11" spans="1:6" ht="34.5" customHeight="1" thickTop="1" x14ac:dyDescent="0.2">
      <c r="A11" s="42" t="s">
        <v>158</v>
      </c>
      <c r="B11" s="2026" t="s">
        <v>177</v>
      </c>
      <c r="C11" s="2026"/>
      <c r="D11" s="2026"/>
      <c r="E11" s="2026"/>
      <c r="F11" s="2027"/>
    </row>
    <row r="12" spans="1:6" ht="42" customHeight="1" x14ac:dyDescent="0.2">
      <c r="A12" s="43" t="s">
        <v>160</v>
      </c>
      <c r="B12" s="2046" t="s">
        <v>178</v>
      </c>
      <c r="C12" s="2047"/>
      <c r="D12" s="2047"/>
      <c r="E12" s="2047"/>
      <c r="F12" s="2048"/>
    </row>
    <row r="13" spans="1:6" ht="42" customHeight="1" x14ac:dyDescent="0.2">
      <c r="A13" s="2030" t="s">
        <v>161</v>
      </c>
      <c r="B13" s="2009" t="s">
        <v>179</v>
      </c>
      <c r="C13" s="2010"/>
      <c r="D13" s="2010"/>
      <c r="E13" s="2010"/>
      <c r="F13" s="2011"/>
    </row>
    <row r="14" spans="1:6" ht="42" customHeight="1" x14ac:dyDescent="0.2">
      <c r="A14" s="2031"/>
      <c r="B14" s="2032" t="s">
        <v>180</v>
      </c>
      <c r="C14" s="2033"/>
      <c r="D14" s="2033"/>
      <c r="E14" s="2033"/>
      <c r="F14" s="2034"/>
    </row>
    <row r="15" spans="1:6" ht="42" customHeight="1" x14ac:dyDescent="0.2">
      <c r="A15" s="44" t="s">
        <v>163</v>
      </c>
      <c r="B15" s="45" t="s">
        <v>181</v>
      </c>
      <c r="C15" s="46"/>
      <c r="D15" s="46"/>
      <c r="E15" s="46"/>
      <c r="F15" s="47"/>
    </row>
    <row r="16" spans="1:6" ht="42" customHeight="1" x14ac:dyDescent="0.2">
      <c r="A16" s="2007" t="s">
        <v>165</v>
      </c>
      <c r="B16" s="1" t="s">
        <v>182</v>
      </c>
      <c r="C16" s="6"/>
      <c r="D16" s="1491"/>
      <c r="E16" s="1491"/>
      <c r="F16" s="49"/>
    </row>
    <row r="17" spans="1:6" ht="42" customHeight="1" x14ac:dyDescent="0.2">
      <c r="A17" s="2007"/>
      <c r="B17" s="2036" t="s">
        <v>183</v>
      </c>
      <c r="C17" s="2037"/>
      <c r="D17" s="2037"/>
      <c r="E17" s="2037"/>
      <c r="F17" s="2038"/>
    </row>
    <row r="18" spans="1:6" ht="42" customHeight="1" x14ac:dyDescent="0.2">
      <c r="A18" s="2016"/>
      <c r="B18" s="2039"/>
      <c r="C18" s="2040"/>
      <c r="D18" s="2040"/>
      <c r="E18" s="2040"/>
      <c r="F18" s="2041"/>
    </row>
    <row r="19" spans="1:6" ht="45" customHeight="1" x14ac:dyDescent="0.2">
      <c r="A19" s="48" t="s">
        <v>167</v>
      </c>
      <c r="B19" s="2042" t="s">
        <v>184</v>
      </c>
      <c r="C19" s="2043"/>
      <c r="D19" s="2043"/>
      <c r="E19" s="2043"/>
      <c r="F19" s="2044"/>
    </row>
    <row r="20" spans="1:6" ht="30" customHeight="1" x14ac:dyDescent="0.2">
      <c r="A20" s="2007" t="s">
        <v>168</v>
      </c>
      <c r="B20" s="2009" t="s">
        <v>185</v>
      </c>
      <c r="C20" s="2010"/>
      <c r="D20" s="2010"/>
      <c r="E20" s="2010"/>
      <c r="F20" s="2011"/>
    </row>
    <row r="21" spans="1:6" ht="30" customHeight="1" thickBot="1" x14ac:dyDescent="0.25">
      <c r="A21" s="2008"/>
      <c r="B21" s="2012"/>
      <c r="C21" s="2013"/>
      <c r="D21" s="2013"/>
      <c r="E21" s="2013"/>
      <c r="F21" s="2014"/>
    </row>
    <row r="22" spans="1:6" ht="30" customHeight="1" thickTop="1" x14ac:dyDescent="0.2"/>
    <row r="23" spans="1:6" ht="30" customHeight="1" x14ac:dyDescent="0.2">
      <c r="A23" t="s">
        <v>40</v>
      </c>
    </row>
    <row r="24" spans="1:6" ht="30" customHeight="1" x14ac:dyDescent="0.2">
      <c r="A24" s="2035" t="s">
        <v>39</v>
      </c>
      <c r="B24" s="2035"/>
      <c r="C24" s="2035"/>
      <c r="D24" s="2035"/>
      <c r="E24" s="2035"/>
      <c r="F24" s="2035"/>
    </row>
    <row r="25" spans="1:6" ht="30" customHeight="1" x14ac:dyDescent="0.2">
      <c r="A25" t="s">
        <v>170</v>
      </c>
    </row>
    <row r="26" spans="1:6" ht="30" customHeight="1" x14ac:dyDescent="0.2">
      <c r="A26" t="s">
        <v>171</v>
      </c>
    </row>
    <row r="27" spans="1:6" ht="30" customHeight="1" x14ac:dyDescent="0.2">
      <c r="A27" t="s">
        <v>172</v>
      </c>
    </row>
    <row r="28" spans="1:6" ht="30" customHeight="1" x14ac:dyDescent="0.2">
      <c r="A28" t="s">
        <v>41</v>
      </c>
    </row>
    <row r="29" spans="1:6" ht="30" customHeight="1" x14ac:dyDescent="0.2"/>
    <row r="30" spans="1:6" ht="30" customHeight="1" x14ac:dyDescent="0.2"/>
    <row r="31" spans="1:6" ht="30" customHeight="1" x14ac:dyDescent="0.2"/>
    <row r="32" spans="1:6"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sheetData>
  <customSheetViews>
    <customSheetView guid="{FA98832E-F01A-4598-9960-E27C2FDAB118}">
      <selection activeCell="J20" sqref="J20"/>
      <pageMargins left="0.39370078740157483" right="0.39370078740157483" top="0.59055118110236227" bottom="0.39370078740157483" header="0.31496062992125984" footer="0.19685039370078741"/>
      <printOptions horizontalCentered="1"/>
      <pageSetup paperSize="9" scale="81" orientation="portrait" horizontalDpi="300" verticalDpi="300" r:id="rId1"/>
      <headerFooter alignWithMargins="0"/>
    </customSheetView>
    <customSheetView guid="{8494577A-77FB-45FD-BD2B-C737BCFAD5B3}">
      <selection activeCell="J20" sqref="J20"/>
      <pageMargins left="0.39370078740157483" right="0.39370078740157483" top="0.59055118110236227" bottom="0.39370078740157483" header="0.31496062992125984" footer="0.19685039370078741"/>
      <printOptions horizontalCentered="1"/>
      <pageSetup paperSize="9" scale="81" orientation="portrait" horizontalDpi="300" verticalDpi="300" r:id="rId2"/>
      <headerFooter alignWithMargins="0"/>
    </customSheetView>
  </customSheetViews>
  <mergeCells count="13">
    <mergeCell ref="A2:F2"/>
    <mergeCell ref="B11:F11"/>
    <mergeCell ref="B12:F12"/>
    <mergeCell ref="A13:A14"/>
    <mergeCell ref="B13:F13"/>
    <mergeCell ref="B14:F14"/>
    <mergeCell ref="A20:A21"/>
    <mergeCell ref="B20:F21"/>
    <mergeCell ref="A24:F24"/>
    <mergeCell ref="A16:A18"/>
    <mergeCell ref="D16:E16"/>
    <mergeCell ref="B17:F18"/>
    <mergeCell ref="B19:F19"/>
  </mergeCells>
  <phoneticPr fontId="6"/>
  <printOptions horizontalCentered="1"/>
  <pageMargins left="0.39370078740157483" right="0.39370078740157483" top="0.59055118110236227" bottom="0.39370078740157483" header="0.31496062992125984" footer="0.19685039370078741"/>
  <pageSetup paperSize="9" scale="81" orientation="portrait" horizontalDpi="300" verticalDpi="300" r:id="rId3"/>
  <headerFooter alignWithMargins="0"/>
  <drawing r:id="rId4"/>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3">
    <pageSetUpPr fitToPage="1"/>
  </sheetPr>
  <dimension ref="A1:J51"/>
  <sheetViews>
    <sheetView view="pageBreakPreview" zoomScale="98" zoomScaleNormal="100" zoomScaleSheetLayoutView="98" workbookViewId="0">
      <selection activeCell="N41" sqref="N41"/>
    </sheetView>
  </sheetViews>
  <sheetFormatPr defaultColWidth="9" defaultRowHeight="13.2" x14ac:dyDescent="0.2"/>
  <cols>
    <col min="1" max="1" width="6.77734375" style="152" customWidth="1"/>
    <col min="2" max="6" width="14.33203125" style="152" customWidth="1"/>
    <col min="7" max="7" width="19" style="152" customWidth="1"/>
    <col min="8" max="8" width="8" style="152" customWidth="1"/>
    <col min="9" max="16384" width="9" style="152"/>
  </cols>
  <sheetData>
    <row r="1" spans="1:10" ht="14.25" customHeight="1" x14ac:dyDescent="0.2">
      <c r="A1" s="105" t="s">
        <v>687</v>
      </c>
      <c r="G1" s="2049"/>
      <c r="H1" s="2049"/>
      <c r="I1" s="2049"/>
      <c r="J1" s="2049"/>
    </row>
    <row r="2" spans="1:10" ht="39" customHeight="1" x14ac:dyDescent="0.2">
      <c r="G2" s="152" t="s">
        <v>709</v>
      </c>
    </row>
    <row r="3" spans="1:10" ht="24" customHeight="1" x14ac:dyDescent="0.2">
      <c r="A3" s="2050" t="s">
        <v>193</v>
      </c>
      <c r="B3" s="2050"/>
      <c r="C3" s="2050"/>
      <c r="D3" s="2050"/>
      <c r="E3" s="2050"/>
      <c r="F3" s="2050"/>
      <c r="G3" s="2050"/>
      <c r="H3" s="2050"/>
      <c r="I3" s="179"/>
      <c r="J3" s="176"/>
    </row>
    <row r="4" spans="1:10" ht="13.8" thickBot="1" x14ac:dyDescent="0.25"/>
    <row r="5" spans="1:10" ht="27" customHeight="1" thickTop="1" x14ac:dyDescent="0.2">
      <c r="A5" s="2051" t="s">
        <v>414</v>
      </c>
      <c r="B5" s="2052"/>
      <c r="C5" s="2052"/>
      <c r="D5" s="2052"/>
      <c r="E5" s="2052"/>
      <c r="F5" s="2052"/>
      <c r="G5" s="2053"/>
      <c r="H5" s="2054"/>
    </row>
    <row r="6" spans="1:10" ht="27" customHeight="1" x14ac:dyDescent="0.2">
      <c r="A6" s="2055" t="s">
        <v>1762</v>
      </c>
      <c r="B6" s="2056"/>
      <c r="C6" s="2056"/>
      <c r="D6" s="2056"/>
      <c r="E6" s="2056"/>
      <c r="F6" s="2056"/>
      <c r="G6" s="2057"/>
      <c r="H6" s="2058"/>
    </row>
    <row r="7" spans="1:10" ht="27" customHeight="1" thickBot="1" x14ac:dyDescent="0.25">
      <c r="A7" s="2059" t="s">
        <v>1760</v>
      </c>
      <c r="B7" s="2060"/>
      <c r="C7" s="2060"/>
      <c r="D7" s="2060"/>
      <c r="E7" s="2060"/>
      <c r="F7" s="2060"/>
      <c r="G7" s="2061"/>
      <c r="H7" s="2062"/>
    </row>
    <row r="8" spans="1:10" ht="19.5" customHeight="1" thickTop="1" thickBot="1" x14ac:dyDescent="0.25">
      <c r="A8" s="2063"/>
      <c r="B8" s="2063"/>
      <c r="C8" s="2063"/>
      <c r="D8" s="2063"/>
      <c r="E8" s="2063"/>
      <c r="F8" s="2063"/>
      <c r="G8" s="2063"/>
      <c r="H8" s="2063"/>
    </row>
    <row r="9" spans="1:10" ht="27.75" customHeight="1" thickTop="1" thickBot="1" x14ac:dyDescent="0.25">
      <c r="A9" s="2064" t="s">
        <v>415</v>
      </c>
      <c r="B9" s="2065"/>
      <c r="C9" s="2065"/>
      <c r="D9" s="2065"/>
      <c r="E9" s="2065"/>
      <c r="F9" s="2065"/>
      <c r="G9" s="2065" t="s">
        <v>416</v>
      </c>
      <c r="H9" s="2066"/>
    </row>
    <row r="10" spans="1:10" ht="27.75" customHeight="1" thickTop="1" x14ac:dyDescent="0.2">
      <c r="A10" s="180">
        <v>1</v>
      </c>
      <c r="B10" s="2067"/>
      <c r="C10" s="2067"/>
      <c r="D10" s="2067"/>
      <c r="E10" s="2067"/>
      <c r="F10" s="2067"/>
      <c r="G10" s="2067"/>
      <c r="H10" s="2068"/>
    </row>
    <row r="11" spans="1:10" ht="27.75" customHeight="1" x14ac:dyDescent="0.2">
      <c r="A11" s="181">
        <v>2</v>
      </c>
      <c r="B11" s="2069"/>
      <c r="C11" s="2069"/>
      <c r="D11" s="2069"/>
      <c r="E11" s="2069"/>
      <c r="F11" s="2069"/>
      <c r="G11" s="2069"/>
      <c r="H11" s="2070"/>
    </row>
    <row r="12" spans="1:10" ht="27.75" customHeight="1" x14ac:dyDescent="0.2">
      <c r="A12" s="181">
        <v>3</v>
      </c>
      <c r="B12" s="2069"/>
      <c r="C12" s="2069"/>
      <c r="D12" s="2069"/>
      <c r="E12" s="2069"/>
      <c r="F12" s="2069"/>
      <c r="G12" s="2069"/>
      <c r="H12" s="2070"/>
    </row>
    <row r="13" spans="1:10" ht="27.75" customHeight="1" x14ac:dyDescent="0.2">
      <c r="A13" s="181">
        <v>4</v>
      </c>
      <c r="B13" s="2069"/>
      <c r="C13" s="2069"/>
      <c r="D13" s="2069"/>
      <c r="E13" s="2069"/>
      <c r="F13" s="2069"/>
      <c r="G13" s="2069"/>
      <c r="H13" s="2071"/>
    </row>
    <row r="14" spans="1:10" ht="27.75" customHeight="1" x14ac:dyDescent="0.2">
      <c r="A14" s="181">
        <v>5</v>
      </c>
      <c r="B14" s="2069"/>
      <c r="C14" s="2069"/>
      <c r="D14" s="2069"/>
      <c r="E14" s="2069"/>
      <c r="F14" s="2069"/>
      <c r="G14" s="2069"/>
      <c r="H14" s="2070"/>
    </row>
    <row r="15" spans="1:10" ht="27.75" customHeight="1" x14ac:dyDescent="0.2">
      <c r="A15" s="181">
        <v>6</v>
      </c>
      <c r="B15" s="2072"/>
      <c r="C15" s="2072"/>
      <c r="D15" s="2072"/>
      <c r="E15" s="2072"/>
      <c r="F15" s="2072"/>
      <c r="G15" s="2072"/>
      <c r="H15" s="2073"/>
    </row>
    <row r="16" spans="1:10" ht="27.75" customHeight="1" x14ac:dyDescent="0.2">
      <c r="A16" s="181">
        <v>7</v>
      </c>
      <c r="B16" s="2072"/>
      <c r="C16" s="2072"/>
      <c r="D16" s="2072"/>
      <c r="E16" s="2072"/>
      <c r="F16" s="2072"/>
      <c r="G16" s="2072"/>
      <c r="H16" s="2073"/>
    </row>
    <row r="17" spans="1:8" ht="27.75" customHeight="1" x14ac:dyDescent="0.2">
      <c r="A17" s="181">
        <v>8</v>
      </c>
      <c r="B17" s="2072"/>
      <c r="C17" s="2072"/>
      <c r="D17" s="2072"/>
      <c r="E17" s="2072"/>
      <c r="F17" s="2072"/>
      <c r="G17" s="2072"/>
      <c r="H17" s="2073"/>
    </row>
    <row r="18" spans="1:8" ht="27.75" customHeight="1" x14ac:dyDescent="0.2">
      <c r="A18" s="181">
        <v>9</v>
      </c>
      <c r="B18" s="2072"/>
      <c r="C18" s="2072"/>
      <c r="D18" s="2072"/>
      <c r="E18" s="2072"/>
      <c r="F18" s="2072"/>
      <c r="G18" s="2072"/>
      <c r="H18" s="2073"/>
    </row>
    <row r="19" spans="1:8" ht="27.75" customHeight="1" thickBot="1" x14ac:dyDescent="0.25">
      <c r="A19" s="182">
        <v>10</v>
      </c>
      <c r="B19" s="2074"/>
      <c r="C19" s="2074"/>
      <c r="D19" s="2074"/>
      <c r="E19" s="2074"/>
      <c r="F19" s="2074"/>
      <c r="G19" s="2074"/>
      <c r="H19" s="2075"/>
    </row>
    <row r="20" spans="1:8" ht="27.75" customHeight="1" thickTop="1" thickBot="1" x14ac:dyDescent="0.25">
      <c r="A20" s="183" t="s">
        <v>63</v>
      </c>
      <c r="B20" s="2076" t="s">
        <v>417</v>
      </c>
      <c r="C20" s="2077"/>
      <c r="D20" s="2077"/>
      <c r="E20" s="2077"/>
      <c r="F20" s="2078"/>
      <c r="G20" s="184"/>
      <c r="H20" s="185" t="s">
        <v>83</v>
      </c>
    </row>
    <row r="21" spans="1:8" ht="14.4" thickTop="1" thickBot="1" x14ac:dyDescent="0.25"/>
    <row r="22" spans="1:8" ht="27.75" customHeight="1" thickTop="1" x14ac:dyDescent="0.2">
      <c r="A22" s="2079" t="s">
        <v>194</v>
      </c>
      <c r="B22" s="2080"/>
      <c r="C22" s="2080"/>
      <c r="D22" s="2080"/>
      <c r="E22" s="2080"/>
      <c r="F22" s="2080"/>
      <c r="G22" s="2080" t="s">
        <v>416</v>
      </c>
      <c r="H22" s="2081"/>
    </row>
    <row r="23" spans="1:8" ht="27.75" customHeight="1" x14ac:dyDescent="0.2">
      <c r="A23" s="181">
        <v>1</v>
      </c>
      <c r="B23" s="2082"/>
      <c r="C23" s="2083"/>
      <c r="D23" s="2083"/>
      <c r="E23" s="2083"/>
      <c r="F23" s="2084"/>
      <c r="G23" s="2082"/>
      <c r="H23" s="2071"/>
    </row>
    <row r="24" spans="1:8" ht="27.75" customHeight="1" x14ac:dyDescent="0.2">
      <c r="A24" s="181">
        <v>2</v>
      </c>
      <c r="B24" s="2082"/>
      <c r="C24" s="2083"/>
      <c r="D24" s="2083"/>
      <c r="E24" s="2083"/>
      <c r="F24" s="2084"/>
      <c r="G24" s="2082"/>
      <c r="H24" s="2071"/>
    </row>
    <row r="25" spans="1:8" ht="27.75" customHeight="1" x14ac:dyDescent="0.2">
      <c r="A25" s="181">
        <v>3</v>
      </c>
      <c r="B25" s="2085"/>
      <c r="C25" s="2086"/>
      <c r="D25" s="2086"/>
      <c r="E25" s="2086"/>
      <c r="F25" s="2087"/>
      <c r="G25" s="2085"/>
      <c r="H25" s="2088"/>
    </row>
    <row r="26" spans="1:8" ht="27.75" customHeight="1" x14ac:dyDescent="0.2">
      <c r="A26" s="181">
        <v>4</v>
      </c>
      <c r="B26" s="2085"/>
      <c r="C26" s="2086"/>
      <c r="D26" s="2086"/>
      <c r="E26" s="2086"/>
      <c r="F26" s="2087"/>
      <c r="G26" s="2085"/>
      <c r="H26" s="2088"/>
    </row>
    <row r="27" spans="1:8" ht="27.75" customHeight="1" thickBot="1" x14ac:dyDescent="0.25">
      <c r="A27" s="186">
        <v>5</v>
      </c>
      <c r="B27" s="2089"/>
      <c r="C27" s="2090"/>
      <c r="D27" s="2090"/>
      <c r="E27" s="2090"/>
      <c r="F27" s="2091"/>
      <c r="G27" s="2089"/>
      <c r="H27" s="2092"/>
    </row>
    <row r="28" spans="1:8" ht="27.75" customHeight="1" thickTop="1" thickBot="1" x14ac:dyDescent="0.25">
      <c r="A28" s="187" t="s">
        <v>63</v>
      </c>
      <c r="B28" s="2076" t="s">
        <v>418</v>
      </c>
      <c r="C28" s="2077"/>
      <c r="D28" s="2077"/>
      <c r="E28" s="2077"/>
      <c r="F28" s="2078"/>
      <c r="G28" s="184"/>
      <c r="H28" s="184" t="s">
        <v>84</v>
      </c>
    </row>
    <row r="29" spans="1:8" ht="14.4" thickTop="1" thickBot="1" x14ac:dyDescent="0.25"/>
    <row r="30" spans="1:8" ht="13.5" customHeight="1" thickTop="1" x14ac:dyDescent="0.2">
      <c r="B30" s="2094" t="s">
        <v>419</v>
      </c>
      <c r="C30" s="2094"/>
      <c r="D30" s="2094"/>
      <c r="E30" s="2094"/>
      <c r="F30" s="2095" t="s">
        <v>420</v>
      </c>
      <c r="G30" s="2097"/>
      <c r="H30" s="2097" t="s">
        <v>421</v>
      </c>
    </row>
    <row r="31" spans="1:8" ht="13.5" customHeight="1" thickBot="1" x14ac:dyDescent="0.25">
      <c r="B31" s="2094"/>
      <c r="C31" s="2094"/>
      <c r="D31" s="2094"/>
      <c r="E31" s="2094"/>
      <c r="F31" s="2096"/>
      <c r="G31" s="2098"/>
      <c r="H31" s="2098"/>
    </row>
    <row r="32" spans="1:8" ht="13.8" thickTop="1" x14ac:dyDescent="0.2"/>
    <row r="33" spans="1:8" ht="32.25" customHeight="1" x14ac:dyDescent="0.2">
      <c r="A33" s="2093" t="s">
        <v>422</v>
      </c>
      <c r="B33" s="2093"/>
      <c r="C33" s="2093"/>
      <c r="D33" s="2093"/>
      <c r="E33" s="2093"/>
      <c r="F33" s="2093"/>
      <c r="G33" s="2093"/>
      <c r="H33" s="2093"/>
    </row>
    <row r="34" spans="1:8" ht="25.5" customHeight="1" x14ac:dyDescent="0.2">
      <c r="A34" s="2093" t="s">
        <v>1761</v>
      </c>
      <c r="B34" s="2093"/>
      <c r="C34" s="2093"/>
      <c r="D34" s="2093"/>
      <c r="E34" s="2093"/>
      <c r="F34" s="2093"/>
      <c r="G34" s="2093"/>
      <c r="H34" s="2093"/>
    </row>
    <row r="35" spans="1:8" ht="27" customHeight="1" x14ac:dyDescent="0.2">
      <c r="A35" s="188" t="s">
        <v>423</v>
      </c>
      <c r="B35" s="188"/>
      <c r="C35" s="188"/>
      <c r="D35" s="188"/>
      <c r="E35" s="188"/>
      <c r="F35" s="188"/>
      <c r="G35" s="188"/>
      <c r="H35" s="188"/>
    </row>
    <row r="36" spans="1:8" x14ac:dyDescent="0.2">
      <c r="A36" s="177"/>
      <c r="B36" s="177"/>
      <c r="C36" s="177"/>
      <c r="D36" s="177"/>
      <c r="E36" s="177"/>
      <c r="F36" s="177"/>
      <c r="G36" s="177"/>
      <c r="H36" s="177"/>
    </row>
    <row r="37" spans="1:8" x14ac:dyDescent="0.2">
      <c r="A37" s="177"/>
      <c r="B37" s="177"/>
      <c r="C37" s="177"/>
      <c r="D37" s="177"/>
      <c r="E37" s="177"/>
      <c r="F37" s="177"/>
      <c r="G37" s="177"/>
      <c r="H37" s="177"/>
    </row>
    <row r="38" spans="1:8" x14ac:dyDescent="0.2">
      <c r="A38" s="177"/>
      <c r="B38" s="177"/>
      <c r="C38" s="177"/>
      <c r="D38" s="177"/>
      <c r="E38" s="177"/>
      <c r="F38" s="177"/>
      <c r="G38" s="177"/>
      <c r="H38" s="177"/>
    </row>
    <row r="39" spans="1:8" x14ac:dyDescent="0.2">
      <c r="A39" s="177"/>
      <c r="B39" s="177"/>
      <c r="C39" s="177"/>
      <c r="D39" s="177"/>
      <c r="E39" s="177"/>
      <c r="F39" s="177"/>
      <c r="G39" s="177"/>
      <c r="H39" s="177"/>
    </row>
    <row r="40" spans="1:8" x14ac:dyDescent="0.2">
      <c r="A40" s="177"/>
      <c r="B40" s="177"/>
      <c r="C40" s="177"/>
      <c r="D40" s="177"/>
      <c r="E40" s="177"/>
      <c r="F40" s="177"/>
      <c r="G40" s="177"/>
      <c r="H40" s="177"/>
    </row>
    <row r="41" spans="1:8" x14ac:dyDescent="0.2">
      <c r="A41" s="177"/>
      <c r="B41" s="177"/>
      <c r="C41" s="177"/>
      <c r="D41" s="177"/>
      <c r="E41" s="177"/>
      <c r="F41" s="177"/>
      <c r="G41" s="177"/>
      <c r="H41" s="177"/>
    </row>
    <row r="42" spans="1:8" x14ac:dyDescent="0.2">
      <c r="A42" s="177"/>
      <c r="B42" s="177"/>
      <c r="C42" s="177"/>
      <c r="D42" s="177"/>
      <c r="E42" s="177"/>
      <c r="F42" s="177"/>
      <c r="G42" s="177"/>
      <c r="H42" s="177"/>
    </row>
    <row r="51" ht="6.75" customHeight="1" x14ac:dyDescent="0.2"/>
  </sheetData>
  <customSheetViews>
    <customSheetView guid="{FA98832E-F01A-4598-9960-E27C2FDAB118}" scale="98" showPageBreaks="1" fitToPage="1" printArea="1" view="pageBreakPreview">
      <selection activeCell="J20" sqref="J20"/>
      <pageMargins left="0.70866141732283472" right="0.70866141732283472" top="0.74803149606299213" bottom="0.74803149606299213" header="0.31496062992125984" footer="0.31496062992125984"/>
      <printOptions horizontalCentered="1"/>
      <pageSetup paperSize="9" scale="84" orientation="portrait" r:id="rId1"/>
    </customSheetView>
    <customSheetView guid="{8494577A-77FB-45FD-BD2B-C737BCFAD5B3}" scale="98" showPageBreaks="1" fitToPage="1" printArea="1" view="pageBreakPreview">
      <selection activeCell="J20" sqref="J20"/>
      <pageMargins left="0.70866141732283472" right="0.70866141732283472" top="0.74803149606299213" bottom="0.74803149606299213" header="0.31496062992125984" footer="0.31496062992125984"/>
      <printOptions horizontalCentered="1"/>
      <pageSetup paperSize="9" scale="84" orientation="portrait" r:id="rId2"/>
    </customSheetView>
  </customSheetViews>
  <mergeCells count="51">
    <mergeCell ref="B26:F26"/>
    <mergeCell ref="G26:H26"/>
    <mergeCell ref="B27:F27"/>
    <mergeCell ref="G27:H27"/>
    <mergeCell ref="A34:H34"/>
    <mergeCell ref="B28:F28"/>
    <mergeCell ref="B30:E31"/>
    <mergeCell ref="F30:F31"/>
    <mergeCell ref="G30:G31"/>
    <mergeCell ref="H30:H31"/>
    <mergeCell ref="A33:H33"/>
    <mergeCell ref="B23:F23"/>
    <mergeCell ref="G23:H23"/>
    <mergeCell ref="B24:F24"/>
    <mergeCell ref="G24:H24"/>
    <mergeCell ref="B25:F25"/>
    <mergeCell ref="G25:H25"/>
    <mergeCell ref="B19:F19"/>
    <mergeCell ref="G19:H19"/>
    <mergeCell ref="B20:F20"/>
    <mergeCell ref="A22:F22"/>
    <mergeCell ref="G22:H22"/>
    <mergeCell ref="B16:F16"/>
    <mergeCell ref="G16:H16"/>
    <mergeCell ref="B17:F17"/>
    <mergeCell ref="G17:H17"/>
    <mergeCell ref="B18:F18"/>
    <mergeCell ref="G18:H18"/>
    <mergeCell ref="B13:F13"/>
    <mergeCell ref="G13:H13"/>
    <mergeCell ref="B14:F14"/>
    <mergeCell ref="G14:H14"/>
    <mergeCell ref="B15:F15"/>
    <mergeCell ref="G15:H15"/>
    <mergeCell ref="B10:F10"/>
    <mergeCell ref="G10:H10"/>
    <mergeCell ref="B11:F11"/>
    <mergeCell ref="G11:H11"/>
    <mergeCell ref="B12:F12"/>
    <mergeCell ref="G12:H12"/>
    <mergeCell ref="A7:F7"/>
    <mergeCell ref="G7:H7"/>
    <mergeCell ref="A8:H8"/>
    <mergeCell ref="A9:F9"/>
    <mergeCell ref="G9:H9"/>
    <mergeCell ref="G1:J1"/>
    <mergeCell ref="A3:H3"/>
    <mergeCell ref="A5:F5"/>
    <mergeCell ref="G5:H5"/>
    <mergeCell ref="A6:F6"/>
    <mergeCell ref="G6:H6"/>
  </mergeCells>
  <phoneticPr fontId="6"/>
  <printOptions horizontalCentered="1"/>
  <pageMargins left="0.70866141732283472" right="0.70866141732283472" top="0.74803149606299213" bottom="0.74803149606299213" header="0.31496062992125984" footer="0.31496062992125984"/>
  <pageSetup paperSize="9" scale="84" orientation="portrait" r:id="rId3"/>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4">
    <pageSetUpPr fitToPage="1"/>
  </sheetPr>
  <dimension ref="A1:K42"/>
  <sheetViews>
    <sheetView topLeftCell="A16" workbookViewId="0">
      <selection activeCell="K10" sqref="K10"/>
    </sheetView>
  </sheetViews>
  <sheetFormatPr defaultColWidth="9" defaultRowHeight="13.2" x14ac:dyDescent="0.2"/>
  <cols>
    <col min="1" max="1" width="6.77734375" style="152" customWidth="1"/>
    <col min="2" max="6" width="12.77734375" style="152" customWidth="1"/>
    <col min="7" max="7" width="17.77734375" style="152" customWidth="1"/>
    <col min="8" max="8" width="6.44140625" style="152" customWidth="1"/>
    <col min="9" max="16384" width="9" style="152"/>
  </cols>
  <sheetData>
    <row r="1" spans="1:10" ht="27.75" customHeight="1" x14ac:dyDescent="0.2">
      <c r="A1" s="105" t="s">
        <v>687</v>
      </c>
      <c r="G1" s="2049"/>
      <c r="H1" s="2049"/>
      <c r="I1" s="2049"/>
      <c r="J1" s="2049"/>
    </row>
    <row r="2" spans="1:10" ht="39" customHeight="1" x14ac:dyDescent="0.2">
      <c r="G2" s="152" t="s">
        <v>709</v>
      </c>
    </row>
    <row r="3" spans="1:10" ht="24" customHeight="1" x14ac:dyDescent="0.2">
      <c r="A3" s="2050" t="s">
        <v>193</v>
      </c>
      <c r="B3" s="2050"/>
      <c r="C3" s="2050"/>
      <c r="D3" s="2050"/>
      <c r="E3" s="2050"/>
      <c r="F3" s="2050"/>
      <c r="G3" s="2050"/>
      <c r="H3" s="2050"/>
      <c r="I3" s="179"/>
      <c r="J3" s="176"/>
    </row>
    <row r="4" spans="1:10" ht="13.8" thickBot="1" x14ac:dyDescent="0.25"/>
    <row r="5" spans="1:10" ht="27" customHeight="1" thickTop="1" x14ac:dyDescent="0.2">
      <c r="A5" s="2051" t="s">
        <v>414</v>
      </c>
      <c r="B5" s="2052"/>
      <c r="C5" s="2052"/>
      <c r="D5" s="2052"/>
      <c r="E5" s="2052"/>
      <c r="F5" s="2052"/>
      <c r="G5" s="2099">
        <v>30</v>
      </c>
      <c r="H5" s="2100"/>
    </row>
    <row r="6" spans="1:10" ht="27" customHeight="1" x14ac:dyDescent="0.2">
      <c r="A6" s="2055" t="s">
        <v>1762</v>
      </c>
      <c r="B6" s="2056"/>
      <c r="C6" s="2056"/>
      <c r="D6" s="2056"/>
      <c r="E6" s="2056"/>
      <c r="F6" s="2056"/>
      <c r="G6" s="2057">
        <f>G5/6</f>
        <v>5</v>
      </c>
      <c r="H6" s="2058"/>
    </row>
    <row r="7" spans="1:10" ht="27" customHeight="1" thickBot="1" x14ac:dyDescent="0.25">
      <c r="A7" s="2059" t="s">
        <v>1763</v>
      </c>
      <c r="B7" s="2060"/>
      <c r="C7" s="2060"/>
      <c r="D7" s="2060"/>
      <c r="E7" s="2060"/>
      <c r="F7" s="2060"/>
      <c r="G7" s="2061">
        <f>G5/5</f>
        <v>6</v>
      </c>
      <c r="H7" s="2062"/>
    </row>
    <row r="8" spans="1:10" ht="19.5" customHeight="1" thickTop="1" thickBot="1" x14ac:dyDescent="0.25">
      <c r="A8" s="2063"/>
      <c r="B8" s="2063"/>
      <c r="C8" s="2063"/>
      <c r="D8" s="2063"/>
      <c r="E8" s="2063"/>
      <c r="F8" s="2063"/>
      <c r="G8" s="2063"/>
      <c r="H8" s="2063"/>
    </row>
    <row r="9" spans="1:10" ht="23.25" customHeight="1" thickTop="1" thickBot="1" x14ac:dyDescent="0.25">
      <c r="A9" s="2064" t="s">
        <v>415</v>
      </c>
      <c r="B9" s="2065"/>
      <c r="C9" s="2065"/>
      <c r="D9" s="2065"/>
      <c r="E9" s="2065"/>
      <c r="F9" s="2065"/>
      <c r="G9" s="2065" t="s">
        <v>416</v>
      </c>
      <c r="H9" s="2066"/>
    </row>
    <row r="10" spans="1:10" ht="18.75" customHeight="1" thickTop="1" x14ac:dyDescent="0.2">
      <c r="A10" s="180">
        <v>1</v>
      </c>
      <c r="B10" s="2067" t="s">
        <v>424</v>
      </c>
      <c r="C10" s="2067"/>
      <c r="D10" s="2067"/>
      <c r="E10" s="2067"/>
      <c r="F10" s="2067"/>
      <c r="G10" s="2067">
        <v>1</v>
      </c>
      <c r="H10" s="2068"/>
    </row>
    <row r="11" spans="1:10" ht="18.75" customHeight="1" x14ac:dyDescent="0.2">
      <c r="A11" s="181">
        <v>2</v>
      </c>
      <c r="B11" s="2069" t="s">
        <v>425</v>
      </c>
      <c r="C11" s="2069"/>
      <c r="D11" s="2069"/>
      <c r="E11" s="2069"/>
      <c r="F11" s="2069"/>
      <c r="G11" s="2069">
        <v>1</v>
      </c>
      <c r="H11" s="2070"/>
    </row>
    <row r="12" spans="1:10" ht="18.75" customHeight="1" x14ac:dyDescent="0.2">
      <c r="A12" s="181">
        <v>3</v>
      </c>
      <c r="B12" s="2069" t="s">
        <v>426</v>
      </c>
      <c r="C12" s="2069"/>
      <c r="D12" s="2069"/>
      <c r="E12" s="2069"/>
      <c r="F12" s="2069"/>
      <c r="G12" s="2069">
        <v>1</v>
      </c>
      <c r="H12" s="2070"/>
    </row>
    <row r="13" spans="1:10" ht="18.75" customHeight="1" x14ac:dyDescent="0.2">
      <c r="A13" s="181">
        <v>4</v>
      </c>
      <c r="B13" s="2069" t="s">
        <v>427</v>
      </c>
      <c r="C13" s="2069"/>
      <c r="D13" s="2069"/>
      <c r="E13" s="2069"/>
      <c r="F13" s="2069"/>
      <c r="G13" s="2069">
        <v>0.5</v>
      </c>
      <c r="H13" s="2071"/>
    </row>
    <row r="14" spans="1:10" ht="18.75" customHeight="1" x14ac:dyDescent="0.2">
      <c r="A14" s="181">
        <v>5</v>
      </c>
      <c r="B14" s="2069" t="s">
        <v>428</v>
      </c>
      <c r="C14" s="2069"/>
      <c r="D14" s="2069"/>
      <c r="E14" s="2069"/>
      <c r="F14" s="2069"/>
      <c r="G14" s="2069">
        <v>0.8</v>
      </c>
      <c r="H14" s="2070"/>
    </row>
    <row r="15" spans="1:10" ht="18.75" customHeight="1" x14ac:dyDescent="0.2">
      <c r="A15" s="181">
        <v>6</v>
      </c>
      <c r="B15" s="2069" t="s">
        <v>1764</v>
      </c>
      <c r="C15" s="2069"/>
      <c r="D15" s="2069"/>
      <c r="E15" s="2069"/>
      <c r="F15" s="2069"/>
      <c r="G15" s="2069">
        <v>1</v>
      </c>
      <c r="H15" s="2070"/>
    </row>
    <row r="16" spans="1:10" ht="18.75" customHeight="1" x14ac:dyDescent="0.2">
      <c r="A16" s="181">
        <v>7</v>
      </c>
      <c r="B16" s="2072"/>
      <c r="C16" s="2072"/>
      <c r="D16" s="2072"/>
      <c r="E16" s="2072"/>
      <c r="F16" s="2072"/>
      <c r="G16" s="2072"/>
      <c r="H16" s="2073"/>
    </row>
    <row r="17" spans="1:11" ht="18.75" customHeight="1" x14ac:dyDescent="0.2">
      <c r="A17" s="181">
        <v>8</v>
      </c>
      <c r="B17" s="2072"/>
      <c r="C17" s="2072"/>
      <c r="D17" s="2072"/>
      <c r="E17" s="2072"/>
      <c r="F17" s="2072"/>
      <c r="G17" s="2072"/>
      <c r="H17" s="2073"/>
    </row>
    <row r="18" spans="1:11" ht="18.75" customHeight="1" x14ac:dyDescent="0.2">
      <c r="A18" s="181">
        <v>9</v>
      </c>
      <c r="B18" s="2072"/>
      <c r="C18" s="2072"/>
      <c r="D18" s="2072"/>
      <c r="E18" s="2072"/>
      <c r="F18" s="2072"/>
      <c r="G18" s="2072"/>
      <c r="H18" s="2073"/>
    </row>
    <row r="19" spans="1:11" ht="18.75" customHeight="1" thickBot="1" x14ac:dyDescent="0.25">
      <c r="A19" s="182">
        <v>10</v>
      </c>
      <c r="B19" s="2074"/>
      <c r="C19" s="2074"/>
      <c r="D19" s="2074"/>
      <c r="E19" s="2074"/>
      <c r="F19" s="2074"/>
      <c r="G19" s="2074"/>
      <c r="H19" s="2075"/>
    </row>
    <row r="20" spans="1:11" ht="21.75" customHeight="1" thickTop="1" thickBot="1" x14ac:dyDescent="0.25">
      <c r="A20" s="183" t="s">
        <v>63</v>
      </c>
      <c r="B20" s="2076" t="s">
        <v>429</v>
      </c>
      <c r="C20" s="2077"/>
      <c r="D20" s="2077"/>
      <c r="E20" s="2077"/>
      <c r="F20" s="2077"/>
      <c r="G20" s="184">
        <f>SUM(G10:H15)</f>
        <v>5.3</v>
      </c>
      <c r="H20" s="185" t="s">
        <v>430</v>
      </c>
      <c r="K20" s="189"/>
    </row>
    <row r="21" spans="1:11" ht="14.4" thickTop="1" thickBot="1" x14ac:dyDescent="0.25"/>
    <row r="22" spans="1:11" ht="18.75" customHeight="1" thickTop="1" x14ac:dyDescent="0.2">
      <c r="A22" s="2079" t="s">
        <v>194</v>
      </c>
      <c r="B22" s="2080"/>
      <c r="C22" s="2080"/>
      <c r="D22" s="2080"/>
      <c r="E22" s="2080"/>
      <c r="F22" s="2080"/>
      <c r="G22" s="2080" t="s">
        <v>416</v>
      </c>
      <c r="H22" s="2081"/>
    </row>
    <row r="23" spans="1:11" ht="21.75" customHeight="1" x14ac:dyDescent="0.2">
      <c r="A23" s="181">
        <v>1</v>
      </c>
      <c r="B23" s="2082" t="s">
        <v>424</v>
      </c>
      <c r="C23" s="2083"/>
      <c r="D23" s="2083"/>
      <c r="E23" s="2083"/>
      <c r="F23" s="2084"/>
      <c r="G23" s="2082">
        <v>1</v>
      </c>
      <c r="H23" s="2071"/>
    </row>
    <row r="24" spans="1:11" ht="21.75" customHeight="1" x14ac:dyDescent="0.2">
      <c r="A24" s="181">
        <v>2</v>
      </c>
      <c r="B24" s="2082"/>
      <c r="C24" s="2083"/>
      <c r="D24" s="2083"/>
      <c r="E24" s="2083"/>
      <c r="F24" s="2084"/>
      <c r="G24" s="2082"/>
      <c r="H24" s="2071"/>
    </row>
    <row r="25" spans="1:11" ht="21.75" customHeight="1" x14ac:dyDescent="0.2">
      <c r="A25" s="181">
        <v>3</v>
      </c>
      <c r="B25" s="2085"/>
      <c r="C25" s="2086"/>
      <c r="D25" s="2086"/>
      <c r="E25" s="2086"/>
      <c r="F25" s="2087"/>
      <c r="G25" s="2085"/>
      <c r="H25" s="2088"/>
    </row>
    <row r="26" spans="1:11" ht="21.75" customHeight="1" x14ac:dyDescent="0.2">
      <c r="A26" s="181">
        <v>4</v>
      </c>
      <c r="B26" s="2085"/>
      <c r="C26" s="2086"/>
      <c r="D26" s="2086"/>
      <c r="E26" s="2086"/>
      <c r="F26" s="2087"/>
      <c r="G26" s="2085"/>
      <c r="H26" s="2088"/>
    </row>
    <row r="27" spans="1:11" ht="21.75" customHeight="1" thickBot="1" x14ac:dyDescent="0.25">
      <c r="A27" s="186">
        <v>5</v>
      </c>
      <c r="B27" s="2089"/>
      <c r="C27" s="2090"/>
      <c r="D27" s="2090"/>
      <c r="E27" s="2090"/>
      <c r="F27" s="2091"/>
      <c r="G27" s="2089"/>
      <c r="H27" s="2092"/>
    </row>
    <row r="28" spans="1:11" ht="21.75" customHeight="1" thickTop="1" thickBot="1" x14ac:dyDescent="0.25">
      <c r="A28" s="187" t="s">
        <v>63</v>
      </c>
      <c r="B28" s="2076" t="s">
        <v>418</v>
      </c>
      <c r="C28" s="2077"/>
      <c r="D28" s="2077"/>
      <c r="E28" s="2077"/>
      <c r="F28" s="2077"/>
      <c r="G28" s="184">
        <v>1</v>
      </c>
      <c r="H28" s="184" t="s">
        <v>431</v>
      </c>
    </row>
    <row r="29" spans="1:11" ht="14.4" thickTop="1" thickBot="1" x14ac:dyDescent="0.25"/>
    <row r="30" spans="1:11" ht="13.5" customHeight="1" thickTop="1" x14ac:dyDescent="0.2">
      <c r="B30" s="2094" t="s">
        <v>419</v>
      </c>
      <c r="C30" s="2094"/>
      <c r="D30" s="2094"/>
      <c r="E30" s="2094"/>
      <c r="F30" s="2102" t="s">
        <v>420</v>
      </c>
      <c r="G30" s="2097">
        <f>G20+G28</f>
        <v>6.3</v>
      </c>
      <c r="H30" s="2097" t="s">
        <v>432</v>
      </c>
    </row>
    <row r="31" spans="1:11" ht="13.5" customHeight="1" thickBot="1" x14ac:dyDescent="0.25">
      <c r="B31" s="2094"/>
      <c r="C31" s="2094"/>
      <c r="D31" s="2094"/>
      <c r="E31" s="2094"/>
      <c r="F31" s="2103"/>
      <c r="G31" s="2098"/>
      <c r="H31" s="2098"/>
    </row>
    <row r="32" spans="1:11" ht="13.8" thickTop="1" x14ac:dyDescent="0.2"/>
    <row r="33" spans="1:8" ht="32.25" customHeight="1" x14ac:dyDescent="0.2">
      <c r="A33" s="2101" t="s">
        <v>422</v>
      </c>
      <c r="B33" s="2101"/>
      <c r="C33" s="2101"/>
      <c r="D33" s="2101"/>
      <c r="E33" s="2101"/>
      <c r="F33" s="2101"/>
      <c r="G33" s="2101"/>
      <c r="H33" s="2101"/>
    </row>
    <row r="34" spans="1:8" ht="25.5" customHeight="1" x14ac:dyDescent="0.2">
      <c r="A34" s="2101" t="s">
        <v>1765</v>
      </c>
      <c r="B34" s="2101"/>
      <c r="C34" s="2101"/>
      <c r="D34" s="2101"/>
      <c r="E34" s="2101"/>
      <c r="F34" s="2101"/>
      <c r="G34" s="2101"/>
      <c r="H34" s="2101"/>
    </row>
    <row r="35" spans="1:8" ht="27" customHeight="1" x14ac:dyDescent="0.2">
      <c r="A35" s="178" t="s">
        <v>423</v>
      </c>
      <c r="B35" s="178"/>
      <c r="C35" s="178"/>
      <c r="D35" s="178"/>
      <c r="E35" s="178"/>
      <c r="F35" s="178"/>
      <c r="G35" s="178"/>
      <c r="H35" s="178"/>
    </row>
    <row r="36" spans="1:8" x14ac:dyDescent="0.2">
      <c r="A36" s="177"/>
      <c r="B36" s="177"/>
      <c r="C36" s="177"/>
      <c r="D36" s="177"/>
      <c r="E36" s="177"/>
      <c r="F36" s="177"/>
      <c r="G36" s="177"/>
      <c r="H36" s="177"/>
    </row>
    <row r="37" spans="1:8" x14ac:dyDescent="0.2">
      <c r="A37" s="177"/>
      <c r="B37" s="177"/>
      <c r="C37" s="177"/>
      <c r="D37" s="177"/>
      <c r="E37" s="177"/>
      <c r="F37" s="177"/>
      <c r="G37" s="177"/>
      <c r="H37" s="177"/>
    </row>
    <row r="38" spans="1:8" x14ac:dyDescent="0.2">
      <c r="A38" s="177"/>
      <c r="B38" s="177"/>
      <c r="C38" s="177"/>
      <c r="D38" s="177"/>
      <c r="E38" s="177"/>
      <c r="F38" s="177"/>
      <c r="G38" s="177"/>
      <c r="H38" s="177"/>
    </row>
    <row r="39" spans="1:8" x14ac:dyDescent="0.2">
      <c r="A39" s="177"/>
      <c r="B39" s="177"/>
      <c r="C39" s="177"/>
      <c r="D39" s="177"/>
      <c r="E39" s="177"/>
      <c r="F39" s="177"/>
      <c r="G39" s="177"/>
      <c r="H39" s="177"/>
    </row>
    <row r="40" spans="1:8" x14ac:dyDescent="0.2">
      <c r="A40" s="177"/>
      <c r="B40" s="177"/>
      <c r="C40" s="177"/>
      <c r="D40" s="177"/>
      <c r="E40" s="177"/>
      <c r="F40" s="177"/>
      <c r="G40" s="177"/>
      <c r="H40" s="177"/>
    </row>
    <row r="41" spans="1:8" x14ac:dyDescent="0.2">
      <c r="A41" s="177"/>
      <c r="B41" s="177"/>
      <c r="C41" s="177"/>
      <c r="D41" s="177"/>
      <c r="E41" s="177"/>
      <c r="F41" s="177"/>
      <c r="G41" s="177"/>
      <c r="H41" s="177"/>
    </row>
    <row r="42" spans="1:8" x14ac:dyDescent="0.2">
      <c r="A42" s="177"/>
      <c r="B42" s="177"/>
      <c r="C42" s="177"/>
      <c r="D42" s="177"/>
      <c r="E42" s="177"/>
      <c r="F42" s="177"/>
      <c r="G42" s="177"/>
      <c r="H42" s="177"/>
    </row>
  </sheetData>
  <customSheetViews>
    <customSheetView guid="{FA98832E-F01A-4598-9960-E27C2FDAB118}" fitToPage="1">
      <selection activeCell="J20" sqref="J20"/>
      <pageMargins left="0.70866141732283472" right="0.70866141732283472" top="0.74803149606299213" bottom="0.74803149606299213" header="0.31496062992125984" footer="0.31496062992125984"/>
      <printOptions horizontalCentered="1"/>
      <pageSetup paperSize="9" scale="72" orientation="portrait" r:id="rId1"/>
    </customSheetView>
    <customSheetView guid="{8494577A-77FB-45FD-BD2B-C737BCFAD5B3}" fitToPage="1">
      <selection activeCell="J20" sqref="J20"/>
      <pageMargins left="0.70866141732283472" right="0.70866141732283472" top="0.74803149606299213" bottom="0.74803149606299213" header="0.31496062992125984" footer="0.31496062992125984"/>
      <printOptions horizontalCentered="1"/>
      <pageSetup paperSize="9" scale="72" orientation="portrait" r:id="rId2"/>
    </customSheetView>
  </customSheetViews>
  <mergeCells count="51">
    <mergeCell ref="B26:F26"/>
    <mergeCell ref="G26:H26"/>
    <mergeCell ref="B27:F27"/>
    <mergeCell ref="G27:H27"/>
    <mergeCell ref="A34:H34"/>
    <mergeCell ref="B28:F28"/>
    <mergeCell ref="B30:E31"/>
    <mergeCell ref="F30:F31"/>
    <mergeCell ref="G30:G31"/>
    <mergeCell ref="H30:H31"/>
    <mergeCell ref="A33:H33"/>
    <mergeCell ref="B23:F23"/>
    <mergeCell ref="G23:H23"/>
    <mergeCell ref="B24:F24"/>
    <mergeCell ref="G24:H24"/>
    <mergeCell ref="B25:F25"/>
    <mergeCell ref="G25:H25"/>
    <mergeCell ref="B19:F19"/>
    <mergeCell ref="G19:H19"/>
    <mergeCell ref="B20:F20"/>
    <mergeCell ref="A22:F22"/>
    <mergeCell ref="G22:H22"/>
    <mergeCell ref="B16:F16"/>
    <mergeCell ref="G16:H16"/>
    <mergeCell ref="B17:F17"/>
    <mergeCell ref="G17:H17"/>
    <mergeCell ref="B18:F18"/>
    <mergeCell ref="G18:H18"/>
    <mergeCell ref="B13:F13"/>
    <mergeCell ref="G13:H13"/>
    <mergeCell ref="B14:F14"/>
    <mergeCell ref="G14:H14"/>
    <mergeCell ref="B15:F15"/>
    <mergeCell ref="G15:H15"/>
    <mergeCell ref="B10:F10"/>
    <mergeCell ref="G10:H10"/>
    <mergeCell ref="B11:F11"/>
    <mergeCell ref="G11:H11"/>
    <mergeCell ref="B12:F12"/>
    <mergeCell ref="G12:H12"/>
    <mergeCell ref="A7:F7"/>
    <mergeCell ref="G7:H7"/>
    <mergeCell ref="A8:H8"/>
    <mergeCell ref="A9:F9"/>
    <mergeCell ref="G9:H9"/>
    <mergeCell ref="G1:J1"/>
    <mergeCell ref="A3:H3"/>
    <mergeCell ref="A5:F5"/>
    <mergeCell ref="G5:H5"/>
    <mergeCell ref="A6:F6"/>
    <mergeCell ref="G6:H6"/>
  </mergeCells>
  <phoneticPr fontId="6"/>
  <printOptions horizontalCentered="1"/>
  <pageMargins left="0.70866141732283472" right="0.70866141732283472" top="0.74803149606299213" bottom="0.74803149606299213" header="0.31496062992125984" footer="0.31496062992125984"/>
  <pageSetup paperSize="9" scale="72" orientation="portrait" r:id="rId3"/>
  <drawing r:id="rId4"/>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37"/>
  <sheetViews>
    <sheetView showGridLines="0" view="pageBreakPreview" zoomScaleNormal="100" zoomScaleSheetLayoutView="100" workbookViewId="0">
      <selection activeCell="C20" sqref="C20:K20"/>
    </sheetView>
  </sheetViews>
  <sheetFormatPr defaultColWidth="9" defaultRowHeight="24.9" customHeight="1" x14ac:dyDescent="0.2"/>
  <cols>
    <col min="1" max="1" width="5.6640625" style="599" customWidth="1"/>
    <col min="2" max="2" width="2.6640625" style="599" customWidth="1"/>
    <col min="3" max="3" width="11.77734375" style="599" customWidth="1"/>
    <col min="4" max="4" width="8.109375" style="599" customWidth="1"/>
    <col min="5" max="5" width="8.6640625" style="599" customWidth="1"/>
    <col min="6" max="6" width="10.6640625" style="599" customWidth="1"/>
    <col min="7" max="7" width="16.109375" style="599" bestFit="1" customWidth="1"/>
    <col min="8" max="8" width="11.6640625" style="599" bestFit="1" customWidth="1"/>
    <col min="9" max="9" width="7.77734375" style="599" customWidth="1"/>
    <col min="10" max="10" width="7.33203125" style="599" customWidth="1"/>
    <col min="11" max="11" width="3.21875" style="599" bestFit="1" customWidth="1"/>
    <col min="12" max="16" width="2.6640625" style="599" customWidth="1"/>
    <col min="17" max="16384" width="9" style="599"/>
  </cols>
  <sheetData>
    <row r="1" spans="1:12" ht="24.9" customHeight="1" x14ac:dyDescent="0.2">
      <c r="A1" s="624"/>
      <c r="L1" s="623" t="s">
        <v>723</v>
      </c>
    </row>
    <row r="2" spans="1:12" ht="39.75" customHeight="1" x14ac:dyDescent="0.2">
      <c r="C2" s="2144" t="s">
        <v>994</v>
      </c>
      <c r="D2" s="2144"/>
      <c r="E2" s="1475"/>
      <c r="F2" s="1475"/>
      <c r="G2" s="1475"/>
      <c r="H2" s="1475"/>
      <c r="I2" s="1475"/>
      <c r="J2" s="1475"/>
    </row>
    <row r="3" spans="1:12" ht="21" customHeight="1" x14ac:dyDescent="0.2">
      <c r="C3" s="1475" t="s">
        <v>993</v>
      </c>
      <c r="D3" s="1475"/>
      <c r="E3" s="1475"/>
      <c r="F3" s="1475"/>
      <c r="G3" s="1475"/>
      <c r="H3" s="1475"/>
      <c r="I3" s="1475"/>
      <c r="J3" s="1475"/>
    </row>
    <row r="4" spans="1:12" ht="12" customHeight="1" thickBot="1" x14ac:dyDescent="0.25">
      <c r="A4" s="622"/>
      <c r="B4" s="622"/>
      <c r="C4" s="622"/>
      <c r="D4" s="622"/>
      <c r="E4" s="622"/>
      <c r="F4" s="622"/>
      <c r="G4" s="622"/>
      <c r="H4" s="622"/>
      <c r="I4" s="622"/>
      <c r="J4" s="622"/>
      <c r="K4" s="622"/>
      <c r="L4" s="622"/>
    </row>
    <row r="5" spans="1:12" ht="27" customHeight="1" thickBot="1" x14ac:dyDescent="0.25">
      <c r="H5" s="621" t="s">
        <v>215</v>
      </c>
      <c r="I5" s="2145"/>
      <c r="J5" s="2146"/>
      <c r="K5" s="2146"/>
      <c r="L5" s="2147"/>
    </row>
    <row r="6" spans="1:12" ht="27" customHeight="1" x14ac:dyDescent="0.2">
      <c r="A6" s="2148" t="s">
        <v>297</v>
      </c>
      <c r="B6" s="2149"/>
      <c r="C6" s="2150"/>
      <c r="D6" s="2151"/>
      <c r="E6" s="2152"/>
      <c r="F6" s="2152"/>
      <c r="G6" s="2152"/>
      <c r="H6" s="2152"/>
      <c r="I6" s="2152"/>
      <c r="J6" s="2152"/>
      <c r="K6" s="2152"/>
      <c r="L6" s="2153"/>
    </row>
    <row r="7" spans="1:12" ht="27" customHeight="1" x14ac:dyDescent="0.2">
      <c r="A7" s="1442" t="s">
        <v>133</v>
      </c>
      <c r="B7" s="1443"/>
      <c r="C7" s="1444"/>
      <c r="D7" s="2110"/>
      <c r="E7" s="1443"/>
      <c r="F7" s="1443"/>
      <c r="G7" s="1443"/>
      <c r="H7" s="1443"/>
      <c r="I7" s="1443"/>
      <c r="J7" s="1443"/>
      <c r="K7" s="1443"/>
      <c r="L7" s="2143"/>
    </row>
    <row r="8" spans="1:12" ht="27" customHeight="1" thickBot="1" x14ac:dyDescent="0.25">
      <c r="A8" s="2121" t="s">
        <v>127</v>
      </c>
      <c r="B8" s="2122"/>
      <c r="C8" s="598" t="s">
        <v>128</v>
      </c>
      <c r="D8" s="2123"/>
      <c r="E8" s="2122"/>
      <c r="F8" s="598" t="s">
        <v>136</v>
      </c>
      <c r="G8" s="620"/>
      <c r="H8" s="598" t="s">
        <v>129</v>
      </c>
      <c r="I8" s="2123"/>
      <c r="J8" s="2124"/>
      <c r="K8" s="2124"/>
      <c r="L8" s="2125"/>
    </row>
    <row r="9" spans="1:12" ht="18" customHeight="1" thickTop="1" x14ac:dyDescent="0.2">
      <c r="A9" s="2126" t="s">
        <v>992</v>
      </c>
      <c r="B9" s="613"/>
      <c r="C9" s="612"/>
      <c r="D9" s="612"/>
      <c r="E9" s="617"/>
      <c r="F9" s="617"/>
      <c r="G9" s="617"/>
      <c r="H9" s="617"/>
      <c r="I9" s="617"/>
      <c r="J9" s="617"/>
      <c r="K9" s="617"/>
      <c r="L9" s="611"/>
    </row>
    <row r="10" spans="1:12" ht="18" customHeight="1" x14ac:dyDescent="0.2">
      <c r="A10" s="2126"/>
      <c r="B10" s="613"/>
      <c r="C10" s="612" t="s">
        <v>991</v>
      </c>
      <c r="D10" s="612"/>
      <c r="E10" s="617"/>
      <c r="F10" s="617"/>
      <c r="G10" s="617"/>
      <c r="H10" s="617"/>
      <c r="I10" s="617"/>
      <c r="J10" s="617"/>
      <c r="K10" s="617"/>
      <c r="L10" s="611"/>
    </row>
    <row r="11" spans="1:12" ht="27" customHeight="1" x14ac:dyDescent="0.2">
      <c r="A11" s="2126"/>
      <c r="B11" s="613"/>
      <c r="C11" s="2128" t="s">
        <v>990</v>
      </c>
      <c r="D11" s="2129"/>
      <c r="E11" s="2129"/>
      <c r="F11" s="2129"/>
      <c r="G11" s="2129"/>
      <c r="H11" s="2129"/>
      <c r="I11" s="2130"/>
      <c r="J11" s="619"/>
      <c r="K11" s="618" t="s">
        <v>971</v>
      </c>
      <c r="L11" s="611"/>
    </row>
    <row r="12" spans="1:12" ht="27" customHeight="1" x14ac:dyDescent="0.2">
      <c r="A12" s="2126"/>
      <c r="B12" s="613"/>
      <c r="C12" s="2128" t="s">
        <v>989</v>
      </c>
      <c r="D12" s="2129"/>
      <c r="E12" s="2129"/>
      <c r="F12" s="2129"/>
      <c r="G12" s="2129"/>
      <c r="H12" s="2129"/>
      <c r="I12" s="2130"/>
      <c r="J12" s="619"/>
      <c r="K12" s="618" t="s">
        <v>971</v>
      </c>
      <c r="L12" s="611"/>
    </row>
    <row r="13" spans="1:12" ht="27" customHeight="1" x14ac:dyDescent="0.2">
      <c r="A13" s="2126"/>
      <c r="B13" s="613"/>
      <c r="C13" s="2128" t="s">
        <v>988</v>
      </c>
      <c r="D13" s="2129"/>
      <c r="E13" s="2129"/>
      <c r="F13" s="2129"/>
      <c r="G13" s="2129"/>
      <c r="H13" s="2129"/>
      <c r="I13" s="2130"/>
      <c r="J13" s="619"/>
      <c r="K13" s="618" t="s">
        <v>971</v>
      </c>
      <c r="L13" s="611"/>
    </row>
    <row r="14" spans="1:12" ht="27" customHeight="1" x14ac:dyDescent="0.2">
      <c r="A14" s="2126"/>
      <c r="B14" s="613"/>
      <c r="C14" s="2131" t="s">
        <v>987</v>
      </c>
      <c r="D14" s="2129"/>
      <c r="E14" s="2129"/>
      <c r="F14" s="2129"/>
      <c r="G14" s="2129"/>
      <c r="H14" s="2129"/>
      <c r="I14" s="2130"/>
      <c r="J14" s="619" t="str">
        <f>IF(J13="","",J12+J13-J11)</f>
        <v/>
      </c>
      <c r="K14" s="618" t="s">
        <v>971</v>
      </c>
      <c r="L14" s="611"/>
    </row>
    <row r="15" spans="1:12" ht="18" customHeight="1" x14ac:dyDescent="0.2">
      <c r="A15" s="2126"/>
      <c r="B15" s="613"/>
      <c r="C15" s="612"/>
      <c r="D15" s="612"/>
      <c r="E15" s="617"/>
      <c r="F15" s="617"/>
      <c r="G15" s="617"/>
      <c r="H15" s="617"/>
      <c r="I15" s="617"/>
      <c r="J15" s="617"/>
      <c r="K15" s="617"/>
      <c r="L15" s="611"/>
    </row>
    <row r="16" spans="1:12" ht="18" customHeight="1" x14ac:dyDescent="0.2">
      <c r="A16" s="2126"/>
      <c r="B16" s="613"/>
      <c r="C16" s="2117" t="s">
        <v>986</v>
      </c>
      <c r="D16" s="2117"/>
      <c r="E16" s="2117"/>
      <c r="F16" s="2117"/>
      <c r="G16" s="2117"/>
      <c r="H16" s="2117"/>
      <c r="I16" s="2117"/>
      <c r="J16" s="2117"/>
      <c r="K16" s="2117"/>
      <c r="L16" s="611"/>
    </row>
    <row r="17" spans="1:12" ht="27" customHeight="1" x14ac:dyDescent="0.2">
      <c r="A17" s="2126"/>
      <c r="B17" s="613"/>
      <c r="C17" s="1481" t="s">
        <v>981</v>
      </c>
      <c r="D17" s="2135"/>
      <c r="E17" s="2136"/>
      <c r="F17" s="2136"/>
      <c r="G17" s="1481" t="s">
        <v>985</v>
      </c>
      <c r="H17" s="2139" t="s">
        <v>984</v>
      </c>
      <c r="I17" s="2139"/>
      <c r="J17" s="2139"/>
      <c r="K17" s="2140"/>
      <c r="L17" s="611"/>
    </row>
    <row r="18" spans="1:12" ht="27" customHeight="1" x14ac:dyDescent="0.2">
      <c r="A18" s="2126"/>
      <c r="B18" s="613"/>
      <c r="C18" s="1486"/>
      <c r="D18" s="2137"/>
      <c r="E18" s="2138"/>
      <c r="F18" s="2138"/>
      <c r="G18" s="1486"/>
      <c r="H18" s="2141" t="s">
        <v>983</v>
      </c>
      <c r="I18" s="2141"/>
      <c r="J18" s="2141"/>
      <c r="K18" s="2142"/>
      <c r="L18" s="611"/>
    </row>
    <row r="19" spans="1:12" ht="18" customHeight="1" x14ac:dyDescent="0.2">
      <c r="A19" s="2126"/>
      <c r="B19" s="613"/>
      <c r="C19" s="612"/>
      <c r="D19" s="612"/>
      <c r="E19" s="617"/>
      <c r="F19" s="617"/>
      <c r="G19" s="617"/>
      <c r="H19" s="617"/>
      <c r="I19" s="617"/>
      <c r="J19" s="617"/>
      <c r="K19" s="617"/>
      <c r="L19" s="611"/>
    </row>
    <row r="20" spans="1:12" ht="18" customHeight="1" x14ac:dyDescent="0.2">
      <c r="A20" s="2126"/>
      <c r="B20" s="613"/>
      <c r="C20" s="2117" t="s">
        <v>982</v>
      </c>
      <c r="D20" s="2117"/>
      <c r="E20" s="2117"/>
      <c r="F20" s="2117"/>
      <c r="G20" s="2117"/>
      <c r="H20" s="2117"/>
      <c r="I20" s="2117"/>
      <c r="J20" s="2117"/>
      <c r="K20" s="2117"/>
      <c r="L20" s="611"/>
    </row>
    <row r="21" spans="1:12" ht="27" customHeight="1" x14ac:dyDescent="0.2">
      <c r="A21" s="2126"/>
      <c r="B21" s="613"/>
      <c r="C21" s="597" t="s">
        <v>981</v>
      </c>
      <c r="D21" s="2118"/>
      <c r="E21" s="2119"/>
      <c r="F21" s="2120"/>
      <c r="G21" s="597" t="s">
        <v>980</v>
      </c>
      <c r="H21" s="2118"/>
      <c r="I21" s="2119"/>
      <c r="J21" s="2119"/>
      <c r="K21" s="2120"/>
      <c r="L21" s="611"/>
    </row>
    <row r="22" spans="1:12" ht="27" customHeight="1" x14ac:dyDescent="0.2">
      <c r="A22" s="2126"/>
      <c r="B22" s="613"/>
      <c r="C22" s="597" t="s">
        <v>979</v>
      </c>
      <c r="D22" s="2118"/>
      <c r="E22" s="2119"/>
      <c r="F22" s="2119"/>
      <c r="G22" s="2119"/>
      <c r="H22" s="2119"/>
      <c r="I22" s="2119"/>
      <c r="J22" s="2119"/>
      <c r="K22" s="2120"/>
      <c r="L22" s="611"/>
    </row>
    <row r="23" spans="1:12" ht="18" customHeight="1" x14ac:dyDescent="0.2">
      <c r="A23" s="2126"/>
      <c r="B23" s="613"/>
      <c r="C23" s="612"/>
      <c r="D23" s="612"/>
      <c r="E23" s="617"/>
      <c r="F23" s="617"/>
      <c r="G23" s="617"/>
      <c r="H23" s="617"/>
      <c r="I23" s="617"/>
      <c r="J23" s="617"/>
      <c r="K23" s="617"/>
      <c r="L23" s="611"/>
    </row>
    <row r="24" spans="1:12" ht="18" customHeight="1" x14ac:dyDescent="0.2">
      <c r="A24" s="2126"/>
      <c r="B24" s="613"/>
      <c r="C24" s="2113" t="s">
        <v>978</v>
      </c>
      <c r="D24" s="2113"/>
      <c r="E24" s="2113"/>
      <c r="F24" s="2113"/>
      <c r="G24" s="2113"/>
      <c r="H24" s="2113"/>
      <c r="I24" s="2113"/>
      <c r="J24" s="2113"/>
      <c r="K24" s="2113"/>
      <c r="L24" s="611"/>
    </row>
    <row r="25" spans="1:12" ht="27" customHeight="1" x14ac:dyDescent="0.2">
      <c r="A25" s="2126"/>
      <c r="B25" s="613"/>
      <c r="C25" s="616"/>
      <c r="D25" s="1440" t="s">
        <v>977</v>
      </c>
      <c r="E25" s="2104"/>
      <c r="F25" s="2104"/>
      <c r="G25" s="2105"/>
      <c r="H25" s="2106" t="s">
        <v>976</v>
      </c>
      <c r="I25" s="2107"/>
      <c r="J25" s="2108" t="s">
        <v>975</v>
      </c>
      <c r="K25" s="2107"/>
      <c r="L25" s="611"/>
    </row>
    <row r="26" spans="1:12" ht="54" customHeight="1" x14ac:dyDescent="0.2">
      <c r="A26" s="2126"/>
      <c r="B26" s="613"/>
      <c r="C26" s="596" t="s">
        <v>974</v>
      </c>
      <c r="D26" s="2132"/>
      <c r="E26" s="2133"/>
      <c r="F26" s="2133"/>
      <c r="G26" s="2134"/>
      <c r="H26" s="2111" t="s">
        <v>972</v>
      </c>
      <c r="I26" s="2112"/>
      <c r="J26" s="615"/>
      <c r="K26" s="614" t="s">
        <v>971</v>
      </c>
      <c r="L26" s="611"/>
    </row>
    <row r="27" spans="1:12" ht="54" customHeight="1" x14ac:dyDescent="0.2">
      <c r="A27" s="2126"/>
      <c r="B27" s="613"/>
      <c r="C27" s="597" t="s">
        <v>973</v>
      </c>
      <c r="D27" s="2110"/>
      <c r="E27" s="1443"/>
      <c r="F27" s="1443"/>
      <c r="G27" s="1444"/>
      <c r="H27" s="2111" t="s">
        <v>972</v>
      </c>
      <c r="I27" s="2112"/>
      <c r="J27" s="615"/>
      <c r="K27" s="614" t="s">
        <v>971</v>
      </c>
      <c r="L27" s="611"/>
    </row>
    <row r="28" spans="1:12" ht="18" customHeight="1" x14ac:dyDescent="0.2">
      <c r="A28" s="2126"/>
      <c r="B28" s="613"/>
      <c r="C28" s="612"/>
      <c r="D28" s="612"/>
      <c r="L28" s="611"/>
    </row>
    <row r="29" spans="1:12" ht="18" customHeight="1" x14ac:dyDescent="0.2">
      <c r="A29" s="2126"/>
      <c r="B29" s="613"/>
      <c r="C29" s="2113" t="s">
        <v>970</v>
      </c>
      <c r="D29" s="2113"/>
      <c r="E29" s="2113"/>
      <c r="F29" s="2113"/>
      <c r="G29" s="2113"/>
      <c r="H29" s="2113"/>
      <c r="I29" s="2113"/>
      <c r="J29" s="2113"/>
      <c r="K29" s="2113"/>
      <c r="L29" s="611"/>
    </row>
    <row r="30" spans="1:12" ht="54" customHeight="1" x14ac:dyDescent="0.2">
      <c r="A30" s="2126"/>
      <c r="B30" s="613"/>
      <c r="C30" s="2114"/>
      <c r="D30" s="2115"/>
      <c r="E30" s="2115"/>
      <c r="F30" s="2115"/>
      <c r="G30" s="2115"/>
      <c r="H30" s="2115"/>
      <c r="I30" s="2115"/>
      <c r="J30" s="2115"/>
      <c r="K30" s="2116"/>
      <c r="L30" s="611"/>
    </row>
    <row r="31" spans="1:12" ht="24.9" customHeight="1" x14ac:dyDescent="0.2">
      <c r="A31" s="2126"/>
      <c r="B31" s="613"/>
      <c r="C31" s="612"/>
      <c r="D31" s="612"/>
      <c r="L31" s="611"/>
    </row>
    <row r="32" spans="1:12" ht="24.9" customHeight="1" thickBot="1" x14ac:dyDescent="0.25">
      <c r="A32" s="2127"/>
      <c r="B32" s="610"/>
      <c r="C32" s="609"/>
      <c r="D32" s="609"/>
      <c r="E32" s="608"/>
      <c r="F32" s="608"/>
      <c r="G32" s="608"/>
      <c r="H32" s="608"/>
      <c r="I32" s="608"/>
      <c r="J32" s="608"/>
      <c r="K32" s="608"/>
      <c r="L32" s="607"/>
    </row>
    <row r="33" spans="1:12" ht="12" customHeight="1" x14ac:dyDescent="0.2">
      <c r="A33" s="606"/>
      <c r="B33" s="605"/>
      <c r="C33" s="605"/>
      <c r="D33" s="605"/>
      <c r="E33" s="604"/>
      <c r="F33" s="604"/>
      <c r="G33" s="604"/>
      <c r="H33" s="604"/>
      <c r="I33" s="604"/>
      <c r="J33" s="604"/>
      <c r="K33" s="604"/>
      <c r="L33" s="604"/>
    </row>
    <row r="34" spans="1:12" ht="39" customHeight="1" x14ac:dyDescent="0.2">
      <c r="A34" s="603" t="s">
        <v>969</v>
      </c>
      <c r="B34" s="602" t="s">
        <v>968</v>
      </c>
      <c r="C34" s="2109" t="s">
        <v>967</v>
      </c>
      <c r="D34" s="2109"/>
      <c r="E34" s="2109"/>
      <c r="F34" s="2109"/>
      <c r="G34" s="2109"/>
      <c r="H34" s="2109"/>
      <c r="I34" s="2109"/>
      <c r="J34" s="2109"/>
      <c r="K34" s="2109"/>
      <c r="L34" s="2109"/>
    </row>
    <row r="35" spans="1:12" ht="28.5" customHeight="1" x14ac:dyDescent="0.2">
      <c r="A35" s="603"/>
      <c r="B35" s="602" t="s">
        <v>966</v>
      </c>
      <c r="C35" s="2109" t="s">
        <v>965</v>
      </c>
      <c r="D35" s="2109"/>
      <c r="E35" s="2109"/>
      <c r="F35" s="2109"/>
      <c r="G35" s="2109"/>
      <c r="H35" s="2109"/>
      <c r="I35" s="2109"/>
      <c r="J35" s="2109"/>
      <c r="K35" s="2109"/>
      <c r="L35" s="2109"/>
    </row>
    <row r="36" spans="1:12" ht="39.75" customHeight="1" x14ac:dyDescent="0.2">
      <c r="A36" s="603"/>
      <c r="B36" s="602" t="s">
        <v>964</v>
      </c>
      <c r="C36" s="2109" t="s">
        <v>963</v>
      </c>
      <c r="D36" s="2109"/>
      <c r="E36" s="2109"/>
      <c r="F36" s="2109"/>
      <c r="G36" s="2109"/>
      <c r="H36" s="2109"/>
      <c r="I36" s="2109"/>
      <c r="J36" s="2109"/>
      <c r="K36" s="2109"/>
      <c r="L36" s="2109"/>
    </row>
    <row r="37" spans="1:12" ht="51.75" customHeight="1" x14ac:dyDescent="0.2">
      <c r="A37" s="601"/>
      <c r="B37" s="600" t="s">
        <v>962</v>
      </c>
      <c r="C37" s="2109" t="s">
        <v>961</v>
      </c>
      <c r="D37" s="2109"/>
      <c r="E37" s="2109"/>
      <c r="F37" s="2109"/>
      <c r="G37" s="2109"/>
      <c r="H37" s="2109"/>
      <c r="I37" s="2109"/>
      <c r="J37" s="2109"/>
      <c r="K37" s="2109"/>
      <c r="L37" s="2109"/>
    </row>
  </sheetData>
  <customSheetViews>
    <customSheetView guid="{FA98832E-F01A-4598-9960-E27C2FDAB118}" showPageBreaks="1" showGridLines="0" fitToPage="1" printArea="1" view="pageBreakPreview">
      <selection activeCell="J20" sqref="J20"/>
      <pageMargins left="0.78740157480314965" right="0.39370078740157483" top="0.39370078740157483" bottom="0.35433070866141736" header="0.31496062992125984" footer="0.27559055118110237"/>
      <printOptions horizontalCentered="1"/>
      <pageSetup paperSize="9" scale="84" orientation="portrait" r:id="rId1"/>
      <headerFooter alignWithMargins="0"/>
    </customSheetView>
    <customSheetView guid="{8494577A-77FB-45FD-BD2B-C737BCFAD5B3}" showPageBreaks="1" showGridLines="0" fitToPage="1" printArea="1" view="pageBreakPreview">
      <selection activeCell="J20" sqref="J20"/>
      <pageMargins left="0.78740157480314965" right="0.39370078740157483" top="0.39370078740157483" bottom="0.35433070866141736" header="0.31496062992125984" footer="0.27559055118110237"/>
      <printOptions horizontalCentered="1"/>
      <pageSetup paperSize="9" scale="85" orientation="portrait" r:id="rId2"/>
      <headerFooter alignWithMargins="0"/>
    </customSheetView>
  </customSheetViews>
  <mergeCells count="39">
    <mergeCell ref="A7:C7"/>
    <mergeCell ref="D7:L7"/>
    <mergeCell ref="C2:J2"/>
    <mergeCell ref="C3:J3"/>
    <mergeCell ref="I5:L5"/>
    <mergeCell ref="A6:C6"/>
    <mergeCell ref="D6:L6"/>
    <mergeCell ref="A8:B8"/>
    <mergeCell ref="D8:E8"/>
    <mergeCell ref="I8:L8"/>
    <mergeCell ref="A9:A32"/>
    <mergeCell ref="C11:I11"/>
    <mergeCell ref="C12:I12"/>
    <mergeCell ref="C13:I13"/>
    <mergeCell ref="C14:I14"/>
    <mergeCell ref="C16:K16"/>
    <mergeCell ref="C17:C18"/>
    <mergeCell ref="D26:G26"/>
    <mergeCell ref="H26:I26"/>
    <mergeCell ref="D17:F18"/>
    <mergeCell ref="G17:G18"/>
    <mergeCell ref="H17:K17"/>
    <mergeCell ref="H18:K18"/>
    <mergeCell ref="C20:K20"/>
    <mergeCell ref="D21:F21"/>
    <mergeCell ref="H21:K21"/>
    <mergeCell ref="D22:K22"/>
    <mergeCell ref="C24:K24"/>
    <mergeCell ref="D25:G25"/>
    <mergeCell ref="H25:I25"/>
    <mergeCell ref="J25:K25"/>
    <mergeCell ref="C36:L36"/>
    <mergeCell ref="C37:L37"/>
    <mergeCell ref="D27:G27"/>
    <mergeCell ref="H27:I27"/>
    <mergeCell ref="C29:K29"/>
    <mergeCell ref="C30:K30"/>
    <mergeCell ref="C34:L34"/>
    <mergeCell ref="C35:L35"/>
  </mergeCells>
  <phoneticPr fontId="6"/>
  <dataValidations count="1">
    <dataValidation imeMode="disabled" allowBlank="1" showInputMessage="1" showErrorMessage="1" sqref="J26:J27 JF26:JF27 TB26:TB27 ACX26:ACX27 AMT26:AMT27 AWP26:AWP27 BGL26:BGL27 BQH26:BQH27 CAD26:CAD27 CJZ26:CJZ27 CTV26:CTV27 DDR26:DDR27 DNN26:DNN27 DXJ26:DXJ27 EHF26:EHF27 ERB26:ERB27 FAX26:FAX27 FKT26:FKT27 FUP26:FUP27 GEL26:GEL27 GOH26:GOH27 GYD26:GYD27 HHZ26:HHZ27 HRV26:HRV27 IBR26:IBR27 ILN26:ILN27 IVJ26:IVJ27 JFF26:JFF27 JPB26:JPB27 JYX26:JYX27 KIT26:KIT27 KSP26:KSP27 LCL26:LCL27 LMH26:LMH27 LWD26:LWD27 MFZ26:MFZ27 MPV26:MPV27 MZR26:MZR27 NJN26:NJN27 NTJ26:NTJ27 ODF26:ODF27 ONB26:ONB27 OWX26:OWX27 PGT26:PGT27 PQP26:PQP27 QAL26:QAL27 QKH26:QKH27 QUD26:QUD27 RDZ26:RDZ27 RNV26:RNV27 RXR26:RXR27 SHN26:SHN27 SRJ26:SRJ27 TBF26:TBF27 TLB26:TLB27 TUX26:TUX27 UET26:UET27 UOP26:UOP27 UYL26:UYL27 VIH26:VIH27 VSD26:VSD27 WBZ26:WBZ27 WLV26:WLV27 WVR26:WVR27 J65562:J65563 JF65562:JF65563 TB65562:TB65563 ACX65562:ACX65563 AMT65562:AMT65563 AWP65562:AWP65563 BGL65562:BGL65563 BQH65562:BQH65563 CAD65562:CAD65563 CJZ65562:CJZ65563 CTV65562:CTV65563 DDR65562:DDR65563 DNN65562:DNN65563 DXJ65562:DXJ65563 EHF65562:EHF65563 ERB65562:ERB65563 FAX65562:FAX65563 FKT65562:FKT65563 FUP65562:FUP65563 GEL65562:GEL65563 GOH65562:GOH65563 GYD65562:GYD65563 HHZ65562:HHZ65563 HRV65562:HRV65563 IBR65562:IBR65563 ILN65562:ILN65563 IVJ65562:IVJ65563 JFF65562:JFF65563 JPB65562:JPB65563 JYX65562:JYX65563 KIT65562:KIT65563 KSP65562:KSP65563 LCL65562:LCL65563 LMH65562:LMH65563 LWD65562:LWD65563 MFZ65562:MFZ65563 MPV65562:MPV65563 MZR65562:MZR65563 NJN65562:NJN65563 NTJ65562:NTJ65563 ODF65562:ODF65563 ONB65562:ONB65563 OWX65562:OWX65563 PGT65562:PGT65563 PQP65562:PQP65563 QAL65562:QAL65563 QKH65562:QKH65563 QUD65562:QUD65563 RDZ65562:RDZ65563 RNV65562:RNV65563 RXR65562:RXR65563 SHN65562:SHN65563 SRJ65562:SRJ65563 TBF65562:TBF65563 TLB65562:TLB65563 TUX65562:TUX65563 UET65562:UET65563 UOP65562:UOP65563 UYL65562:UYL65563 VIH65562:VIH65563 VSD65562:VSD65563 WBZ65562:WBZ65563 WLV65562:WLV65563 WVR65562:WVR65563 J131098:J131099 JF131098:JF131099 TB131098:TB131099 ACX131098:ACX131099 AMT131098:AMT131099 AWP131098:AWP131099 BGL131098:BGL131099 BQH131098:BQH131099 CAD131098:CAD131099 CJZ131098:CJZ131099 CTV131098:CTV131099 DDR131098:DDR131099 DNN131098:DNN131099 DXJ131098:DXJ131099 EHF131098:EHF131099 ERB131098:ERB131099 FAX131098:FAX131099 FKT131098:FKT131099 FUP131098:FUP131099 GEL131098:GEL131099 GOH131098:GOH131099 GYD131098:GYD131099 HHZ131098:HHZ131099 HRV131098:HRV131099 IBR131098:IBR131099 ILN131098:ILN131099 IVJ131098:IVJ131099 JFF131098:JFF131099 JPB131098:JPB131099 JYX131098:JYX131099 KIT131098:KIT131099 KSP131098:KSP131099 LCL131098:LCL131099 LMH131098:LMH131099 LWD131098:LWD131099 MFZ131098:MFZ131099 MPV131098:MPV131099 MZR131098:MZR131099 NJN131098:NJN131099 NTJ131098:NTJ131099 ODF131098:ODF131099 ONB131098:ONB131099 OWX131098:OWX131099 PGT131098:PGT131099 PQP131098:PQP131099 QAL131098:QAL131099 QKH131098:QKH131099 QUD131098:QUD131099 RDZ131098:RDZ131099 RNV131098:RNV131099 RXR131098:RXR131099 SHN131098:SHN131099 SRJ131098:SRJ131099 TBF131098:TBF131099 TLB131098:TLB131099 TUX131098:TUX131099 UET131098:UET131099 UOP131098:UOP131099 UYL131098:UYL131099 VIH131098:VIH131099 VSD131098:VSD131099 WBZ131098:WBZ131099 WLV131098:WLV131099 WVR131098:WVR131099 J196634:J196635 JF196634:JF196635 TB196634:TB196635 ACX196634:ACX196635 AMT196634:AMT196635 AWP196634:AWP196635 BGL196634:BGL196635 BQH196634:BQH196635 CAD196634:CAD196635 CJZ196634:CJZ196635 CTV196634:CTV196635 DDR196634:DDR196635 DNN196634:DNN196635 DXJ196634:DXJ196635 EHF196634:EHF196635 ERB196634:ERB196635 FAX196634:FAX196635 FKT196634:FKT196635 FUP196634:FUP196635 GEL196634:GEL196635 GOH196634:GOH196635 GYD196634:GYD196635 HHZ196634:HHZ196635 HRV196634:HRV196635 IBR196634:IBR196635 ILN196634:ILN196635 IVJ196634:IVJ196635 JFF196634:JFF196635 JPB196634:JPB196635 JYX196634:JYX196635 KIT196634:KIT196635 KSP196634:KSP196635 LCL196634:LCL196635 LMH196634:LMH196635 LWD196634:LWD196635 MFZ196634:MFZ196635 MPV196634:MPV196635 MZR196634:MZR196635 NJN196634:NJN196635 NTJ196634:NTJ196635 ODF196634:ODF196635 ONB196634:ONB196635 OWX196634:OWX196635 PGT196634:PGT196635 PQP196634:PQP196635 QAL196634:QAL196635 QKH196634:QKH196635 QUD196634:QUD196635 RDZ196634:RDZ196635 RNV196634:RNV196635 RXR196634:RXR196635 SHN196634:SHN196635 SRJ196634:SRJ196635 TBF196634:TBF196635 TLB196634:TLB196635 TUX196634:TUX196635 UET196634:UET196635 UOP196634:UOP196635 UYL196634:UYL196635 VIH196634:VIH196635 VSD196634:VSD196635 WBZ196634:WBZ196635 WLV196634:WLV196635 WVR196634:WVR196635 J262170:J262171 JF262170:JF262171 TB262170:TB262171 ACX262170:ACX262171 AMT262170:AMT262171 AWP262170:AWP262171 BGL262170:BGL262171 BQH262170:BQH262171 CAD262170:CAD262171 CJZ262170:CJZ262171 CTV262170:CTV262171 DDR262170:DDR262171 DNN262170:DNN262171 DXJ262170:DXJ262171 EHF262170:EHF262171 ERB262170:ERB262171 FAX262170:FAX262171 FKT262170:FKT262171 FUP262170:FUP262171 GEL262170:GEL262171 GOH262170:GOH262171 GYD262170:GYD262171 HHZ262170:HHZ262171 HRV262170:HRV262171 IBR262170:IBR262171 ILN262170:ILN262171 IVJ262170:IVJ262171 JFF262170:JFF262171 JPB262170:JPB262171 JYX262170:JYX262171 KIT262170:KIT262171 KSP262170:KSP262171 LCL262170:LCL262171 LMH262170:LMH262171 LWD262170:LWD262171 MFZ262170:MFZ262171 MPV262170:MPV262171 MZR262170:MZR262171 NJN262170:NJN262171 NTJ262170:NTJ262171 ODF262170:ODF262171 ONB262170:ONB262171 OWX262170:OWX262171 PGT262170:PGT262171 PQP262170:PQP262171 QAL262170:QAL262171 QKH262170:QKH262171 QUD262170:QUD262171 RDZ262170:RDZ262171 RNV262170:RNV262171 RXR262170:RXR262171 SHN262170:SHN262171 SRJ262170:SRJ262171 TBF262170:TBF262171 TLB262170:TLB262171 TUX262170:TUX262171 UET262170:UET262171 UOP262170:UOP262171 UYL262170:UYL262171 VIH262170:VIH262171 VSD262170:VSD262171 WBZ262170:WBZ262171 WLV262170:WLV262171 WVR262170:WVR262171 J327706:J327707 JF327706:JF327707 TB327706:TB327707 ACX327706:ACX327707 AMT327706:AMT327707 AWP327706:AWP327707 BGL327706:BGL327707 BQH327706:BQH327707 CAD327706:CAD327707 CJZ327706:CJZ327707 CTV327706:CTV327707 DDR327706:DDR327707 DNN327706:DNN327707 DXJ327706:DXJ327707 EHF327706:EHF327707 ERB327706:ERB327707 FAX327706:FAX327707 FKT327706:FKT327707 FUP327706:FUP327707 GEL327706:GEL327707 GOH327706:GOH327707 GYD327706:GYD327707 HHZ327706:HHZ327707 HRV327706:HRV327707 IBR327706:IBR327707 ILN327706:ILN327707 IVJ327706:IVJ327707 JFF327706:JFF327707 JPB327706:JPB327707 JYX327706:JYX327707 KIT327706:KIT327707 KSP327706:KSP327707 LCL327706:LCL327707 LMH327706:LMH327707 LWD327706:LWD327707 MFZ327706:MFZ327707 MPV327706:MPV327707 MZR327706:MZR327707 NJN327706:NJN327707 NTJ327706:NTJ327707 ODF327706:ODF327707 ONB327706:ONB327707 OWX327706:OWX327707 PGT327706:PGT327707 PQP327706:PQP327707 QAL327706:QAL327707 QKH327706:QKH327707 QUD327706:QUD327707 RDZ327706:RDZ327707 RNV327706:RNV327707 RXR327706:RXR327707 SHN327706:SHN327707 SRJ327706:SRJ327707 TBF327706:TBF327707 TLB327706:TLB327707 TUX327706:TUX327707 UET327706:UET327707 UOP327706:UOP327707 UYL327706:UYL327707 VIH327706:VIH327707 VSD327706:VSD327707 WBZ327706:WBZ327707 WLV327706:WLV327707 WVR327706:WVR327707 J393242:J393243 JF393242:JF393243 TB393242:TB393243 ACX393242:ACX393243 AMT393242:AMT393243 AWP393242:AWP393243 BGL393242:BGL393243 BQH393242:BQH393243 CAD393242:CAD393243 CJZ393242:CJZ393243 CTV393242:CTV393243 DDR393242:DDR393243 DNN393242:DNN393243 DXJ393242:DXJ393243 EHF393242:EHF393243 ERB393242:ERB393243 FAX393242:FAX393243 FKT393242:FKT393243 FUP393242:FUP393243 GEL393242:GEL393243 GOH393242:GOH393243 GYD393242:GYD393243 HHZ393242:HHZ393243 HRV393242:HRV393243 IBR393242:IBR393243 ILN393242:ILN393243 IVJ393242:IVJ393243 JFF393242:JFF393243 JPB393242:JPB393243 JYX393242:JYX393243 KIT393242:KIT393243 KSP393242:KSP393243 LCL393242:LCL393243 LMH393242:LMH393243 LWD393242:LWD393243 MFZ393242:MFZ393243 MPV393242:MPV393243 MZR393242:MZR393243 NJN393242:NJN393243 NTJ393242:NTJ393243 ODF393242:ODF393243 ONB393242:ONB393243 OWX393242:OWX393243 PGT393242:PGT393243 PQP393242:PQP393243 QAL393242:QAL393243 QKH393242:QKH393243 QUD393242:QUD393243 RDZ393242:RDZ393243 RNV393242:RNV393243 RXR393242:RXR393243 SHN393242:SHN393243 SRJ393242:SRJ393243 TBF393242:TBF393243 TLB393242:TLB393243 TUX393242:TUX393243 UET393242:UET393243 UOP393242:UOP393243 UYL393242:UYL393243 VIH393242:VIH393243 VSD393242:VSD393243 WBZ393242:WBZ393243 WLV393242:WLV393243 WVR393242:WVR393243 J458778:J458779 JF458778:JF458779 TB458778:TB458779 ACX458778:ACX458779 AMT458778:AMT458779 AWP458778:AWP458779 BGL458778:BGL458779 BQH458778:BQH458779 CAD458778:CAD458779 CJZ458778:CJZ458779 CTV458778:CTV458779 DDR458778:DDR458779 DNN458778:DNN458779 DXJ458778:DXJ458779 EHF458778:EHF458779 ERB458778:ERB458779 FAX458778:FAX458779 FKT458778:FKT458779 FUP458778:FUP458779 GEL458778:GEL458779 GOH458778:GOH458779 GYD458778:GYD458779 HHZ458778:HHZ458779 HRV458778:HRV458779 IBR458778:IBR458779 ILN458778:ILN458779 IVJ458778:IVJ458779 JFF458778:JFF458779 JPB458778:JPB458779 JYX458778:JYX458779 KIT458778:KIT458779 KSP458778:KSP458779 LCL458778:LCL458779 LMH458778:LMH458779 LWD458778:LWD458779 MFZ458778:MFZ458779 MPV458778:MPV458779 MZR458778:MZR458779 NJN458778:NJN458779 NTJ458778:NTJ458779 ODF458778:ODF458779 ONB458778:ONB458779 OWX458778:OWX458779 PGT458778:PGT458779 PQP458778:PQP458779 QAL458778:QAL458779 QKH458778:QKH458779 QUD458778:QUD458779 RDZ458778:RDZ458779 RNV458778:RNV458779 RXR458778:RXR458779 SHN458778:SHN458779 SRJ458778:SRJ458779 TBF458778:TBF458779 TLB458778:TLB458779 TUX458778:TUX458779 UET458778:UET458779 UOP458778:UOP458779 UYL458778:UYL458779 VIH458778:VIH458779 VSD458778:VSD458779 WBZ458778:WBZ458779 WLV458778:WLV458779 WVR458778:WVR458779 J524314:J524315 JF524314:JF524315 TB524314:TB524315 ACX524314:ACX524315 AMT524314:AMT524315 AWP524314:AWP524315 BGL524314:BGL524315 BQH524314:BQH524315 CAD524314:CAD524315 CJZ524314:CJZ524315 CTV524314:CTV524315 DDR524314:DDR524315 DNN524314:DNN524315 DXJ524314:DXJ524315 EHF524314:EHF524315 ERB524314:ERB524315 FAX524314:FAX524315 FKT524314:FKT524315 FUP524314:FUP524315 GEL524314:GEL524315 GOH524314:GOH524315 GYD524314:GYD524315 HHZ524314:HHZ524315 HRV524314:HRV524315 IBR524314:IBR524315 ILN524314:ILN524315 IVJ524314:IVJ524315 JFF524314:JFF524315 JPB524314:JPB524315 JYX524314:JYX524315 KIT524314:KIT524315 KSP524314:KSP524315 LCL524314:LCL524315 LMH524314:LMH524315 LWD524314:LWD524315 MFZ524314:MFZ524315 MPV524314:MPV524315 MZR524314:MZR524315 NJN524314:NJN524315 NTJ524314:NTJ524315 ODF524314:ODF524315 ONB524314:ONB524315 OWX524314:OWX524315 PGT524314:PGT524315 PQP524314:PQP524315 QAL524314:QAL524315 QKH524314:QKH524315 QUD524314:QUD524315 RDZ524314:RDZ524315 RNV524314:RNV524315 RXR524314:RXR524315 SHN524314:SHN524315 SRJ524314:SRJ524315 TBF524314:TBF524315 TLB524314:TLB524315 TUX524314:TUX524315 UET524314:UET524315 UOP524314:UOP524315 UYL524314:UYL524315 VIH524314:VIH524315 VSD524314:VSD524315 WBZ524314:WBZ524315 WLV524314:WLV524315 WVR524314:WVR524315 J589850:J589851 JF589850:JF589851 TB589850:TB589851 ACX589850:ACX589851 AMT589850:AMT589851 AWP589850:AWP589851 BGL589850:BGL589851 BQH589850:BQH589851 CAD589850:CAD589851 CJZ589850:CJZ589851 CTV589850:CTV589851 DDR589850:DDR589851 DNN589850:DNN589851 DXJ589850:DXJ589851 EHF589850:EHF589851 ERB589850:ERB589851 FAX589850:FAX589851 FKT589850:FKT589851 FUP589850:FUP589851 GEL589850:GEL589851 GOH589850:GOH589851 GYD589850:GYD589851 HHZ589850:HHZ589851 HRV589850:HRV589851 IBR589850:IBR589851 ILN589850:ILN589851 IVJ589850:IVJ589851 JFF589850:JFF589851 JPB589850:JPB589851 JYX589850:JYX589851 KIT589850:KIT589851 KSP589850:KSP589851 LCL589850:LCL589851 LMH589850:LMH589851 LWD589850:LWD589851 MFZ589850:MFZ589851 MPV589850:MPV589851 MZR589850:MZR589851 NJN589850:NJN589851 NTJ589850:NTJ589851 ODF589850:ODF589851 ONB589850:ONB589851 OWX589850:OWX589851 PGT589850:PGT589851 PQP589850:PQP589851 QAL589850:QAL589851 QKH589850:QKH589851 QUD589850:QUD589851 RDZ589850:RDZ589851 RNV589850:RNV589851 RXR589850:RXR589851 SHN589850:SHN589851 SRJ589850:SRJ589851 TBF589850:TBF589851 TLB589850:TLB589851 TUX589850:TUX589851 UET589850:UET589851 UOP589850:UOP589851 UYL589850:UYL589851 VIH589850:VIH589851 VSD589850:VSD589851 WBZ589850:WBZ589851 WLV589850:WLV589851 WVR589850:WVR589851 J655386:J655387 JF655386:JF655387 TB655386:TB655387 ACX655386:ACX655387 AMT655386:AMT655387 AWP655386:AWP655387 BGL655386:BGL655387 BQH655386:BQH655387 CAD655386:CAD655387 CJZ655386:CJZ655387 CTV655386:CTV655387 DDR655386:DDR655387 DNN655386:DNN655387 DXJ655386:DXJ655387 EHF655386:EHF655387 ERB655386:ERB655387 FAX655386:FAX655387 FKT655386:FKT655387 FUP655386:FUP655387 GEL655386:GEL655387 GOH655386:GOH655387 GYD655386:GYD655387 HHZ655386:HHZ655387 HRV655386:HRV655387 IBR655386:IBR655387 ILN655386:ILN655387 IVJ655386:IVJ655387 JFF655386:JFF655387 JPB655386:JPB655387 JYX655386:JYX655387 KIT655386:KIT655387 KSP655386:KSP655387 LCL655386:LCL655387 LMH655386:LMH655387 LWD655386:LWD655387 MFZ655386:MFZ655387 MPV655386:MPV655387 MZR655386:MZR655387 NJN655386:NJN655387 NTJ655386:NTJ655387 ODF655386:ODF655387 ONB655386:ONB655387 OWX655386:OWX655387 PGT655386:PGT655387 PQP655386:PQP655387 QAL655386:QAL655387 QKH655386:QKH655387 QUD655386:QUD655387 RDZ655386:RDZ655387 RNV655386:RNV655387 RXR655386:RXR655387 SHN655386:SHN655387 SRJ655386:SRJ655387 TBF655386:TBF655387 TLB655386:TLB655387 TUX655386:TUX655387 UET655386:UET655387 UOP655386:UOP655387 UYL655386:UYL655387 VIH655386:VIH655387 VSD655386:VSD655387 WBZ655386:WBZ655387 WLV655386:WLV655387 WVR655386:WVR655387 J720922:J720923 JF720922:JF720923 TB720922:TB720923 ACX720922:ACX720923 AMT720922:AMT720923 AWP720922:AWP720923 BGL720922:BGL720923 BQH720922:BQH720923 CAD720922:CAD720923 CJZ720922:CJZ720923 CTV720922:CTV720923 DDR720922:DDR720923 DNN720922:DNN720923 DXJ720922:DXJ720923 EHF720922:EHF720923 ERB720922:ERB720923 FAX720922:FAX720923 FKT720922:FKT720923 FUP720922:FUP720923 GEL720922:GEL720923 GOH720922:GOH720923 GYD720922:GYD720923 HHZ720922:HHZ720923 HRV720922:HRV720923 IBR720922:IBR720923 ILN720922:ILN720923 IVJ720922:IVJ720923 JFF720922:JFF720923 JPB720922:JPB720923 JYX720922:JYX720923 KIT720922:KIT720923 KSP720922:KSP720923 LCL720922:LCL720923 LMH720922:LMH720923 LWD720922:LWD720923 MFZ720922:MFZ720923 MPV720922:MPV720923 MZR720922:MZR720923 NJN720922:NJN720923 NTJ720922:NTJ720923 ODF720922:ODF720923 ONB720922:ONB720923 OWX720922:OWX720923 PGT720922:PGT720923 PQP720922:PQP720923 QAL720922:QAL720923 QKH720922:QKH720923 QUD720922:QUD720923 RDZ720922:RDZ720923 RNV720922:RNV720923 RXR720922:RXR720923 SHN720922:SHN720923 SRJ720922:SRJ720923 TBF720922:TBF720923 TLB720922:TLB720923 TUX720922:TUX720923 UET720922:UET720923 UOP720922:UOP720923 UYL720922:UYL720923 VIH720922:VIH720923 VSD720922:VSD720923 WBZ720922:WBZ720923 WLV720922:WLV720923 WVR720922:WVR720923 J786458:J786459 JF786458:JF786459 TB786458:TB786459 ACX786458:ACX786459 AMT786458:AMT786459 AWP786458:AWP786459 BGL786458:BGL786459 BQH786458:BQH786459 CAD786458:CAD786459 CJZ786458:CJZ786459 CTV786458:CTV786459 DDR786458:DDR786459 DNN786458:DNN786459 DXJ786458:DXJ786459 EHF786458:EHF786459 ERB786458:ERB786459 FAX786458:FAX786459 FKT786458:FKT786459 FUP786458:FUP786459 GEL786458:GEL786459 GOH786458:GOH786459 GYD786458:GYD786459 HHZ786458:HHZ786459 HRV786458:HRV786459 IBR786458:IBR786459 ILN786458:ILN786459 IVJ786458:IVJ786459 JFF786458:JFF786459 JPB786458:JPB786459 JYX786458:JYX786459 KIT786458:KIT786459 KSP786458:KSP786459 LCL786458:LCL786459 LMH786458:LMH786459 LWD786458:LWD786459 MFZ786458:MFZ786459 MPV786458:MPV786459 MZR786458:MZR786459 NJN786458:NJN786459 NTJ786458:NTJ786459 ODF786458:ODF786459 ONB786458:ONB786459 OWX786458:OWX786459 PGT786458:PGT786459 PQP786458:PQP786459 QAL786458:QAL786459 QKH786458:QKH786459 QUD786458:QUD786459 RDZ786458:RDZ786459 RNV786458:RNV786459 RXR786458:RXR786459 SHN786458:SHN786459 SRJ786458:SRJ786459 TBF786458:TBF786459 TLB786458:TLB786459 TUX786458:TUX786459 UET786458:UET786459 UOP786458:UOP786459 UYL786458:UYL786459 VIH786458:VIH786459 VSD786458:VSD786459 WBZ786458:WBZ786459 WLV786458:WLV786459 WVR786458:WVR786459 J851994:J851995 JF851994:JF851995 TB851994:TB851995 ACX851994:ACX851995 AMT851994:AMT851995 AWP851994:AWP851995 BGL851994:BGL851995 BQH851994:BQH851995 CAD851994:CAD851995 CJZ851994:CJZ851995 CTV851994:CTV851995 DDR851994:DDR851995 DNN851994:DNN851995 DXJ851994:DXJ851995 EHF851994:EHF851995 ERB851994:ERB851995 FAX851994:FAX851995 FKT851994:FKT851995 FUP851994:FUP851995 GEL851994:GEL851995 GOH851994:GOH851995 GYD851994:GYD851995 HHZ851994:HHZ851995 HRV851994:HRV851995 IBR851994:IBR851995 ILN851994:ILN851995 IVJ851994:IVJ851995 JFF851994:JFF851995 JPB851994:JPB851995 JYX851994:JYX851995 KIT851994:KIT851995 KSP851994:KSP851995 LCL851994:LCL851995 LMH851994:LMH851995 LWD851994:LWD851995 MFZ851994:MFZ851995 MPV851994:MPV851995 MZR851994:MZR851995 NJN851994:NJN851995 NTJ851994:NTJ851995 ODF851994:ODF851995 ONB851994:ONB851995 OWX851994:OWX851995 PGT851994:PGT851995 PQP851994:PQP851995 QAL851994:QAL851995 QKH851994:QKH851995 QUD851994:QUD851995 RDZ851994:RDZ851995 RNV851994:RNV851995 RXR851994:RXR851995 SHN851994:SHN851995 SRJ851994:SRJ851995 TBF851994:TBF851995 TLB851994:TLB851995 TUX851994:TUX851995 UET851994:UET851995 UOP851994:UOP851995 UYL851994:UYL851995 VIH851994:VIH851995 VSD851994:VSD851995 WBZ851994:WBZ851995 WLV851994:WLV851995 WVR851994:WVR851995 J917530:J917531 JF917530:JF917531 TB917530:TB917531 ACX917530:ACX917531 AMT917530:AMT917531 AWP917530:AWP917531 BGL917530:BGL917531 BQH917530:BQH917531 CAD917530:CAD917531 CJZ917530:CJZ917531 CTV917530:CTV917531 DDR917530:DDR917531 DNN917530:DNN917531 DXJ917530:DXJ917531 EHF917530:EHF917531 ERB917530:ERB917531 FAX917530:FAX917531 FKT917530:FKT917531 FUP917530:FUP917531 GEL917530:GEL917531 GOH917530:GOH917531 GYD917530:GYD917531 HHZ917530:HHZ917531 HRV917530:HRV917531 IBR917530:IBR917531 ILN917530:ILN917531 IVJ917530:IVJ917531 JFF917530:JFF917531 JPB917530:JPB917531 JYX917530:JYX917531 KIT917530:KIT917531 KSP917530:KSP917531 LCL917530:LCL917531 LMH917530:LMH917531 LWD917530:LWD917531 MFZ917530:MFZ917531 MPV917530:MPV917531 MZR917530:MZR917531 NJN917530:NJN917531 NTJ917530:NTJ917531 ODF917530:ODF917531 ONB917530:ONB917531 OWX917530:OWX917531 PGT917530:PGT917531 PQP917530:PQP917531 QAL917530:QAL917531 QKH917530:QKH917531 QUD917530:QUD917531 RDZ917530:RDZ917531 RNV917530:RNV917531 RXR917530:RXR917531 SHN917530:SHN917531 SRJ917530:SRJ917531 TBF917530:TBF917531 TLB917530:TLB917531 TUX917530:TUX917531 UET917530:UET917531 UOP917530:UOP917531 UYL917530:UYL917531 VIH917530:VIH917531 VSD917530:VSD917531 WBZ917530:WBZ917531 WLV917530:WLV917531 WVR917530:WVR917531 J983066:J983067 JF983066:JF983067 TB983066:TB983067 ACX983066:ACX983067 AMT983066:AMT983067 AWP983066:AWP983067 BGL983066:BGL983067 BQH983066:BQH983067 CAD983066:CAD983067 CJZ983066:CJZ983067 CTV983066:CTV983067 DDR983066:DDR983067 DNN983066:DNN983067 DXJ983066:DXJ983067 EHF983066:EHF983067 ERB983066:ERB983067 FAX983066:FAX983067 FKT983066:FKT983067 FUP983066:FUP983067 GEL983066:GEL983067 GOH983066:GOH983067 GYD983066:GYD983067 HHZ983066:HHZ983067 HRV983066:HRV983067 IBR983066:IBR983067 ILN983066:ILN983067 IVJ983066:IVJ983067 JFF983066:JFF983067 JPB983066:JPB983067 JYX983066:JYX983067 KIT983066:KIT983067 KSP983066:KSP983067 LCL983066:LCL983067 LMH983066:LMH983067 LWD983066:LWD983067 MFZ983066:MFZ983067 MPV983066:MPV983067 MZR983066:MZR983067 NJN983066:NJN983067 NTJ983066:NTJ983067 ODF983066:ODF983067 ONB983066:ONB983067 OWX983066:OWX983067 PGT983066:PGT983067 PQP983066:PQP983067 QAL983066:QAL983067 QKH983066:QKH983067 QUD983066:QUD983067 RDZ983066:RDZ983067 RNV983066:RNV983067 RXR983066:RXR983067 SHN983066:SHN983067 SRJ983066:SRJ983067 TBF983066:TBF983067 TLB983066:TLB983067 TUX983066:TUX983067 UET983066:UET983067 UOP983066:UOP983067 UYL983066:UYL983067 VIH983066:VIH983067 VSD983066:VSD983067 WBZ983066:WBZ983067 WLV983066:WLV983067 WVR983066:WVR983067 I5:L5 JE5:JH5 TA5:TD5 ACW5:ACZ5 AMS5:AMV5 AWO5:AWR5 BGK5:BGN5 BQG5:BQJ5 CAC5:CAF5 CJY5:CKB5 CTU5:CTX5 DDQ5:DDT5 DNM5:DNP5 DXI5:DXL5 EHE5:EHH5 ERA5:ERD5 FAW5:FAZ5 FKS5:FKV5 FUO5:FUR5 GEK5:GEN5 GOG5:GOJ5 GYC5:GYF5 HHY5:HIB5 HRU5:HRX5 IBQ5:IBT5 ILM5:ILP5 IVI5:IVL5 JFE5:JFH5 JPA5:JPD5 JYW5:JYZ5 KIS5:KIV5 KSO5:KSR5 LCK5:LCN5 LMG5:LMJ5 LWC5:LWF5 MFY5:MGB5 MPU5:MPX5 MZQ5:MZT5 NJM5:NJP5 NTI5:NTL5 ODE5:ODH5 ONA5:OND5 OWW5:OWZ5 PGS5:PGV5 PQO5:PQR5 QAK5:QAN5 QKG5:QKJ5 QUC5:QUF5 RDY5:REB5 RNU5:RNX5 RXQ5:RXT5 SHM5:SHP5 SRI5:SRL5 TBE5:TBH5 TLA5:TLD5 TUW5:TUZ5 UES5:UEV5 UOO5:UOR5 UYK5:UYN5 VIG5:VIJ5 VSC5:VSF5 WBY5:WCB5 WLU5:WLX5 WVQ5:WVT5 I65541:L65541 JE65541:JH65541 TA65541:TD65541 ACW65541:ACZ65541 AMS65541:AMV65541 AWO65541:AWR65541 BGK65541:BGN65541 BQG65541:BQJ65541 CAC65541:CAF65541 CJY65541:CKB65541 CTU65541:CTX65541 DDQ65541:DDT65541 DNM65541:DNP65541 DXI65541:DXL65541 EHE65541:EHH65541 ERA65541:ERD65541 FAW65541:FAZ65541 FKS65541:FKV65541 FUO65541:FUR65541 GEK65541:GEN65541 GOG65541:GOJ65541 GYC65541:GYF65541 HHY65541:HIB65541 HRU65541:HRX65541 IBQ65541:IBT65541 ILM65541:ILP65541 IVI65541:IVL65541 JFE65541:JFH65541 JPA65541:JPD65541 JYW65541:JYZ65541 KIS65541:KIV65541 KSO65541:KSR65541 LCK65541:LCN65541 LMG65541:LMJ65541 LWC65541:LWF65541 MFY65541:MGB65541 MPU65541:MPX65541 MZQ65541:MZT65541 NJM65541:NJP65541 NTI65541:NTL65541 ODE65541:ODH65541 ONA65541:OND65541 OWW65541:OWZ65541 PGS65541:PGV65541 PQO65541:PQR65541 QAK65541:QAN65541 QKG65541:QKJ65541 QUC65541:QUF65541 RDY65541:REB65541 RNU65541:RNX65541 RXQ65541:RXT65541 SHM65541:SHP65541 SRI65541:SRL65541 TBE65541:TBH65541 TLA65541:TLD65541 TUW65541:TUZ65541 UES65541:UEV65541 UOO65541:UOR65541 UYK65541:UYN65541 VIG65541:VIJ65541 VSC65541:VSF65541 WBY65541:WCB65541 WLU65541:WLX65541 WVQ65541:WVT65541 I131077:L131077 JE131077:JH131077 TA131077:TD131077 ACW131077:ACZ131077 AMS131077:AMV131077 AWO131077:AWR131077 BGK131077:BGN131077 BQG131077:BQJ131077 CAC131077:CAF131077 CJY131077:CKB131077 CTU131077:CTX131077 DDQ131077:DDT131077 DNM131077:DNP131077 DXI131077:DXL131077 EHE131077:EHH131077 ERA131077:ERD131077 FAW131077:FAZ131077 FKS131077:FKV131077 FUO131077:FUR131077 GEK131077:GEN131077 GOG131077:GOJ131077 GYC131077:GYF131077 HHY131077:HIB131077 HRU131077:HRX131077 IBQ131077:IBT131077 ILM131077:ILP131077 IVI131077:IVL131077 JFE131077:JFH131077 JPA131077:JPD131077 JYW131077:JYZ131077 KIS131077:KIV131077 KSO131077:KSR131077 LCK131077:LCN131077 LMG131077:LMJ131077 LWC131077:LWF131077 MFY131077:MGB131077 MPU131077:MPX131077 MZQ131077:MZT131077 NJM131077:NJP131077 NTI131077:NTL131077 ODE131077:ODH131077 ONA131077:OND131077 OWW131077:OWZ131077 PGS131077:PGV131077 PQO131077:PQR131077 QAK131077:QAN131077 QKG131077:QKJ131077 QUC131077:QUF131077 RDY131077:REB131077 RNU131077:RNX131077 RXQ131077:RXT131077 SHM131077:SHP131077 SRI131077:SRL131077 TBE131077:TBH131077 TLA131077:TLD131077 TUW131077:TUZ131077 UES131077:UEV131077 UOO131077:UOR131077 UYK131077:UYN131077 VIG131077:VIJ131077 VSC131077:VSF131077 WBY131077:WCB131077 WLU131077:WLX131077 WVQ131077:WVT131077 I196613:L196613 JE196613:JH196613 TA196613:TD196613 ACW196613:ACZ196613 AMS196613:AMV196613 AWO196613:AWR196613 BGK196613:BGN196613 BQG196613:BQJ196613 CAC196613:CAF196613 CJY196613:CKB196613 CTU196613:CTX196613 DDQ196613:DDT196613 DNM196613:DNP196613 DXI196613:DXL196613 EHE196613:EHH196613 ERA196613:ERD196613 FAW196613:FAZ196613 FKS196613:FKV196613 FUO196613:FUR196613 GEK196613:GEN196613 GOG196613:GOJ196613 GYC196613:GYF196613 HHY196613:HIB196613 HRU196613:HRX196613 IBQ196613:IBT196613 ILM196613:ILP196613 IVI196613:IVL196613 JFE196613:JFH196613 JPA196613:JPD196613 JYW196613:JYZ196613 KIS196613:KIV196613 KSO196613:KSR196613 LCK196613:LCN196613 LMG196613:LMJ196613 LWC196613:LWF196613 MFY196613:MGB196613 MPU196613:MPX196613 MZQ196613:MZT196613 NJM196613:NJP196613 NTI196613:NTL196613 ODE196613:ODH196613 ONA196613:OND196613 OWW196613:OWZ196613 PGS196613:PGV196613 PQO196613:PQR196613 QAK196613:QAN196613 QKG196613:QKJ196613 QUC196613:QUF196613 RDY196613:REB196613 RNU196613:RNX196613 RXQ196613:RXT196613 SHM196613:SHP196613 SRI196613:SRL196613 TBE196613:TBH196613 TLA196613:TLD196613 TUW196613:TUZ196613 UES196613:UEV196613 UOO196613:UOR196613 UYK196613:UYN196613 VIG196613:VIJ196613 VSC196613:VSF196613 WBY196613:WCB196613 WLU196613:WLX196613 WVQ196613:WVT196613 I262149:L262149 JE262149:JH262149 TA262149:TD262149 ACW262149:ACZ262149 AMS262149:AMV262149 AWO262149:AWR262149 BGK262149:BGN262149 BQG262149:BQJ262149 CAC262149:CAF262149 CJY262149:CKB262149 CTU262149:CTX262149 DDQ262149:DDT262149 DNM262149:DNP262149 DXI262149:DXL262149 EHE262149:EHH262149 ERA262149:ERD262149 FAW262149:FAZ262149 FKS262149:FKV262149 FUO262149:FUR262149 GEK262149:GEN262149 GOG262149:GOJ262149 GYC262149:GYF262149 HHY262149:HIB262149 HRU262149:HRX262149 IBQ262149:IBT262149 ILM262149:ILP262149 IVI262149:IVL262149 JFE262149:JFH262149 JPA262149:JPD262149 JYW262149:JYZ262149 KIS262149:KIV262149 KSO262149:KSR262149 LCK262149:LCN262149 LMG262149:LMJ262149 LWC262149:LWF262149 MFY262149:MGB262149 MPU262149:MPX262149 MZQ262149:MZT262149 NJM262149:NJP262149 NTI262149:NTL262149 ODE262149:ODH262149 ONA262149:OND262149 OWW262149:OWZ262149 PGS262149:PGV262149 PQO262149:PQR262149 QAK262149:QAN262149 QKG262149:QKJ262149 QUC262149:QUF262149 RDY262149:REB262149 RNU262149:RNX262149 RXQ262149:RXT262149 SHM262149:SHP262149 SRI262149:SRL262149 TBE262149:TBH262149 TLA262149:TLD262149 TUW262149:TUZ262149 UES262149:UEV262149 UOO262149:UOR262149 UYK262149:UYN262149 VIG262149:VIJ262149 VSC262149:VSF262149 WBY262149:WCB262149 WLU262149:WLX262149 WVQ262149:WVT262149 I327685:L327685 JE327685:JH327685 TA327685:TD327685 ACW327685:ACZ327685 AMS327685:AMV327685 AWO327685:AWR327685 BGK327685:BGN327685 BQG327685:BQJ327685 CAC327685:CAF327685 CJY327685:CKB327685 CTU327685:CTX327685 DDQ327685:DDT327685 DNM327685:DNP327685 DXI327685:DXL327685 EHE327685:EHH327685 ERA327685:ERD327685 FAW327685:FAZ327685 FKS327685:FKV327685 FUO327685:FUR327685 GEK327685:GEN327685 GOG327685:GOJ327685 GYC327685:GYF327685 HHY327685:HIB327685 HRU327685:HRX327685 IBQ327685:IBT327685 ILM327685:ILP327685 IVI327685:IVL327685 JFE327685:JFH327685 JPA327685:JPD327685 JYW327685:JYZ327685 KIS327685:KIV327685 KSO327685:KSR327685 LCK327685:LCN327685 LMG327685:LMJ327685 LWC327685:LWF327685 MFY327685:MGB327685 MPU327685:MPX327685 MZQ327685:MZT327685 NJM327685:NJP327685 NTI327685:NTL327685 ODE327685:ODH327685 ONA327685:OND327685 OWW327685:OWZ327685 PGS327685:PGV327685 PQO327685:PQR327685 QAK327685:QAN327685 QKG327685:QKJ327685 QUC327685:QUF327685 RDY327685:REB327685 RNU327685:RNX327685 RXQ327685:RXT327685 SHM327685:SHP327685 SRI327685:SRL327685 TBE327685:TBH327685 TLA327685:TLD327685 TUW327685:TUZ327685 UES327685:UEV327685 UOO327685:UOR327685 UYK327685:UYN327685 VIG327685:VIJ327685 VSC327685:VSF327685 WBY327685:WCB327685 WLU327685:WLX327685 WVQ327685:WVT327685 I393221:L393221 JE393221:JH393221 TA393221:TD393221 ACW393221:ACZ393221 AMS393221:AMV393221 AWO393221:AWR393221 BGK393221:BGN393221 BQG393221:BQJ393221 CAC393221:CAF393221 CJY393221:CKB393221 CTU393221:CTX393221 DDQ393221:DDT393221 DNM393221:DNP393221 DXI393221:DXL393221 EHE393221:EHH393221 ERA393221:ERD393221 FAW393221:FAZ393221 FKS393221:FKV393221 FUO393221:FUR393221 GEK393221:GEN393221 GOG393221:GOJ393221 GYC393221:GYF393221 HHY393221:HIB393221 HRU393221:HRX393221 IBQ393221:IBT393221 ILM393221:ILP393221 IVI393221:IVL393221 JFE393221:JFH393221 JPA393221:JPD393221 JYW393221:JYZ393221 KIS393221:KIV393221 KSO393221:KSR393221 LCK393221:LCN393221 LMG393221:LMJ393221 LWC393221:LWF393221 MFY393221:MGB393221 MPU393221:MPX393221 MZQ393221:MZT393221 NJM393221:NJP393221 NTI393221:NTL393221 ODE393221:ODH393221 ONA393221:OND393221 OWW393221:OWZ393221 PGS393221:PGV393221 PQO393221:PQR393221 QAK393221:QAN393221 QKG393221:QKJ393221 QUC393221:QUF393221 RDY393221:REB393221 RNU393221:RNX393221 RXQ393221:RXT393221 SHM393221:SHP393221 SRI393221:SRL393221 TBE393221:TBH393221 TLA393221:TLD393221 TUW393221:TUZ393221 UES393221:UEV393221 UOO393221:UOR393221 UYK393221:UYN393221 VIG393221:VIJ393221 VSC393221:VSF393221 WBY393221:WCB393221 WLU393221:WLX393221 WVQ393221:WVT393221 I458757:L458757 JE458757:JH458757 TA458757:TD458757 ACW458757:ACZ458757 AMS458757:AMV458757 AWO458757:AWR458757 BGK458757:BGN458757 BQG458757:BQJ458757 CAC458757:CAF458757 CJY458757:CKB458757 CTU458757:CTX458757 DDQ458757:DDT458757 DNM458757:DNP458757 DXI458757:DXL458757 EHE458757:EHH458757 ERA458757:ERD458757 FAW458757:FAZ458757 FKS458757:FKV458757 FUO458757:FUR458757 GEK458757:GEN458757 GOG458757:GOJ458757 GYC458757:GYF458757 HHY458757:HIB458757 HRU458757:HRX458757 IBQ458757:IBT458757 ILM458757:ILP458757 IVI458757:IVL458757 JFE458757:JFH458757 JPA458757:JPD458757 JYW458757:JYZ458757 KIS458757:KIV458757 KSO458757:KSR458757 LCK458757:LCN458757 LMG458757:LMJ458757 LWC458757:LWF458757 MFY458757:MGB458757 MPU458757:MPX458757 MZQ458757:MZT458757 NJM458757:NJP458757 NTI458757:NTL458757 ODE458757:ODH458757 ONA458757:OND458757 OWW458757:OWZ458757 PGS458757:PGV458757 PQO458757:PQR458757 QAK458757:QAN458757 QKG458757:QKJ458757 QUC458757:QUF458757 RDY458757:REB458757 RNU458757:RNX458757 RXQ458757:RXT458757 SHM458757:SHP458757 SRI458757:SRL458757 TBE458757:TBH458757 TLA458757:TLD458757 TUW458757:TUZ458757 UES458757:UEV458757 UOO458757:UOR458757 UYK458757:UYN458757 VIG458757:VIJ458757 VSC458757:VSF458757 WBY458757:WCB458757 WLU458757:WLX458757 WVQ458757:WVT458757 I524293:L524293 JE524293:JH524293 TA524293:TD524293 ACW524293:ACZ524293 AMS524293:AMV524293 AWO524293:AWR524293 BGK524293:BGN524293 BQG524293:BQJ524293 CAC524293:CAF524293 CJY524293:CKB524293 CTU524293:CTX524293 DDQ524293:DDT524293 DNM524293:DNP524293 DXI524293:DXL524293 EHE524293:EHH524293 ERA524293:ERD524293 FAW524293:FAZ524293 FKS524293:FKV524293 FUO524293:FUR524293 GEK524293:GEN524293 GOG524293:GOJ524293 GYC524293:GYF524293 HHY524293:HIB524293 HRU524293:HRX524293 IBQ524293:IBT524293 ILM524293:ILP524293 IVI524293:IVL524293 JFE524293:JFH524293 JPA524293:JPD524293 JYW524293:JYZ524293 KIS524293:KIV524293 KSO524293:KSR524293 LCK524293:LCN524293 LMG524293:LMJ524293 LWC524293:LWF524293 MFY524293:MGB524293 MPU524293:MPX524293 MZQ524293:MZT524293 NJM524293:NJP524293 NTI524293:NTL524293 ODE524293:ODH524293 ONA524293:OND524293 OWW524293:OWZ524293 PGS524293:PGV524293 PQO524293:PQR524293 QAK524293:QAN524293 QKG524293:QKJ524293 QUC524293:QUF524293 RDY524293:REB524293 RNU524293:RNX524293 RXQ524293:RXT524293 SHM524293:SHP524293 SRI524293:SRL524293 TBE524293:TBH524293 TLA524293:TLD524293 TUW524293:TUZ524293 UES524293:UEV524293 UOO524293:UOR524293 UYK524293:UYN524293 VIG524293:VIJ524293 VSC524293:VSF524293 WBY524293:WCB524293 WLU524293:WLX524293 WVQ524293:WVT524293 I589829:L589829 JE589829:JH589829 TA589829:TD589829 ACW589829:ACZ589829 AMS589829:AMV589829 AWO589829:AWR589829 BGK589829:BGN589829 BQG589829:BQJ589829 CAC589829:CAF589829 CJY589829:CKB589829 CTU589829:CTX589829 DDQ589829:DDT589829 DNM589829:DNP589829 DXI589829:DXL589829 EHE589829:EHH589829 ERA589829:ERD589829 FAW589829:FAZ589829 FKS589829:FKV589829 FUO589829:FUR589829 GEK589829:GEN589829 GOG589829:GOJ589829 GYC589829:GYF589829 HHY589829:HIB589829 HRU589829:HRX589829 IBQ589829:IBT589829 ILM589829:ILP589829 IVI589829:IVL589829 JFE589829:JFH589829 JPA589829:JPD589829 JYW589829:JYZ589829 KIS589829:KIV589829 KSO589829:KSR589829 LCK589829:LCN589829 LMG589829:LMJ589829 LWC589829:LWF589829 MFY589829:MGB589829 MPU589829:MPX589829 MZQ589829:MZT589829 NJM589829:NJP589829 NTI589829:NTL589829 ODE589829:ODH589829 ONA589829:OND589829 OWW589829:OWZ589829 PGS589829:PGV589829 PQO589829:PQR589829 QAK589829:QAN589829 QKG589829:QKJ589829 QUC589829:QUF589829 RDY589829:REB589829 RNU589829:RNX589829 RXQ589829:RXT589829 SHM589829:SHP589829 SRI589829:SRL589829 TBE589829:TBH589829 TLA589829:TLD589829 TUW589829:TUZ589829 UES589829:UEV589829 UOO589829:UOR589829 UYK589829:UYN589829 VIG589829:VIJ589829 VSC589829:VSF589829 WBY589829:WCB589829 WLU589829:WLX589829 WVQ589829:WVT589829 I655365:L655365 JE655365:JH655365 TA655365:TD655365 ACW655365:ACZ655365 AMS655365:AMV655365 AWO655365:AWR655365 BGK655365:BGN655365 BQG655365:BQJ655365 CAC655365:CAF655365 CJY655365:CKB655365 CTU655365:CTX655365 DDQ655365:DDT655365 DNM655365:DNP655365 DXI655365:DXL655365 EHE655365:EHH655365 ERA655365:ERD655365 FAW655365:FAZ655365 FKS655365:FKV655365 FUO655365:FUR655365 GEK655365:GEN655365 GOG655365:GOJ655365 GYC655365:GYF655365 HHY655365:HIB655365 HRU655365:HRX655365 IBQ655365:IBT655365 ILM655365:ILP655365 IVI655365:IVL655365 JFE655365:JFH655365 JPA655365:JPD655365 JYW655365:JYZ655365 KIS655365:KIV655365 KSO655365:KSR655365 LCK655365:LCN655365 LMG655365:LMJ655365 LWC655365:LWF655365 MFY655365:MGB655365 MPU655365:MPX655365 MZQ655365:MZT655365 NJM655365:NJP655365 NTI655365:NTL655365 ODE655365:ODH655365 ONA655365:OND655365 OWW655365:OWZ655365 PGS655365:PGV655365 PQO655365:PQR655365 QAK655365:QAN655365 QKG655365:QKJ655365 QUC655365:QUF655365 RDY655365:REB655365 RNU655365:RNX655365 RXQ655365:RXT655365 SHM655365:SHP655365 SRI655365:SRL655365 TBE655365:TBH655365 TLA655365:TLD655365 TUW655365:TUZ655365 UES655365:UEV655365 UOO655365:UOR655365 UYK655365:UYN655365 VIG655365:VIJ655365 VSC655365:VSF655365 WBY655365:WCB655365 WLU655365:WLX655365 WVQ655365:WVT655365 I720901:L720901 JE720901:JH720901 TA720901:TD720901 ACW720901:ACZ720901 AMS720901:AMV720901 AWO720901:AWR720901 BGK720901:BGN720901 BQG720901:BQJ720901 CAC720901:CAF720901 CJY720901:CKB720901 CTU720901:CTX720901 DDQ720901:DDT720901 DNM720901:DNP720901 DXI720901:DXL720901 EHE720901:EHH720901 ERA720901:ERD720901 FAW720901:FAZ720901 FKS720901:FKV720901 FUO720901:FUR720901 GEK720901:GEN720901 GOG720901:GOJ720901 GYC720901:GYF720901 HHY720901:HIB720901 HRU720901:HRX720901 IBQ720901:IBT720901 ILM720901:ILP720901 IVI720901:IVL720901 JFE720901:JFH720901 JPA720901:JPD720901 JYW720901:JYZ720901 KIS720901:KIV720901 KSO720901:KSR720901 LCK720901:LCN720901 LMG720901:LMJ720901 LWC720901:LWF720901 MFY720901:MGB720901 MPU720901:MPX720901 MZQ720901:MZT720901 NJM720901:NJP720901 NTI720901:NTL720901 ODE720901:ODH720901 ONA720901:OND720901 OWW720901:OWZ720901 PGS720901:PGV720901 PQO720901:PQR720901 QAK720901:QAN720901 QKG720901:QKJ720901 QUC720901:QUF720901 RDY720901:REB720901 RNU720901:RNX720901 RXQ720901:RXT720901 SHM720901:SHP720901 SRI720901:SRL720901 TBE720901:TBH720901 TLA720901:TLD720901 TUW720901:TUZ720901 UES720901:UEV720901 UOO720901:UOR720901 UYK720901:UYN720901 VIG720901:VIJ720901 VSC720901:VSF720901 WBY720901:WCB720901 WLU720901:WLX720901 WVQ720901:WVT720901 I786437:L786437 JE786437:JH786437 TA786437:TD786437 ACW786437:ACZ786437 AMS786437:AMV786437 AWO786437:AWR786437 BGK786437:BGN786437 BQG786437:BQJ786437 CAC786437:CAF786437 CJY786437:CKB786437 CTU786437:CTX786437 DDQ786437:DDT786437 DNM786437:DNP786437 DXI786437:DXL786437 EHE786437:EHH786437 ERA786437:ERD786437 FAW786437:FAZ786437 FKS786437:FKV786437 FUO786437:FUR786437 GEK786437:GEN786437 GOG786437:GOJ786437 GYC786437:GYF786437 HHY786437:HIB786437 HRU786437:HRX786437 IBQ786437:IBT786437 ILM786437:ILP786437 IVI786437:IVL786437 JFE786437:JFH786437 JPA786437:JPD786437 JYW786437:JYZ786437 KIS786437:KIV786437 KSO786437:KSR786437 LCK786437:LCN786437 LMG786437:LMJ786437 LWC786437:LWF786437 MFY786437:MGB786437 MPU786437:MPX786437 MZQ786437:MZT786437 NJM786437:NJP786437 NTI786437:NTL786437 ODE786437:ODH786437 ONA786437:OND786437 OWW786437:OWZ786437 PGS786437:PGV786437 PQO786437:PQR786437 QAK786437:QAN786437 QKG786437:QKJ786437 QUC786437:QUF786437 RDY786437:REB786437 RNU786437:RNX786437 RXQ786437:RXT786437 SHM786437:SHP786437 SRI786437:SRL786437 TBE786437:TBH786437 TLA786437:TLD786437 TUW786437:TUZ786437 UES786437:UEV786437 UOO786437:UOR786437 UYK786437:UYN786437 VIG786437:VIJ786437 VSC786437:VSF786437 WBY786437:WCB786437 WLU786437:WLX786437 WVQ786437:WVT786437 I851973:L851973 JE851973:JH851973 TA851973:TD851973 ACW851973:ACZ851973 AMS851973:AMV851973 AWO851973:AWR851973 BGK851973:BGN851973 BQG851973:BQJ851973 CAC851973:CAF851973 CJY851973:CKB851973 CTU851973:CTX851973 DDQ851973:DDT851973 DNM851973:DNP851973 DXI851973:DXL851973 EHE851973:EHH851973 ERA851973:ERD851973 FAW851973:FAZ851973 FKS851973:FKV851973 FUO851973:FUR851973 GEK851973:GEN851973 GOG851973:GOJ851973 GYC851973:GYF851973 HHY851973:HIB851973 HRU851973:HRX851973 IBQ851973:IBT851973 ILM851973:ILP851973 IVI851973:IVL851973 JFE851973:JFH851973 JPA851973:JPD851973 JYW851973:JYZ851973 KIS851973:KIV851973 KSO851973:KSR851973 LCK851973:LCN851973 LMG851973:LMJ851973 LWC851973:LWF851973 MFY851973:MGB851973 MPU851973:MPX851973 MZQ851973:MZT851973 NJM851973:NJP851973 NTI851973:NTL851973 ODE851973:ODH851973 ONA851973:OND851973 OWW851973:OWZ851973 PGS851973:PGV851973 PQO851973:PQR851973 QAK851973:QAN851973 QKG851973:QKJ851973 QUC851973:QUF851973 RDY851973:REB851973 RNU851973:RNX851973 RXQ851973:RXT851973 SHM851973:SHP851973 SRI851973:SRL851973 TBE851973:TBH851973 TLA851973:TLD851973 TUW851973:TUZ851973 UES851973:UEV851973 UOO851973:UOR851973 UYK851973:UYN851973 VIG851973:VIJ851973 VSC851973:VSF851973 WBY851973:WCB851973 WLU851973:WLX851973 WVQ851973:WVT851973 I917509:L917509 JE917509:JH917509 TA917509:TD917509 ACW917509:ACZ917509 AMS917509:AMV917509 AWO917509:AWR917509 BGK917509:BGN917509 BQG917509:BQJ917509 CAC917509:CAF917509 CJY917509:CKB917509 CTU917509:CTX917509 DDQ917509:DDT917509 DNM917509:DNP917509 DXI917509:DXL917509 EHE917509:EHH917509 ERA917509:ERD917509 FAW917509:FAZ917509 FKS917509:FKV917509 FUO917509:FUR917509 GEK917509:GEN917509 GOG917509:GOJ917509 GYC917509:GYF917509 HHY917509:HIB917509 HRU917509:HRX917509 IBQ917509:IBT917509 ILM917509:ILP917509 IVI917509:IVL917509 JFE917509:JFH917509 JPA917509:JPD917509 JYW917509:JYZ917509 KIS917509:KIV917509 KSO917509:KSR917509 LCK917509:LCN917509 LMG917509:LMJ917509 LWC917509:LWF917509 MFY917509:MGB917509 MPU917509:MPX917509 MZQ917509:MZT917509 NJM917509:NJP917509 NTI917509:NTL917509 ODE917509:ODH917509 ONA917509:OND917509 OWW917509:OWZ917509 PGS917509:PGV917509 PQO917509:PQR917509 QAK917509:QAN917509 QKG917509:QKJ917509 QUC917509:QUF917509 RDY917509:REB917509 RNU917509:RNX917509 RXQ917509:RXT917509 SHM917509:SHP917509 SRI917509:SRL917509 TBE917509:TBH917509 TLA917509:TLD917509 TUW917509:TUZ917509 UES917509:UEV917509 UOO917509:UOR917509 UYK917509:UYN917509 VIG917509:VIJ917509 VSC917509:VSF917509 WBY917509:WCB917509 WLU917509:WLX917509 WVQ917509:WVT917509 I983045:L983045 JE983045:JH983045 TA983045:TD983045 ACW983045:ACZ983045 AMS983045:AMV983045 AWO983045:AWR983045 BGK983045:BGN983045 BQG983045:BQJ983045 CAC983045:CAF983045 CJY983045:CKB983045 CTU983045:CTX983045 DDQ983045:DDT983045 DNM983045:DNP983045 DXI983045:DXL983045 EHE983045:EHH983045 ERA983045:ERD983045 FAW983045:FAZ983045 FKS983045:FKV983045 FUO983045:FUR983045 GEK983045:GEN983045 GOG983045:GOJ983045 GYC983045:GYF983045 HHY983045:HIB983045 HRU983045:HRX983045 IBQ983045:IBT983045 ILM983045:ILP983045 IVI983045:IVL983045 JFE983045:JFH983045 JPA983045:JPD983045 JYW983045:JYZ983045 KIS983045:KIV983045 KSO983045:KSR983045 LCK983045:LCN983045 LMG983045:LMJ983045 LWC983045:LWF983045 MFY983045:MGB983045 MPU983045:MPX983045 MZQ983045:MZT983045 NJM983045:NJP983045 NTI983045:NTL983045 ODE983045:ODH983045 ONA983045:OND983045 OWW983045:OWZ983045 PGS983045:PGV983045 PQO983045:PQR983045 QAK983045:QAN983045 QKG983045:QKJ983045 QUC983045:QUF983045 RDY983045:REB983045 RNU983045:RNX983045 RXQ983045:RXT983045 SHM983045:SHP983045 SRI983045:SRL983045 TBE983045:TBH983045 TLA983045:TLD983045 TUW983045:TUZ983045 UES983045:UEV983045 UOO983045:UOR983045 UYK983045:UYN983045 VIG983045:VIJ983045 VSC983045:VSF983045 WBY983045:WCB983045 WLU983045:WLX983045 WVQ983045:WVT983045 G8 JC8 SY8 ACU8 AMQ8 AWM8 BGI8 BQE8 CAA8 CJW8 CTS8 DDO8 DNK8 DXG8 EHC8 EQY8 FAU8 FKQ8 FUM8 GEI8 GOE8 GYA8 HHW8 HRS8 IBO8 ILK8 IVG8 JFC8 JOY8 JYU8 KIQ8 KSM8 LCI8 LME8 LWA8 MFW8 MPS8 MZO8 NJK8 NTG8 ODC8 OMY8 OWU8 PGQ8 PQM8 QAI8 QKE8 QUA8 RDW8 RNS8 RXO8 SHK8 SRG8 TBC8 TKY8 TUU8 UEQ8 UOM8 UYI8 VIE8 VSA8 WBW8 WLS8 WVO8 G65544 JC65544 SY65544 ACU65544 AMQ65544 AWM65544 BGI65544 BQE65544 CAA65544 CJW65544 CTS65544 DDO65544 DNK65544 DXG65544 EHC65544 EQY65544 FAU65544 FKQ65544 FUM65544 GEI65544 GOE65544 GYA65544 HHW65544 HRS65544 IBO65544 ILK65544 IVG65544 JFC65544 JOY65544 JYU65544 KIQ65544 KSM65544 LCI65544 LME65544 LWA65544 MFW65544 MPS65544 MZO65544 NJK65544 NTG65544 ODC65544 OMY65544 OWU65544 PGQ65544 PQM65544 QAI65544 QKE65544 QUA65544 RDW65544 RNS65544 RXO65544 SHK65544 SRG65544 TBC65544 TKY65544 TUU65544 UEQ65544 UOM65544 UYI65544 VIE65544 VSA65544 WBW65544 WLS65544 WVO65544 G131080 JC131080 SY131080 ACU131080 AMQ131080 AWM131080 BGI131080 BQE131080 CAA131080 CJW131080 CTS131080 DDO131080 DNK131080 DXG131080 EHC131080 EQY131080 FAU131080 FKQ131080 FUM131080 GEI131080 GOE131080 GYA131080 HHW131080 HRS131080 IBO131080 ILK131080 IVG131080 JFC131080 JOY131080 JYU131080 KIQ131080 KSM131080 LCI131080 LME131080 LWA131080 MFW131080 MPS131080 MZO131080 NJK131080 NTG131080 ODC131080 OMY131080 OWU131080 PGQ131080 PQM131080 QAI131080 QKE131080 QUA131080 RDW131080 RNS131080 RXO131080 SHK131080 SRG131080 TBC131080 TKY131080 TUU131080 UEQ131080 UOM131080 UYI131080 VIE131080 VSA131080 WBW131080 WLS131080 WVO131080 G196616 JC196616 SY196616 ACU196616 AMQ196616 AWM196616 BGI196616 BQE196616 CAA196616 CJW196616 CTS196616 DDO196616 DNK196616 DXG196616 EHC196616 EQY196616 FAU196616 FKQ196616 FUM196616 GEI196616 GOE196616 GYA196616 HHW196616 HRS196616 IBO196616 ILK196616 IVG196616 JFC196616 JOY196616 JYU196616 KIQ196616 KSM196616 LCI196616 LME196616 LWA196616 MFW196616 MPS196616 MZO196616 NJK196616 NTG196616 ODC196616 OMY196616 OWU196616 PGQ196616 PQM196616 QAI196616 QKE196616 QUA196616 RDW196616 RNS196616 RXO196616 SHK196616 SRG196616 TBC196616 TKY196616 TUU196616 UEQ196616 UOM196616 UYI196616 VIE196616 VSA196616 WBW196616 WLS196616 WVO196616 G262152 JC262152 SY262152 ACU262152 AMQ262152 AWM262152 BGI262152 BQE262152 CAA262152 CJW262152 CTS262152 DDO262152 DNK262152 DXG262152 EHC262152 EQY262152 FAU262152 FKQ262152 FUM262152 GEI262152 GOE262152 GYA262152 HHW262152 HRS262152 IBO262152 ILK262152 IVG262152 JFC262152 JOY262152 JYU262152 KIQ262152 KSM262152 LCI262152 LME262152 LWA262152 MFW262152 MPS262152 MZO262152 NJK262152 NTG262152 ODC262152 OMY262152 OWU262152 PGQ262152 PQM262152 QAI262152 QKE262152 QUA262152 RDW262152 RNS262152 RXO262152 SHK262152 SRG262152 TBC262152 TKY262152 TUU262152 UEQ262152 UOM262152 UYI262152 VIE262152 VSA262152 WBW262152 WLS262152 WVO262152 G327688 JC327688 SY327688 ACU327688 AMQ327688 AWM327688 BGI327688 BQE327688 CAA327688 CJW327688 CTS327688 DDO327688 DNK327688 DXG327688 EHC327688 EQY327688 FAU327688 FKQ327688 FUM327688 GEI327688 GOE327688 GYA327688 HHW327688 HRS327688 IBO327688 ILK327688 IVG327688 JFC327688 JOY327688 JYU327688 KIQ327688 KSM327688 LCI327688 LME327688 LWA327688 MFW327688 MPS327688 MZO327688 NJK327688 NTG327688 ODC327688 OMY327688 OWU327688 PGQ327688 PQM327688 QAI327688 QKE327688 QUA327688 RDW327688 RNS327688 RXO327688 SHK327688 SRG327688 TBC327688 TKY327688 TUU327688 UEQ327688 UOM327688 UYI327688 VIE327688 VSA327688 WBW327688 WLS327688 WVO327688 G393224 JC393224 SY393224 ACU393224 AMQ393224 AWM393224 BGI393224 BQE393224 CAA393224 CJW393224 CTS393224 DDO393224 DNK393224 DXG393224 EHC393224 EQY393224 FAU393224 FKQ393224 FUM393224 GEI393224 GOE393224 GYA393224 HHW393224 HRS393224 IBO393224 ILK393224 IVG393224 JFC393224 JOY393224 JYU393224 KIQ393224 KSM393224 LCI393224 LME393224 LWA393224 MFW393224 MPS393224 MZO393224 NJK393224 NTG393224 ODC393224 OMY393224 OWU393224 PGQ393224 PQM393224 QAI393224 QKE393224 QUA393224 RDW393224 RNS393224 RXO393224 SHK393224 SRG393224 TBC393224 TKY393224 TUU393224 UEQ393224 UOM393224 UYI393224 VIE393224 VSA393224 WBW393224 WLS393224 WVO393224 G458760 JC458760 SY458760 ACU458760 AMQ458760 AWM458760 BGI458760 BQE458760 CAA458760 CJW458760 CTS458760 DDO458760 DNK458760 DXG458760 EHC458760 EQY458760 FAU458760 FKQ458760 FUM458760 GEI458760 GOE458760 GYA458760 HHW458760 HRS458760 IBO458760 ILK458760 IVG458760 JFC458760 JOY458760 JYU458760 KIQ458760 KSM458760 LCI458760 LME458760 LWA458760 MFW458760 MPS458760 MZO458760 NJK458760 NTG458760 ODC458760 OMY458760 OWU458760 PGQ458760 PQM458760 QAI458760 QKE458760 QUA458760 RDW458760 RNS458760 RXO458760 SHK458760 SRG458760 TBC458760 TKY458760 TUU458760 UEQ458760 UOM458760 UYI458760 VIE458760 VSA458760 WBW458760 WLS458760 WVO458760 G524296 JC524296 SY524296 ACU524296 AMQ524296 AWM524296 BGI524296 BQE524296 CAA524296 CJW524296 CTS524296 DDO524296 DNK524296 DXG524296 EHC524296 EQY524296 FAU524296 FKQ524296 FUM524296 GEI524296 GOE524296 GYA524296 HHW524296 HRS524296 IBO524296 ILK524296 IVG524296 JFC524296 JOY524296 JYU524296 KIQ524296 KSM524296 LCI524296 LME524296 LWA524296 MFW524296 MPS524296 MZO524296 NJK524296 NTG524296 ODC524296 OMY524296 OWU524296 PGQ524296 PQM524296 QAI524296 QKE524296 QUA524296 RDW524296 RNS524296 RXO524296 SHK524296 SRG524296 TBC524296 TKY524296 TUU524296 UEQ524296 UOM524296 UYI524296 VIE524296 VSA524296 WBW524296 WLS524296 WVO524296 G589832 JC589832 SY589832 ACU589832 AMQ589832 AWM589832 BGI589832 BQE589832 CAA589832 CJW589832 CTS589832 DDO589832 DNK589832 DXG589832 EHC589832 EQY589832 FAU589832 FKQ589832 FUM589832 GEI589832 GOE589832 GYA589832 HHW589832 HRS589832 IBO589832 ILK589832 IVG589832 JFC589832 JOY589832 JYU589832 KIQ589832 KSM589832 LCI589832 LME589832 LWA589832 MFW589832 MPS589832 MZO589832 NJK589832 NTG589832 ODC589832 OMY589832 OWU589832 PGQ589832 PQM589832 QAI589832 QKE589832 QUA589832 RDW589832 RNS589832 RXO589832 SHK589832 SRG589832 TBC589832 TKY589832 TUU589832 UEQ589832 UOM589832 UYI589832 VIE589832 VSA589832 WBW589832 WLS589832 WVO589832 G655368 JC655368 SY655368 ACU655368 AMQ655368 AWM655368 BGI655368 BQE655368 CAA655368 CJW655368 CTS655368 DDO655368 DNK655368 DXG655368 EHC655368 EQY655368 FAU655368 FKQ655368 FUM655368 GEI655368 GOE655368 GYA655368 HHW655368 HRS655368 IBO655368 ILK655368 IVG655368 JFC655368 JOY655368 JYU655368 KIQ655368 KSM655368 LCI655368 LME655368 LWA655368 MFW655368 MPS655368 MZO655368 NJK655368 NTG655368 ODC655368 OMY655368 OWU655368 PGQ655368 PQM655368 QAI655368 QKE655368 QUA655368 RDW655368 RNS655368 RXO655368 SHK655368 SRG655368 TBC655368 TKY655368 TUU655368 UEQ655368 UOM655368 UYI655368 VIE655368 VSA655368 WBW655368 WLS655368 WVO655368 G720904 JC720904 SY720904 ACU720904 AMQ720904 AWM720904 BGI720904 BQE720904 CAA720904 CJW720904 CTS720904 DDO720904 DNK720904 DXG720904 EHC720904 EQY720904 FAU720904 FKQ720904 FUM720904 GEI720904 GOE720904 GYA720904 HHW720904 HRS720904 IBO720904 ILK720904 IVG720904 JFC720904 JOY720904 JYU720904 KIQ720904 KSM720904 LCI720904 LME720904 LWA720904 MFW720904 MPS720904 MZO720904 NJK720904 NTG720904 ODC720904 OMY720904 OWU720904 PGQ720904 PQM720904 QAI720904 QKE720904 QUA720904 RDW720904 RNS720904 RXO720904 SHK720904 SRG720904 TBC720904 TKY720904 TUU720904 UEQ720904 UOM720904 UYI720904 VIE720904 VSA720904 WBW720904 WLS720904 WVO720904 G786440 JC786440 SY786440 ACU786440 AMQ786440 AWM786440 BGI786440 BQE786440 CAA786440 CJW786440 CTS786440 DDO786440 DNK786440 DXG786440 EHC786440 EQY786440 FAU786440 FKQ786440 FUM786440 GEI786440 GOE786440 GYA786440 HHW786440 HRS786440 IBO786440 ILK786440 IVG786440 JFC786440 JOY786440 JYU786440 KIQ786440 KSM786440 LCI786440 LME786440 LWA786440 MFW786440 MPS786440 MZO786440 NJK786440 NTG786440 ODC786440 OMY786440 OWU786440 PGQ786440 PQM786440 QAI786440 QKE786440 QUA786440 RDW786440 RNS786440 RXO786440 SHK786440 SRG786440 TBC786440 TKY786440 TUU786440 UEQ786440 UOM786440 UYI786440 VIE786440 VSA786440 WBW786440 WLS786440 WVO786440 G851976 JC851976 SY851976 ACU851976 AMQ851976 AWM851976 BGI851976 BQE851976 CAA851976 CJW851976 CTS851976 DDO851976 DNK851976 DXG851976 EHC851976 EQY851976 FAU851976 FKQ851976 FUM851976 GEI851976 GOE851976 GYA851976 HHW851976 HRS851976 IBO851976 ILK851976 IVG851976 JFC851976 JOY851976 JYU851976 KIQ851976 KSM851976 LCI851976 LME851976 LWA851976 MFW851976 MPS851976 MZO851976 NJK851976 NTG851976 ODC851976 OMY851976 OWU851976 PGQ851976 PQM851976 QAI851976 QKE851976 QUA851976 RDW851976 RNS851976 RXO851976 SHK851976 SRG851976 TBC851976 TKY851976 TUU851976 UEQ851976 UOM851976 UYI851976 VIE851976 VSA851976 WBW851976 WLS851976 WVO851976 G917512 JC917512 SY917512 ACU917512 AMQ917512 AWM917512 BGI917512 BQE917512 CAA917512 CJW917512 CTS917512 DDO917512 DNK917512 DXG917512 EHC917512 EQY917512 FAU917512 FKQ917512 FUM917512 GEI917512 GOE917512 GYA917512 HHW917512 HRS917512 IBO917512 ILK917512 IVG917512 JFC917512 JOY917512 JYU917512 KIQ917512 KSM917512 LCI917512 LME917512 LWA917512 MFW917512 MPS917512 MZO917512 NJK917512 NTG917512 ODC917512 OMY917512 OWU917512 PGQ917512 PQM917512 QAI917512 QKE917512 QUA917512 RDW917512 RNS917512 RXO917512 SHK917512 SRG917512 TBC917512 TKY917512 TUU917512 UEQ917512 UOM917512 UYI917512 VIE917512 VSA917512 WBW917512 WLS917512 WVO917512 G983048 JC983048 SY983048 ACU983048 AMQ983048 AWM983048 BGI983048 BQE983048 CAA983048 CJW983048 CTS983048 DDO983048 DNK983048 DXG983048 EHC983048 EQY983048 FAU983048 FKQ983048 FUM983048 GEI983048 GOE983048 GYA983048 HHW983048 HRS983048 IBO983048 ILK983048 IVG983048 JFC983048 JOY983048 JYU983048 KIQ983048 KSM983048 LCI983048 LME983048 LWA983048 MFW983048 MPS983048 MZO983048 NJK983048 NTG983048 ODC983048 OMY983048 OWU983048 PGQ983048 PQM983048 QAI983048 QKE983048 QUA983048 RDW983048 RNS983048 RXO983048 SHK983048 SRG983048 TBC983048 TKY983048 TUU983048 UEQ983048 UOM983048 UYI983048 VIE983048 VSA983048 WBW983048 WLS983048 WVO983048 E8 JA8 SW8 ACS8 AMO8 AWK8 BGG8 BQC8 BZY8 CJU8 CTQ8 DDM8 DNI8 DXE8 EHA8 EQW8 FAS8 FKO8 FUK8 GEG8 GOC8 GXY8 HHU8 HRQ8 IBM8 ILI8 IVE8 JFA8 JOW8 JYS8 KIO8 KSK8 LCG8 LMC8 LVY8 MFU8 MPQ8 MZM8 NJI8 NTE8 ODA8 OMW8 OWS8 PGO8 PQK8 QAG8 QKC8 QTY8 RDU8 RNQ8 RXM8 SHI8 SRE8 TBA8 TKW8 TUS8 UEO8 UOK8 UYG8 VIC8 VRY8 WBU8 WLQ8 WVM8 E65544 JA65544 SW65544 ACS65544 AMO65544 AWK65544 BGG65544 BQC65544 BZY65544 CJU65544 CTQ65544 DDM65544 DNI65544 DXE65544 EHA65544 EQW65544 FAS65544 FKO65544 FUK65544 GEG65544 GOC65544 GXY65544 HHU65544 HRQ65544 IBM65544 ILI65544 IVE65544 JFA65544 JOW65544 JYS65544 KIO65544 KSK65544 LCG65544 LMC65544 LVY65544 MFU65544 MPQ65544 MZM65544 NJI65544 NTE65544 ODA65544 OMW65544 OWS65544 PGO65544 PQK65544 QAG65544 QKC65544 QTY65544 RDU65544 RNQ65544 RXM65544 SHI65544 SRE65544 TBA65544 TKW65544 TUS65544 UEO65544 UOK65544 UYG65544 VIC65544 VRY65544 WBU65544 WLQ65544 WVM65544 E131080 JA131080 SW131080 ACS131080 AMO131080 AWK131080 BGG131080 BQC131080 BZY131080 CJU131080 CTQ131080 DDM131080 DNI131080 DXE131080 EHA131080 EQW131080 FAS131080 FKO131080 FUK131080 GEG131080 GOC131080 GXY131080 HHU131080 HRQ131080 IBM131080 ILI131080 IVE131080 JFA131080 JOW131080 JYS131080 KIO131080 KSK131080 LCG131080 LMC131080 LVY131080 MFU131080 MPQ131080 MZM131080 NJI131080 NTE131080 ODA131080 OMW131080 OWS131080 PGO131080 PQK131080 QAG131080 QKC131080 QTY131080 RDU131080 RNQ131080 RXM131080 SHI131080 SRE131080 TBA131080 TKW131080 TUS131080 UEO131080 UOK131080 UYG131080 VIC131080 VRY131080 WBU131080 WLQ131080 WVM131080 E196616 JA196616 SW196616 ACS196616 AMO196616 AWK196616 BGG196616 BQC196616 BZY196616 CJU196616 CTQ196616 DDM196616 DNI196616 DXE196616 EHA196616 EQW196616 FAS196616 FKO196616 FUK196616 GEG196616 GOC196616 GXY196616 HHU196616 HRQ196616 IBM196616 ILI196616 IVE196616 JFA196616 JOW196616 JYS196616 KIO196616 KSK196616 LCG196616 LMC196616 LVY196616 MFU196616 MPQ196616 MZM196616 NJI196616 NTE196616 ODA196616 OMW196616 OWS196616 PGO196616 PQK196616 QAG196616 QKC196616 QTY196616 RDU196616 RNQ196616 RXM196616 SHI196616 SRE196616 TBA196616 TKW196616 TUS196616 UEO196616 UOK196616 UYG196616 VIC196616 VRY196616 WBU196616 WLQ196616 WVM196616 E262152 JA262152 SW262152 ACS262152 AMO262152 AWK262152 BGG262152 BQC262152 BZY262152 CJU262152 CTQ262152 DDM262152 DNI262152 DXE262152 EHA262152 EQW262152 FAS262152 FKO262152 FUK262152 GEG262152 GOC262152 GXY262152 HHU262152 HRQ262152 IBM262152 ILI262152 IVE262152 JFA262152 JOW262152 JYS262152 KIO262152 KSK262152 LCG262152 LMC262152 LVY262152 MFU262152 MPQ262152 MZM262152 NJI262152 NTE262152 ODA262152 OMW262152 OWS262152 PGO262152 PQK262152 QAG262152 QKC262152 QTY262152 RDU262152 RNQ262152 RXM262152 SHI262152 SRE262152 TBA262152 TKW262152 TUS262152 UEO262152 UOK262152 UYG262152 VIC262152 VRY262152 WBU262152 WLQ262152 WVM262152 E327688 JA327688 SW327688 ACS327688 AMO327688 AWK327688 BGG327688 BQC327688 BZY327688 CJU327688 CTQ327688 DDM327688 DNI327688 DXE327688 EHA327688 EQW327688 FAS327688 FKO327688 FUK327688 GEG327688 GOC327688 GXY327688 HHU327688 HRQ327688 IBM327688 ILI327688 IVE327688 JFA327688 JOW327688 JYS327688 KIO327688 KSK327688 LCG327688 LMC327688 LVY327688 MFU327688 MPQ327688 MZM327688 NJI327688 NTE327688 ODA327688 OMW327688 OWS327688 PGO327688 PQK327688 QAG327688 QKC327688 QTY327688 RDU327688 RNQ327688 RXM327688 SHI327688 SRE327688 TBA327688 TKW327688 TUS327688 UEO327688 UOK327688 UYG327688 VIC327688 VRY327688 WBU327688 WLQ327688 WVM327688 E393224 JA393224 SW393224 ACS393224 AMO393224 AWK393224 BGG393224 BQC393224 BZY393224 CJU393224 CTQ393224 DDM393224 DNI393224 DXE393224 EHA393224 EQW393224 FAS393224 FKO393224 FUK393224 GEG393224 GOC393224 GXY393224 HHU393224 HRQ393224 IBM393224 ILI393224 IVE393224 JFA393224 JOW393224 JYS393224 KIO393224 KSK393224 LCG393224 LMC393224 LVY393224 MFU393224 MPQ393224 MZM393224 NJI393224 NTE393224 ODA393224 OMW393224 OWS393224 PGO393224 PQK393224 QAG393224 QKC393224 QTY393224 RDU393224 RNQ393224 RXM393224 SHI393224 SRE393224 TBA393224 TKW393224 TUS393224 UEO393224 UOK393224 UYG393224 VIC393224 VRY393224 WBU393224 WLQ393224 WVM393224 E458760 JA458760 SW458760 ACS458760 AMO458760 AWK458760 BGG458760 BQC458760 BZY458760 CJU458760 CTQ458760 DDM458760 DNI458760 DXE458760 EHA458760 EQW458760 FAS458760 FKO458760 FUK458760 GEG458760 GOC458760 GXY458760 HHU458760 HRQ458760 IBM458760 ILI458760 IVE458760 JFA458760 JOW458760 JYS458760 KIO458760 KSK458760 LCG458760 LMC458760 LVY458760 MFU458760 MPQ458760 MZM458760 NJI458760 NTE458760 ODA458760 OMW458760 OWS458760 PGO458760 PQK458760 QAG458760 QKC458760 QTY458760 RDU458760 RNQ458760 RXM458760 SHI458760 SRE458760 TBA458760 TKW458760 TUS458760 UEO458760 UOK458760 UYG458760 VIC458760 VRY458760 WBU458760 WLQ458760 WVM458760 E524296 JA524296 SW524296 ACS524296 AMO524296 AWK524296 BGG524296 BQC524296 BZY524296 CJU524296 CTQ524296 DDM524296 DNI524296 DXE524296 EHA524296 EQW524296 FAS524296 FKO524296 FUK524296 GEG524296 GOC524296 GXY524296 HHU524296 HRQ524296 IBM524296 ILI524296 IVE524296 JFA524296 JOW524296 JYS524296 KIO524296 KSK524296 LCG524296 LMC524296 LVY524296 MFU524296 MPQ524296 MZM524296 NJI524296 NTE524296 ODA524296 OMW524296 OWS524296 PGO524296 PQK524296 QAG524296 QKC524296 QTY524296 RDU524296 RNQ524296 RXM524296 SHI524296 SRE524296 TBA524296 TKW524296 TUS524296 UEO524296 UOK524296 UYG524296 VIC524296 VRY524296 WBU524296 WLQ524296 WVM524296 E589832 JA589832 SW589832 ACS589832 AMO589832 AWK589832 BGG589832 BQC589832 BZY589832 CJU589832 CTQ589832 DDM589832 DNI589832 DXE589832 EHA589832 EQW589832 FAS589832 FKO589832 FUK589832 GEG589832 GOC589832 GXY589832 HHU589832 HRQ589832 IBM589832 ILI589832 IVE589832 JFA589832 JOW589832 JYS589832 KIO589832 KSK589832 LCG589832 LMC589832 LVY589832 MFU589832 MPQ589832 MZM589832 NJI589832 NTE589832 ODA589832 OMW589832 OWS589832 PGO589832 PQK589832 QAG589832 QKC589832 QTY589832 RDU589832 RNQ589832 RXM589832 SHI589832 SRE589832 TBA589832 TKW589832 TUS589832 UEO589832 UOK589832 UYG589832 VIC589832 VRY589832 WBU589832 WLQ589832 WVM589832 E655368 JA655368 SW655368 ACS655368 AMO655368 AWK655368 BGG655368 BQC655368 BZY655368 CJU655368 CTQ655368 DDM655368 DNI655368 DXE655368 EHA655368 EQW655368 FAS655368 FKO655368 FUK655368 GEG655368 GOC655368 GXY655368 HHU655368 HRQ655368 IBM655368 ILI655368 IVE655368 JFA655368 JOW655368 JYS655368 KIO655368 KSK655368 LCG655368 LMC655368 LVY655368 MFU655368 MPQ655368 MZM655368 NJI655368 NTE655368 ODA655368 OMW655368 OWS655368 PGO655368 PQK655368 QAG655368 QKC655368 QTY655368 RDU655368 RNQ655368 RXM655368 SHI655368 SRE655368 TBA655368 TKW655368 TUS655368 UEO655368 UOK655368 UYG655368 VIC655368 VRY655368 WBU655368 WLQ655368 WVM655368 E720904 JA720904 SW720904 ACS720904 AMO720904 AWK720904 BGG720904 BQC720904 BZY720904 CJU720904 CTQ720904 DDM720904 DNI720904 DXE720904 EHA720904 EQW720904 FAS720904 FKO720904 FUK720904 GEG720904 GOC720904 GXY720904 HHU720904 HRQ720904 IBM720904 ILI720904 IVE720904 JFA720904 JOW720904 JYS720904 KIO720904 KSK720904 LCG720904 LMC720904 LVY720904 MFU720904 MPQ720904 MZM720904 NJI720904 NTE720904 ODA720904 OMW720904 OWS720904 PGO720904 PQK720904 QAG720904 QKC720904 QTY720904 RDU720904 RNQ720904 RXM720904 SHI720904 SRE720904 TBA720904 TKW720904 TUS720904 UEO720904 UOK720904 UYG720904 VIC720904 VRY720904 WBU720904 WLQ720904 WVM720904 E786440 JA786440 SW786440 ACS786440 AMO786440 AWK786440 BGG786440 BQC786440 BZY786440 CJU786440 CTQ786440 DDM786440 DNI786440 DXE786440 EHA786440 EQW786440 FAS786440 FKO786440 FUK786440 GEG786440 GOC786440 GXY786440 HHU786440 HRQ786440 IBM786440 ILI786440 IVE786440 JFA786440 JOW786440 JYS786440 KIO786440 KSK786440 LCG786440 LMC786440 LVY786440 MFU786440 MPQ786440 MZM786440 NJI786440 NTE786440 ODA786440 OMW786440 OWS786440 PGO786440 PQK786440 QAG786440 QKC786440 QTY786440 RDU786440 RNQ786440 RXM786440 SHI786440 SRE786440 TBA786440 TKW786440 TUS786440 UEO786440 UOK786440 UYG786440 VIC786440 VRY786440 WBU786440 WLQ786440 WVM786440 E851976 JA851976 SW851976 ACS851976 AMO851976 AWK851976 BGG851976 BQC851976 BZY851976 CJU851976 CTQ851976 DDM851976 DNI851976 DXE851976 EHA851976 EQW851976 FAS851976 FKO851976 FUK851976 GEG851976 GOC851976 GXY851976 HHU851976 HRQ851976 IBM851976 ILI851976 IVE851976 JFA851976 JOW851976 JYS851976 KIO851976 KSK851976 LCG851976 LMC851976 LVY851976 MFU851976 MPQ851976 MZM851976 NJI851976 NTE851976 ODA851976 OMW851976 OWS851976 PGO851976 PQK851976 QAG851976 QKC851976 QTY851976 RDU851976 RNQ851976 RXM851976 SHI851976 SRE851976 TBA851976 TKW851976 TUS851976 UEO851976 UOK851976 UYG851976 VIC851976 VRY851976 WBU851976 WLQ851976 WVM851976 E917512 JA917512 SW917512 ACS917512 AMO917512 AWK917512 BGG917512 BQC917512 BZY917512 CJU917512 CTQ917512 DDM917512 DNI917512 DXE917512 EHA917512 EQW917512 FAS917512 FKO917512 FUK917512 GEG917512 GOC917512 GXY917512 HHU917512 HRQ917512 IBM917512 ILI917512 IVE917512 JFA917512 JOW917512 JYS917512 KIO917512 KSK917512 LCG917512 LMC917512 LVY917512 MFU917512 MPQ917512 MZM917512 NJI917512 NTE917512 ODA917512 OMW917512 OWS917512 PGO917512 PQK917512 QAG917512 QKC917512 QTY917512 RDU917512 RNQ917512 RXM917512 SHI917512 SRE917512 TBA917512 TKW917512 TUS917512 UEO917512 UOK917512 UYG917512 VIC917512 VRY917512 WBU917512 WLQ917512 WVM917512 E983048 JA983048 SW983048 ACS983048 AMO983048 AWK983048 BGG983048 BQC983048 BZY983048 CJU983048 CTQ983048 DDM983048 DNI983048 DXE983048 EHA983048 EQW983048 FAS983048 FKO983048 FUK983048 GEG983048 GOC983048 GXY983048 HHU983048 HRQ983048 IBM983048 ILI983048 IVE983048 JFA983048 JOW983048 JYS983048 KIO983048 KSK983048 LCG983048 LMC983048 LVY983048 MFU983048 MPQ983048 MZM983048 NJI983048 NTE983048 ODA983048 OMW983048 OWS983048 PGO983048 PQK983048 QAG983048 QKC983048 QTY983048 RDU983048 RNQ983048 RXM983048 SHI983048 SRE983048 TBA983048 TKW983048 TUS983048 UEO983048 UOK983048 UYG983048 VIC983048 VRY983048 WBU983048 WLQ983048 WVM983048 J11:J14 JF11:JF14 TB11:TB14 ACX11:ACX14 AMT11:AMT14 AWP11:AWP14 BGL11:BGL14 BQH11:BQH14 CAD11:CAD14 CJZ11:CJZ14 CTV11:CTV14 DDR11:DDR14 DNN11:DNN14 DXJ11:DXJ14 EHF11:EHF14 ERB11:ERB14 FAX11:FAX14 FKT11:FKT14 FUP11:FUP14 GEL11:GEL14 GOH11:GOH14 GYD11:GYD14 HHZ11:HHZ14 HRV11:HRV14 IBR11:IBR14 ILN11:ILN14 IVJ11:IVJ14 JFF11:JFF14 JPB11:JPB14 JYX11:JYX14 KIT11:KIT14 KSP11:KSP14 LCL11:LCL14 LMH11:LMH14 LWD11:LWD14 MFZ11:MFZ14 MPV11:MPV14 MZR11:MZR14 NJN11:NJN14 NTJ11:NTJ14 ODF11:ODF14 ONB11:ONB14 OWX11:OWX14 PGT11:PGT14 PQP11:PQP14 QAL11:QAL14 QKH11:QKH14 QUD11:QUD14 RDZ11:RDZ14 RNV11:RNV14 RXR11:RXR14 SHN11:SHN14 SRJ11:SRJ14 TBF11:TBF14 TLB11:TLB14 TUX11:TUX14 UET11:UET14 UOP11:UOP14 UYL11:UYL14 VIH11:VIH14 VSD11:VSD14 WBZ11:WBZ14 WLV11:WLV14 WVR11:WVR14 J65547:J65550 JF65547:JF65550 TB65547:TB65550 ACX65547:ACX65550 AMT65547:AMT65550 AWP65547:AWP65550 BGL65547:BGL65550 BQH65547:BQH65550 CAD65547:CAD65550 CJZ65547:CJZ65550 CTV65547:CTV65550 DDR65547:DDR65550 DNN65547:DNN65550 DXJ65547:DXJ65550 EHF65547:EHF65550 ERB65547:ERB65550 FAX65547:FAX65550 FKT65547:FKT65550 FUP65547:FUP65550 GEL65547:GEL65550 GOH65547:GOH65550 GYD65547:GYD65550 HHZ65547:HHZ65550 HRV65547:HRV65550 IBR65547:IBR65550 ILN65547:ILN65550 IVJ65547:IVJ65550 JFF65547:JFF65550 JPB65547:JPB65550 JYX65547:JYX65550 KIT65547:KIT65550 KSP65547:KSP65550 LCL65547:LCL65550 LMH65547:LMH65550 LWD65547:LWD65550 MFZ65547:MFZ65550 MPV65547:MPV65550 MZR65547:MZR65550 NJN65547:NJN65550 NTJ65547:NTJ65550 ODF65547:ODF65550 ONB65547:ONB65550 OWX65547:OWX65550 PGT65547:PGT65550 PQP65547:PQP65550 QAL65547:QAL65550 QKH65547:QKH65550 QUD65547:QUD65550 RDZ65547:RDZ65550 RNV65547:RNV65550 RXR65547:RXR65550 SHN65547:SHN65550 SRJ65547:SRJ65550 TBF65547:TBF65550 TLB65547:TLB65550 TUX65547:TUX65550 UET65547:UET65550 UOP65547:UOP65550 UYL65547:UYL65550 VIH65547:VIH65550 VSD65547:VSD65550 WBZ65547:WBZ65550 WLV65547:WLV65550 WVR65547:WVR65550 J131083:J131086 JF131083:JF131086 TB131083:TB131086 ACX131083:ACX131086 AMT131083:AMT131086 AWP131083:AWP131086 BGL131083:BGL131086 BQH131083:BQH131086 CAD131083:CAD131086 CJZ131083:CJZ131086 CTV131083:CTV131086 DDR131083:DDR131086 DNN131083:DNN131086 DXJ131083:DXJ131086 EHF131083:EHF131086 ERB131083:ERB131086 FAX131083:FAX131086 FKT131083:FKT131086 FUP131083:FUP131086 GEL131083:GEL131086 GOH131083:GOH131086 GYD131083:GYD131086 HHZ131083:HHZ131086 HRV131083:HRV131086 IBR131083:IBR131086 ILN131083:ILN131086 IVJ131083:IVJ131086 JFF131083:JFF131086 JPB131083:JPB131086 JYX131083:JYX131086 KIT131083:KIT131086 KSP131083:KSP131086 LCL131083:LCL131086 LMH131083:LMH131086 LWD131083:LWD131086 MFZ131083:MFZ131086 MPV131083:MPV131086 MZR131083:MZR131086 NJN131083:NJN131086 NTJ131083:NTJ131086 ODF131083:ODF131086 ONB131083:ONB131086 OWX131083:OWX131086 PGT131083:PGT131086 PQP131083:PQP131086 QAL131083:QAL131086 QKH131083:QKH131086 QUD131083:QUD131086 RDZ131083:RDZ131086 RNV131083:RNV131086 RXR131083:RXR131086 SHN131083:SHN131086 SRJ131083:SRJ131086 TBF131083:TBF131086 TLB131083:TLB131086 TUX131083:TUX131086 UET131083:UET131086 UOP131083:UOP131086 UYL131083:UYL131086 VIH131083:VIH131086 VSD131083:VSD131086 WBZ131083:WBZ131086 WLV131083:WLV131086 WVR131083:WVR131086 J196619:J196622 JF196619:JF196622 TB196619:TB196622 ACX196619:ACX196622 AMT196619:AMT196622 AWP196619:AWP196622 BGL196619:BGL196622 BQH196619:BQH196622 CAD196619:CAD196622 CJZ196619:CJZ196622 CTV196619:CTV196622 DDR196619:DDR196622 DNN196619:DNN196622 DXJ196619:DXJ196622 EHF196619:EHF196622 ERB196619:ERB196622 FAX196619:FAX196622 FKT196619:FKT196622 FUP196619:FUP196622 GEL196619:GEL196622 GOH196619:GOH196622 GYD196619:GYD196622 HHZ196619:HHZ196622 HRV196619:HRV196622 IBR196619:IBR196622 ILN196619:ILN196622 IVJ196619:IVJ196622 JFF196619:JFF196622 JPB196619:JPB196622 JYX196619:JYX196622 KIT196619:KIT196622 KSP196619:KSP196622 LCL196619:LCL196622 LMH196619:LMH196622 LWD196619:LWD196622 MFZ196619:MFZ196622 MPV196619:MPV196622 MZR196619:MZR196622 NJN196619:NJN196622 NTJ196619:NTJ196622 ODF196619:ODF196622 ONB196619:ONB196622 OWX196619:OWX196622 PGT196619:PGT196622 PQP196619:PQP196622 QAL196619:QAL196622 QKH196619:QKH196622 QUD196619:QUD196622 RDZ196619:RDZ196622 RNV196619:RNV196622 RXR196619:RXR196622 SHN196619:SHN196622 SRJ196619:SRJ196622 TBF196619:TBF196622 TLB196619:TLB196622 TUX196619:TUX196622 UET196619:UET196622 UOP196619:UOP196622 UYL196619:UYL196622 VIH196619:VIH196622 VSD196619:VSD196622 WBZ196619:WBZ196622 WLV196619:WLV196622 WVR196619:WVR196622 J262155:J262158 JF262155:JF262158 TB262155:TB262158 ACX262155:ACX262158 AMT262155:AMT262158 AWP262155:AWP262158 BGL262155:BGL262158 BQH262155:BQH262158 CAD262155:CAD262158 CJZ262155:CJZ262158 CTV262155:CTV262158 DDR262155:DDR262158 DNN262155:DNN262158 DXJ262155:DXJ262158 EHF262155:EHF262158 ERB262155:ERB262158 FAX262155:FAX262158 FKT262155:FKT262158 FUP262155:FUP262158 GEL262155:GEL262158 GOH262155:GOH262158 GYD262155:GYD262158 HHZ262155:HHZ262158 HRV262155:HRV262158 IBR262155:IBR262158 ILN262155:ILN262158 IVJ262155:IVJ262158 JFF262155:JFF262158 JPB262155:JPB262158 JYX262155:JYX262158 KIT262155:KIT262158 KSP262155:KSP262158 LCL262155:LCL262158 LMH262155:LMH262158 LWD262155:LWD262158 MFZ262155:MFZ262158 MPV262155:MPV262158 MZR262155:MZR262158 NJN262155:NJN262158 NTJ262155:NTJ262158 ODF262155:ODF262158 ONB262155:ONB262158 OWX262155:OWX262158 PGT262155:PGT262158 PQP262155:PQP262158 QAL262155:QAL262158 QKH262155:QKH262158 QUD262155:QUD262158 RDZ262155:RDZ262158 RNV262155:RNV262158 RXR262155:RXR262158 SHN262155:SHN262158 SRJ262155:SRJ262158 TBF262155:TBF262158 TLB262155:TLB262158 TUX262155:TUX262158 UET262155:UET262158 UOP262155:UOP262158 UYL262155:UYL262158 VIH262155:VIH262158 VSD262155:VSD262158 WBZ262155:WBZ262158 WLV262155:WLV262158 WVR262155:WVR262158 J327691:J327694 JF327691:JF327694 TB327691:TB327694 ACX327691:ACX327694 AMT327691:AMT327694 AWP327691:AWP327694 BGL327691:BGL327694 BQH327691:BQH327694 CAD327691:CAD327694 CJZ327691:CJZ327694 CTV327691:CTV327694 DDR327691:DDR327694 DNN327691:DNN327694 DXJ327691:DXJ327694 EHF327691:EHF327694 ERB327691:ERB327694 FAX327691:FAX327694 FKT327691:FKT327694 FUP327691:FUP327694 GEL327691:GEL327694 GOH327691:GOH327694 GYD327691:GYD327694 HHZ327691:HHZ327694 HRV327691:HRV327694 IBR327691:IBR327694 ILN327691:ILN327694 IVJ327691:IVJ327694 JFF327691:JFF327694 JPB327691:JPB327694 JYX327691:JYX327694 KIT327691:KIT327694 KSP327691:KSP327694 LCL327691:LCL327694 LMH327691:LMH327694 LWD327691:LWD327694 MFZ327691:MFZ327694 MPV327691:MPV327694 MZR327691:MZR327694 NJN327691:NJN327694 NTJ327691:NTJ327694 ODF327691:ODF327694 ONB327691:ONB327694 OWX327691:OWX327694 PGT327691:PGT327694 PQP327691:PQP327694 QAL327691:QAL327694 QKH327691:QKH327694 QUD327691:QUD327694 RDZ327691:RDZ327694 RNV327691:RNV327694 RXR327691:RXR327694 SHN327691:SHN327694 SRJ327691:SRJ327694 TBF327691:TBF327694 TLB327691:TLB327694 TUX327691:TUX327694 UET327691:UET327694 UOP327691:UOP327694 UYL327691:UYL327694 VIH327691:VIH327694 VSD327691:VSD327694 WBZ327691:WBZ327694 WLV327691:WLV327694 WVR327691:WVR327694 J393227:J393230 JF393227:JF393230 TB393227:TB393230 ACX393227:ACX393230 AMT393227:AMT393230 AWP393227:AWP393230 BGL393227:BGL393230 BQH393227:BQH393230 CAD393227:CAD393230 CJZ393227:CJZ393230 CTV393227:CTV393230 DDR393227:DDR393230 DNN393227:DNN393230 DXJ393227:DXJ393230 EHF393227:EHF393230 ERB393227:ERB393230 FAX393227:FAX393230 FKT393227:FKT393230 FUP393227:FUP393230 GEL393227:GEL393230 GOH393227:GOH393230 GYD393227:GYD393230 HHZ393227:HHZ393230 HRV393227:HRV393230 IBR393227:IBR393230 ILN393227:ILN393230 IVJ393227:IVJ393230 JFF393227:JFF393230 JPB393227:JPB393230 JYX393227:JYX393230 KIT393227:KIT393230 KSP393227:KSP393230 LCL393227:LCL393230 LMH393227:LMH393230 LWD393227:LWD393230 MFZ393227:MFZ393230 MPV393227:MPV393230 MZR393227:MZR393230 NJN393227:NJN393230 NTJ393227:NTJ393230 ODF393227:ODF393230 ONB393227:ONB393230 OWX393227:OWX393230 PGT393227:PGT393230 PQP393227:PQP393230 QAL393227:QAL393230 QKH393227:QKH393230 QUD393227:QUD393230 RDZ393227:RDZ393230 RNV393227:RNV393230 RXR393227:RXR393230 SHN393227:SHN393230 SRJ393227:SRJ393230 TBF393227:TBF393230 TLB393227:TLB393230 TUX393227:TUX393230 UET393227:UET393230 UOP393227:UOP393230 UYL393227:UYL393230 VIH393227:VIH393230 VSD393227:VSD393230 WBZ393227:WBZ393230 WLV393227:WLV393230 WVR393227:WVR393230 J458763:J458766 JF458763:JF458766 TB458763:TB458766 ACX458763:ACX458766 AMT458763:AMT458766 AWP458763:AWP458766 BGL458763:BGL458766 BQH458763:BQH458766 CAD458763:CAD458766 CJZ458763:CJZ458766 CTV458763:CTV458766 DDR458763:DDR458766 DNN458763:DNN458766 DXJ458763:DXJ458766 EHF458763:EHF458766 ERB458763:ERB458766 FAX458763:FAX458766 FKT458763:FKT458766 FUP458763:FUP458766 GEL458763:GEL458766 GOH458763:GOH458766 GYD458763:GYD458766 HHZ458763:HHZ458766 HRV458763:HRV458766 IBR458763:IBR458766 ILN458763:ILN458766 IVJ458763:IVJ458766 JFF458763:JFF458766 JPB458763:JPB458766 JYX458763:JYX458766 KIT458763:KIT458766 KSP458763:KSP458766 LCL458763:LCL458766 LMH458763:LMH458766 LWD458763:LWD458766 MFZ458763:MFZ458766 MPV458763:MPV458766 MZR458763:MZR458766 NJN458763:NJN458766 NTJ458763:NTJ458766 ODF458763:ODF458766 ONB458763:ONB458766 OWX458763:OWX458766 PGT458763:PGT458766 PQP458763:PQP458766 QAL458763:QAL458766 QKH458763:QKH458766 QUD458763:QUD458766 RDZ458763:RDZ458766 RNV458763:RNV458766 RXR458763:RXR458766 SHN458763:SHN458766 SRJ458763:SRJ458766 TBF458763:TBF458766 TLB458763:TLB458766 TUX458763:TUX458766 UET458763:UET458766 UOP458763:UOP458766 UYL458763:UYL458766 VIH458763:VIH458766 VSD458763:VSD458766 WBZ458763:WBZ458766 WLV458763:WLV458766 WVR458763:WVR458766 J524299:J524302 JF524299:JF524302 TB524299:TB524302 ACX524299:ACX524302 AMT524299:AMT524302 AWP524299:AWP524302 BGL524299:BGL524302 BQH524299:BQH524302 CAD524299:CAD524302 CJZ524299:CJZ524302 CTV524299:CTV524302 DDR524299:DDR524302 DNN524299:DNN524302 DXJ524299:DXJ524302 EHF524299:EHF524302 ERB524299:ERB524302 FAX524299:FAX524302 FKT524299:FKT524302 FUP524299:FUP524302 GEL524299:GEL524302 GOH524299:GOH524302 GYD524299:GYD524302 HHZ524299:HHZ524302 HRV524299:HRV524302 IBR524299:IBR524302 ILN524299:ILN524302 IVJ524299:IVJ524302 JFF524299:JFF524302 JPB524299:JPB524302 JYX524299:JYX524302 KIT524299:KIT524302 KSP524299:KSP524302 LCL524299:LCL524302 LMH524299:LMH524302 LWD524299:LWD524302 MFZ524299:MFZ524302 MPV524299:MPV524302 MZR524299:MZR524302 NJN524299:NJN524302 NTJ524299:NTJ524302 ODF524299:ODF524302 ONB524299:ONB524302 OWX524299:OWX524302 PGT524299:PGT524302 PQP524299:PQP524302 QAL524299:QAL524302 QKH524299:QKH524302 QUD524299:QUD524302 RDZ524299:RDZ524302 RNV524299:RNV524302 RXR524299:RXR524302 SHN524299:SHN524302 SRJ524299:SRJ524302 TBF524299:TBF524302 TLB524299:TLB524302 TUX524299:TUX524302 UET524299:UET524302 UOP524299:UOP524302 UYL524299:UYL524302 VIH524299:VIH524302 VSD524299:VSD524302 WBZ524299:WBZ524302 WLV524299:WLV524302 WVR524299:WVR524302 J589835:J589838 JF589835:JF589838 TB589835:TB589838 ACX589835:ACX589838 AMT589835:AMT589838 AWP589835:AWP589838 BGL589835:BGL589838 BQH589835:BQH589838 CAD589835:CAD589838 CJZ589835:CJZ589838 CTV589835:CTV589838 DDR589835:DDR589838 DNN589835:DNN589838 DXJ589835:DXJ589838 EHF589835:EHF589838 ERB589835:ERB589838 FAX589835:FAX589838 FKT589835:FKT589838 FUP589835:FUP589838 GEL589835:GEL589838 GOH589835:GOH589838 GYD589835:GYD589838 HHZ589835:HHZ589838 HRV589835:HRV589838 IBR589835:IBR589838 ILN589835:ILN589838 IVJ589835:IVJ589838 JFF589835:JFF589838 JPB589835:JPB589838 JYX589835:JYX589838 KIT589835:KIT589838 KSP589835:KSP589838 LCL589835:LCL589838 LMH589835:LMH589838 LWD589835:LWD589838 MFZ589835:MFZ589838 MPV589835:MPV589838 MZR589835:MZR589838 NJN589835:NJN589838 NTJ589835:NTJ589838 ODF589835:ODF589838 ONB589835:ONB589838 OWX589835:OWX589838 PGT589835:PGT589838 PQP589835:PQP589838 QAL589835:QAL589838 QKH589835:QKH589838 QUD589835:QUD589838 RDZ589835:RDZ589838 RNV589835:RNV589838 RXR589835:RXR589838 SHN589835:SHN589838 SRJ589835:SRJ589838 TBF589835:TBF589838 TLB589835:TLB589838 TUX589835:TUX589838 UET589835:UET589838 UOP589835:UOP589838 UYL589835:UYL589838 VIH589835:VIH589838 VSD589835:VSD589838 WBZ589835:WBZ589838 WLV589835:WLV589838 WVR589835:WVR589838 J655371:J655374 JF655371:JF655374 TB655371:TB655374 ACX655371:ACX655374 AMT655371:AMT655374 AWP655371:AWP655374 BGL655371:BGL655374 BQH655371:BQH655374 CAD655371:CAD655374 CJZ655371:CJZ655374 CTV655371:CTV655374 DDR655371:DDR655374 DNN655371:DNN655374 DXJ655371:DXJ655374 EHF655371:EHF655374 ERB655371:ERB655374 FAX655371:FAX655374 FKT655371:FKT655374 FUP655371:FUP655374 GEL655371:GEL655374 GOH655371:GOH655374 GYD655371:GYD655374 HHZ655371:HHZ655374 HRV655371:HRV655374 IBR655371:IBR655374 ILN655371:ILN655374 IVJ655371:IVJ655374 JFF655371:JFF655374 JPB655371:JPB655374 JYX655371:JYX655374 KIT655371:KIT655374 KSP655371:KSP655374 LCL655371:LCL655374 LMH655371:LMH655374 LWD655371:LWD655374 MFZ655371:MFZ655374 MPV655371:MPV655374 MZR655371:MZR655374 NJN655371:NJN655374 NTJ655371:NTJ655374 ODF655371:ODF655374 ONB655371:ONB655374 OWX655371:OWX655374 PGT655371:PGT655374 PQP655371:PQP655374 QAL655371:QAL655374 QKH655371:QKH655374 QUD655371:QUD655374 RDZ655371:RDZ655374 RNV655371:RNV655374 RXR655371:RXR655374 SHN655371:SHN655374 SRJ655371:SRJ655374 TBF655371:TBF655374 TLB655371:TLB655374 TUX655371:TUX655374 UET655371:UET655374 UOP655371:UOP655374 UYL655371:UYL655374 VIH655371:VIH655374 VSD655371:VSD655374 WBZ655371:WBZ655374 WLV655371:WLV655374 WVR655371:WVR655374 J720907:J720910 JF720907:JF720910 TB720907:TB720910 ACX720907:ACX720910 AMT720907:AMT720910 AWP720907:AWP720910 BGL720907:BGL720910 BQH720907:BQH720910 CAD720907:CAD720910 CJZ720907:CJZ720910 CTV720907:CTV720910 DDR720907:DDR720910 DNN720907:DNN720910 DXJ720907:DXJ720910 EHF720907:EHF720910 ERB720907:ERB720910 FAX720907:FAX720910 FKT720907:FKT720910 FUP720907:FUP720910 GEL720907:GEL720910 GOH720907:GOH720910 GYD720907:GYD720910 HHZ720907:HHZ720910 HRV720907:HRV720910 IBR720907:IBR720910 ILN720907:ILN720910 IVJ720907:IVJ720910 JFF720907:JFF720910 JPB720907:JPB720910 JYX720907:JYX720910 KIT720907:KIT720910 KSP720907:KSP720910 LCL720907:LCL720910 LMH720907:LMH720910 LWD720907:LWD720910 MFZ720907:MFZ720910 MPV720907:MPV720910 MZR720907:MZR720910 NJN720907:NJN720910 NTJ720907:NTJ720910 ODF720907:ODF720910 ONB720907:ONB720910 OWX720907:OWX720910 PGT720907:PGT720910 PQP720907:PQP720910 QAL720907:QAL720910 QKH720907:QKH720910 QUD720907:QUD720910 RDZ720907:RDZ720910 RNV720907:RNV720910 RXR720907:RXR720910 SHN720907:SHN720910 SRJ720907:SRJ720910 TBF720907:TBF720910 TLB720907:TLB720910 TUX720907:TUX720910 UET720907:UET720910 UOP720907:UOP720910 UYL720907:UYL720910 VIH720907:VIH720910 VSD720907:VSD720910 WBZ720907:WBZ720910 WLV720907:WLV720910 WVR720907:WVR720910 J786443:J786446 JF786443:JF786446 TB786443:TB786446 ACX786443:ACX786446 AMT786443:AMT786446 AWP786443:AWP786446 BGL786443:BGL786446 BQH786443:BQH786446 CAD786443:CAD786446 CJZ786443:CJZ786446 CTV786443:CTV786446 DDR786443:DDR786446 DNN786443:DNN786446 DXJ786443:DXJ786446 EHF786443:EHF786446 ERB786443:ERB786446 FAX786443:FAX786446 FKT786443:FKT786446 FUP786443:FUP786446 GEL786443:GEL786446 GOH786443:GOH786446 GYD786443:GYD786446 HHZ786443:HHZ786446 HRV786443:HRV786446 IBR786443:IBR786446 ILN786443:ILN786446 IVJ786443:IVJ786446 JFF786443:JFF786446 JPB786443:JPB786446 JYX786443:JYX786446 KIT786443:KIT786446 KSP786443:KSP786446 LCL786443:LCL786446 LMH786443:LMH786446 LWD786443:LWD786446 MFZ786443:MFZ786446 MPV786443:MPV786446 MZR786443:MZR786446 NJN786443:NJN786446 NTJ786443:NTJ786446 ODF786443:ODF786446 ONB786443:ONB786446 OWX786443:OWX786446 PGT786443:PGT786446 PQP786443:PQP786446 QAL786443:QAL786446 QKH786443:QKH786446 QUD786443:QUD786446 RDZ786443:RDZ786446 RNV786443:RNV786446 RXR786443:RXR786446 SHN786443:SHN786446 SRJ786443:SRJ786446 TBF786443:TBF786446 TLB786443:TLB786446 TUX786443:TUX786446 UET786443:UET786446 UOP786443:UOP786446 UYL786443:UYL786446 VIH786443:VIH786446 VSD786443:VSD786446 WBZ786443:WBZ786446 WLV786443:WLV786446 WVR786443:WVR786446 J851979:J851982 JF851979:JF851982 TB851979:TB851982 ACX851979:ACX851982 AMT851979:AMT851982 AWP851979:AWP851982 BGL851979:BGL851982 BQH851979:BQH851982 CAD851979:CAD851982 CJZ851979:CJZ851982 CTV851979:CTV851982 DDR851979:DDR851982 DNN851979:DNN851982 DXJ851979:DXJ851982 EHF851979:EHF851982 ERB851979:ERB851982 FAX851979:FAX851982 FKT851979:FKT851982 FUP851979:FUP851982 GEL851979:GEL851982 GOH851979:GOH851982 GYD851979:GYD851982 HHZ851979:HHZ851982 HRV851979:HRV851982 IBR851979:IBR851982 ILN851979:ILN851982 IVJ851979:IVJ851982 JFF851979:JFF851982 JPB851979:JPB851982 JYX851979:JYX851982 KIT851979:KIT851982 KSP851979:KSP851982 LCL851979:LCL851982 LMH851979:LMH851982 LWD851979:LWD851982 MFZ851979:MFZ851982 MPV851979:MPV851982 MZR851979:MZR851982 NJN851979:NJN851982 NTJ851979:NTJ851982 ODF851979:ODF851982 ONB851979:ONB851982 OWX851979:OWX851982 PGT851979:PGT851982 PQP851979:PQP851982 QAL851979:QAL851982 QKH851979:QKH851982 QUD851979:QUD851982 RDZ851979:RDZ851982 RNV851979:RNV851982 RXR851979:RXR851982 SHN851979:SHN851982 SRJ851979:SRJ851982 TBF851979:TBF851982 TLB851979:TLB851982 TUX851979:TUX851982 UET851979:UET851982 UOP851979:UOP851982 UYL851979:UYL851982 VIH851979:VIH851982 VSD851979:VSD851982 WBZ851979:WBZ851982 WLV851979:WLV851982 WVR851979:WVR851982 J917515:J917518 JF917515:JF917518 TB917515:TB917518 ACX917515:ACX917518 AMT917515:AMT917518 AWP917515:AWP917518 BGL917515:BGL917518 BQH917515:BQH917518 CAD917515:CAD917518 CJZ917515:CJZ917518 CTV917515:CTV917518 DDR917515:DDR917518 DNN917515:DNN917518 DXJ917515:DXJ917518 EHF917515:EHF917518 ERB917515:ERB917518 FAX917515:FAX917518 FKT917515:FKT917518 FUP917515:FUP917518 GEL917515:GEL917518 GOH917515:GOH917518 GYD917515:GYD917518 HHZ917515:HHZ917518 HRV917515:HRV917518 IBR917515:IBR917518 ILN917515:ILN917518 IVJ917515:IVJ917518 JFF917515:JFF917518 JPB917515:JPB917518 JYX917515:JYX917518 KIT917515:KIT917518 KSP917515:KSP917518 LCL917515:LCL917518 LMH917515:LMH917518 LWD917515:LWD917518 MFZ917515:MFZ917518 MPV917515:MPV917518 MZR917515:MZR917518 NJN917515:NJN917518 NTJ917515:NTJ917518 ODF917515:ODF917518 ONB917515:ONB917518 OWX917515:OWX917518 PGT917515:PGT917518 PQP917515:PQP917518 QAL917515:QAL917518 QKH917515:QKH917518 QUD917515:QUD917518 RDZ917515:RDZ917518 RNV917515:RNV917518 RXR917515:RXR917518 SHN917515:SHN917518 SRJ917515:SRJ917518 TBF917515:TBF917518 TLB917515:TLB917518 TUX917515:TUX917518 UET917515:UET917518 UOP917515:UOP917518 UYL917515:UYL917518 VIH917515:VIH917518 VSD917515:VSD917518 WBZ917515:WBZ917518 WLV917515:WLV917518 WVR917515:WVR917518 J983051:J983054 JF983051:JF983054 TB983051:TB983054 ACX983051:ACX983054 AMT983051:AMT983054 AWP983051:AWP983054 BGL983051:BGL983054 BQH983051:BQH983054 CAD983051:CAD983054 CJZ983051:CJZ983054 CTV983051:CTV983054 DDR983051:DDR983054 DNN983051:DNN983054 DXJ983051:DXJ983054 EHF983051:EHF983054 ERB983051:ERB983054 FAX983051:FAX983054 FKT983051:FKT983054 FUP983051:FUP983054 GEL983051:GEL983054 GOH983051:GOH983054 GYD983051:GYD983054 HHZ983051:HHZ983054 HRV983051:HRV983054 IBR983051:IBR983054 ILN983051:ILN983054 IVJ983051:IVJ983054 JFF983051:JFF983054 JPB983051:JPB983054 JYX983051:JYX983054 KIT983051:KIT983054 KSP983051:KSP983054 LCL983051:LCL983054 LMH983051:LMH983054 LWD983051:LWD983054 MFZ983051:MFZ983054 MPV983051:MPV983054 MZR983051:MZR983054 NJN983051:NJN983054 NTJ983051:NTJ983054 ODF983051:ODF983054 ONB983051:ONB983054 OWX983051:OWX983054 PGT983051:PGT983054 PQP983051:PQP983054 QAL983051:QAL983054 QKH983051:QKH983054 QUD983051:QUD983054 RDZ983051:RDZ983054 RNV983051:RNV983054 RXR983051:RXR983054 SHN983051:SHN983054 SRJ983051:SRJ983054 TBF983051:TBF983054 TLB983051:TLB983054 TUX983051:TUX983054 UET983051:UET983054 UOP983051:UOP983054 UYL983051:UYL983054 VIH983051:VIH983054 VSD983051:VSD983054 WBZ983051:WBZ983054 WLV983051:WLV983054 WVR983051:WVR983054"/>
  </dataValidations>
  <printOptions horizontalCentered="1"/>
  <pageMargins left="0.78740157480314965" right="0.39370078740157483" top="0.39370078740157483" bottom="0.35433070866141736" header="0.31496062992125984" footer="0.27559055118110237"/>
  <pageSetup paperSize="9" scale="84" orientation="portrait" r:id="rId3"/>
  <headerFooter alignWithMargins="0"/>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9"/>
  <sheetViews>
    <sheetView view="pageBreakPreview" zoomScaleNormal="100" zoomScaleSheetLayoutView="100" workbookViewId="0">
      <selection activeCell="D20" sqref="D20:L20"/>
    </sheetView>
  </sheetViews>
  <sheetFormatPr defaultColWidth="9" defaultRowHeight="13.2" x14ac:dyDescent="0.2"/>
  <cols>
    <col min="1" max="1" width="9.109375" style="552" customWidth="1"/>
    <col min="2" max="2" width="6.77734375" style="552" customWidth="1"/>
    <col min="3" max="3" width="8.21875" style="552" customWidth="1"/>
    <col min="4" max="12" width="6.77734375" style="552" customWidth="1"/>
    <col min="13" max="16384" width="9" style="552"/>
  </cols>
  <sheetData>
    <row r="1" spans="1:12" ht="22.5" customHeight="1" x14ac:dyDescent="0.2">
      <c r="A1" s="559" t="s">
        <v>283</v>
      </c>
      <c r="B1" s="560"/>
      <c r="H1" s="557"/>
      <c r="I1" s="262"/>
      <c r="J1" s="262"/>
      <c r="L1" s="254" t="s">
        <v>913</v>
      </c>
    </row>
    <row r="2" spans="1:12" x14ac:dyDescent="0.2">
      <c r="H2" s="557"/>
      <c r="I2" s="556"/>
      <c r="J2" s="556"/>
      <c r="K2" s="556"/>
      <c r="L2" s="556"/>
    </row>
    <row r="3" spans="1:12" ht="27" customHeight="1" x14ac:dyDescent="0.2">
      <c r="A3" s="2155" t="s">
        <v>912</v>
      </c>
      <c r="B3" s="2155"/>
      <c r="C3" s="2155"/>
      <c r="D3" s="2155"/>
      <c r="E3" s="2155"/>
      <c r="F3" s="2155"/>
      <c r="G3" s="2155"/>
      <c r="H3" s="2155"/>
      <c r="I3" s="2155"/>
      <c r="J3" s="2155"/>
      <c r="K3" s="2155"/>
      <c r="L3" s="2155"/>
    </row>
    <row r="5" spans="1:12" ht="21" customHeight="1" x14ac:dyDescent="0.2">
      <c r="A5" s="2154" t="s">
        <v>196</v>
      </c>
      <c r="B5" s="2154"/>
      <c r="C5" s="2154"/>
      <c r="D5" s="2154"/>
      <c r="E5" s="2154"/>
      <c r="F5" s="2154"/>
      <c r="G5" s="2154" t="s">
        <v>195</v>
      </c>
      <c r="H5" s="2154"/>
      <c r="I5" s="2154" t="s">
        <v>243</v>
      </c>
      <c r="J5" s="2154"/>
      <c r="K5" s="2154"/>
      <c r="L5" s="2154"/>
    </row>
    <row r="6" spans="1:12" ht="21" customHeight="1" x14ac:dyDescent="0.2">
      <c r="A6" s="2154"/>
      <c r="B6" s="2154"/>
      <c r="C6" s="2154"/>
      <c r="D6" s="2154"/>
      <c r="E6" s="2154"/>
      <c r="F6" s="2154"/>
      <c r="G6" s="2154" t="s">
        <v>244</v>
      </c>
      <c r="H6" s="2154"/>
      <c r="I6" s="2154" t="s">
        <v>69</v>
      </c>
      <c r="J6" s="2154"/>
      <c r="K6" s="2154"/>
      <c r="L6" s="2154"/>
    </row>
    <row r="7" spans="1:12" ht="21" customHeight="1" x14ac:dyDescent="0.2">
      <c r="A7" s="2154" t="s">
        <v>245</v>
      </c>
      <c r="B7" s="2154"/>
      <c r="C7" s="2154" t="s">
        <v>246</v>
      </c>
      <c r="D7" s="2154"/>
      <c r="E7" s="2154"/>
      <c r="F7" s="2154"/>
      <c r="G7" s="2154"/>
      <c r="H7" s="2154"/>
      <c r="I7" s="2154"/>
      <c r="J7" s="2154"/>
      <c r="K7" s="2154"/>
      <c r="L7" s="2154"/>
    </row>
    <row r="8" spans="1:12" ht="21" customHeight="1" x14ac:dyDescent="0.2">
      <c r="A8" s="556"/>
      <c r="B8" s="556"/>
      <c r="C8" s="556"/>
      <c r="D8" s="556"/>
      <c r="E8" s="556"/>
      <c r="F8" s="556"/>
      <c r="G8" s="556"/>
      <c r="H8" s="556"/>
      <c r="I8" s="556"/>
      <c r="J8" s="556"/>
      <c r="K8" s="556"/>
      <c r="L8" s="556"/>
    </row>
    <row r="9" spans="1:12" ht="21" customHeight="1" x14ac:dyDescent="0.2">
      <c r="A9" s="552" t="s">
        <v>247</v>
      </c>
      <c r="B9" s="558"/>
      <c r="C9" s="558"/>
      <c r="D9" s="557"/>
      <c r="E9" s="557"/>
    </row>
    <row r="10" spans="1:12" ht="21" customHeight="1" x14ac:dyDescent="0.2">
      <c r="A10" s="2154" t="s">
        <v>248</v>
      </c>
      <c r="B10" s="2154"/>
      <c r="C10" s="2154"/>
      <c r="D10" s="2156" t="s">
        <v>911</v>
      </c>
      <c r="E10" s="2157"/>
      <c r="F10" s="2157"/>
      <c r="G10" s="2158" t="s">
        <v>250</v>
      </c>
      <c r="H10" s="2159"/>
      <c r="I10" s="2160" t="s">
        <v>910</v>
      </c>
      <c r="J10" s="2161"/>
      <c r="K10" s="2161"/>
      <c r="L10" s="2162"/>
    </row>
    <row r="11" spans="1:12" ht="15" customHeight="1" x14ac:dyDescent="0.2">
      <c r="A11" s="554"/>
      <c r="B11" s="554"/>
      <c r="C11" s="554"/>
      <c r="D11" s="509"/>
      <c r="E11" s="509"/>
      <c r="F11" s="509"/>
      <c r="G11" s="509"/>
      <c r="H11" s="509"/>
      <c r="I11" s="509"/>
      <c r="J11" s="509"/>
      <c r="K11" s="509"/>
      <c r="L11" s="509"/>
    </row>
    <row r="12" spans="1:12" ht="21" customHeight="1" x14ac:dyDescent="0.2">
      <c r="A12" s="519" t="s">
        <v>252</v>
      </c>
      <c r="B12" s="2154" t="s">
        <v>253</v>
      </c>
      <c r="C12" s="2154"/>
      <c r="D12" s="2154" t="s">
        <v>200</v>
      </c>
      <c r="E12" s="2154"/>
      <c r="F12" s="2154"/>
      <c r="G12" s="2154"/>
      <c r="H12" s="2154"/>
      <c r="I12" s="2154"/>
      <c r="J12" s="2154"/>
      <c r="K12" s="2154"/>
      <c r="L12" s="2154"/>
    </row>
    <row r="13" spans="1:12" ht="21" customHeight="1" x14ac:dyDescent="0.2">
      <c r="A13" s="553" t="s">
        <v>254</v>
      </c>
      <c r="B13" s="2154" t="s">
        <v>255</v>
      </c>
      <c r="C13" s="2154"/>
      <c r="D13" s="2163" t="s">
        <v>256</v>
      </c>
      <c r="E13" s="2164"/>
      <c r="F13" s="2164"/>
      <c r="G13" s="2164"/>
      <c r="H13" s="2164"/>
      <c r="I13" s="2164"/>
      <c r="J13" s="2164"/>
      <c r="K13" s="2164"/>
      <c r="L13" s="2165"/>
    </row>
    <row r="14" spans="1:12" ht="21" customHeight="1" x14ac:dyDescent="0.2">
      <c r="A14" s="553" t="s">
        <v>909</v>
      </c>
      <c r="B14" s="2154" t="s">
        <v>255</v>
      </c>
      <c r="C14" s="2154"/>
      <c r="D14" s="2154"/>
      <c r="E14" s="2154"/>
      <c r="F14" s="2154"/>
      <c r="G14" s="2154"/>
      <c r="H14" s="2154"/>
      <c r="I14" s="2154"/>
      <c r="J14" s="2154"/>
      <c r="K14" s="2154"/>
      <c r="L14" s="2154"/>
    </row>
    <row r="15" spans="1:12" ht="21" customHeight="1" x14ac:dyDescent="0.2">
      <c r="A15" s="553" t="s">
        <v>257</v>
      </c>
      <c r="B15" s="2154" t="s">
        <v>255</v>
      </c>
      <c r="C15" s="2154"/>
      <c r="D15" s="2154"/>
      <c r="E15" s="2154"/>
      <c r="F15" s="2154"/>
      <c r="G15" s="2154"/>
      <c r="H15" s="2154"/>
      <c r="I15" s="2154"/>
      <c r="J15" s="2154"/>
      <c r="K15" s="2154"/>
      <c r="L15" s="2154"/>
    </row>
    <row r="16" spans="1:12" ht="21" customHeight="1" x14ac:dyDescent="0.2">
      <c r="A16" s="553" t="s">
        <v>258</v>
      </c>
      <c r="B16" s="2154" t="s">
        <v>255</v>
      </c>
      <c r="C16" s="2154"/>
      <c r="D16" s="2154"/>
      <c r="E16" s="2154"/>
      <c r="F16" s="2154"/>
      <c r="G16" s="2154"/>
      <c r="H16" s="2154"/>
      <c r="I16" s="2154"/>
      <c r="J16" s="2154"/>
      <c r="K16" s="2154"/>
      <c r="L16" s="2154"/>
    </row>
    <row r="17" spans="1:12" ht="21" customHeight="1" x14ac:dyDescent="0.2">
      <c r="A17" s="553" t="s">
        <v>259</v>
      </c>
      <c r="B17" s="2154" t="s">
        <v>255</v>
      </c>
      <c r="C17" s="2154"/>
      <c r="D17" s="2154"/>
      <c r="E17" s="2154"/>
      <c r="F17" s="2154"/>
      <c r="G17" s="2154"/>
      <c r="H17" s="2154"/>
      <c r="I17" s="2154"/>
      <c r="J17" s="2154"/>
      <c r="K17" s="2154"/>
      <c r="L17" s="2154"/>
    </row>
    <row r="18" spans="1:12" ht="21" customHeight="1" x14ac:dyDescent="0.2">
      <c r="A18" s="553" t="s">
        <v>260</v>
      </c>
      <c r="B18" s="2154" t="s">
        <v>255</v>
      </c>
      <c r="C18" s="2154"/>
      <c r="D18" s="2154"/>
      <c r="E18" s="2154"/>
      <c r="F18" s="2154"/>
      <c r="G18" s="2154"/>
      <c r="H18" s="2154"/>
      <c r="I18" s="2154"/>
      <c r="J18" s="2154"/>
      <c r="K18" s="2154"/>
      <c r="L18" s="2154"/>
    </row>
    <row r="19" spans="1:12" ht="21" customHeight="1" x14ac:dyDescent="0.2">
      <c r="A19" s="553" t="s">
        <v>261</v>
      </c>
      <c r="B19" s="2154" t="s">
        <v>255</v>
      </c>
      <c r="C19" s="2154"/>
      <c r="D19" s="2154"/>
      <c r="E19" s="2154"/>
      <c r="F19" s="2154"/>
      <c r="G19" s="2154"/>
      <c r="H19" s="2154"/>
      <c r="I19" s="2154"/>
      <c r="J19" s="2154"/>
      <c r="K19" s="2154"/>
      <c r="L19" s="2154"/>
    </row>
    <row r="20" spans="1:12" ht="21" customHeight="1" x14ac:dyDescent="0.2">
      <c r="A20" s="553" t="s">
        <v>131</v>
      </c>
      <c r="B20" s="2154" t="s">
        <v>255</v>
      </c>
      <c r="C20" s="2154"/>
      <c r="D20" s="2154"/>
      <c r="E20" s="2154"/>
      <c r="F20" s="2154"/>
      <c r="G20" s="2154"/>
      <c r="H20" s="2154"/>
      <c r="I20" s="2154"/>
      <c r="J20" s="2154"/>
      <c r="K20" s="2154"/>
      <c r="L20" s="2154"/>
    </row>
    <row r="21" spans="1:12" ht="21.75" customHeight="1" x14ac:dyDescent="0.2">
      <c r="B21" s="556"/>
      <c r="C21" s="556"/>
      <c r="D21" s="556"/>
      <c r="E21" s="556"/>
      <c r="F21" s="556"/>
      <c r="G21" s="556"/>
      <c r="H21" s="556"/>
      <c r="I21" s="556"/>
      <c r="J21" s="556"/>
      <c r="K21" s="556"/>
      <c r="L21" s="556"/>
    </row>
    <row r="22" spans="1:12" ht="24.75" customHeight="1" x14ac:dyDescent="0.2">
      <c r="A22" s="555" t="s">
        <v>262</v>
      </c>
    </row>
    <row r="23" spans="1:12" ht="21" customHeight="1" x14ac:dyDescent="0.2">
      <c r="A23" s="2154" t="s">
        <v>248</v>
      </c>
      <c r="B23" s="2154"/>
      <c r="C23" s="2154"/>
      <c r="D23" s="2156" t="s">
        <v>911</v>
      </c>
      <c r="E23" s="2157"/>
      <c r="F23" s="2157"/>
      <c r="G23" s="2158" t="s">
        <v>250</v>
      </c>
      <c r="H23" s="2159"/>
      <c r="I23" s="2160" t="s">
        <v>910</v>
      </c>
      <c r="J23" s="2161"/>
      <c r="K23" s="2161"/>
      <c r="L23" s="2162"/>
    </row>
    <row r="24" spans="1:12" ht="15" customHeight="1" x14ac:dyDescent="0.2">
      <c r="A24" s="554"/>
      <c r="B24" s="554"/>
      <c r="C24" s="554"/>
      <c r="D24" s="509"/>
      <c r="E24" s="509"/>
      <c r="F24" s="509"/>
      <c r="G24" s="509"/>
      <c r="H24" s="509"/>
      <c r="I24" s="509"/>
      <c r="J24" s="509"/>
      <c r="K24" s="509"/>
      <c r="L24" s="509"/>
    </row>
    <row r="25" spans="1:12" ht="21" customHeight="1" x14ac:dyDescent="0.2">
      <c r="A25" s="519" t="s">
        <v>252</v>
      </c>
      <c r="B25" s="2154" t="s">
        <v>253</v>
      </c>
      <c r="C25" s="2154"/>
      <c r="D25" s="2154" t="s">
        <v>200</v>
      </c>
      <c r="E25" s="2154"/>
      <c r="F25" s="2154"/>
      <c r="G25" s="2154"/>
      <c r="H25" s="2154"/>
      <c r="I25" s="2154"/>
      <c r="J25" s="2154"/>
      <c r="K25" s="2154"/>
      <c r="L25" s="2154"/>
    </row>
    <row r="26" spans="1:12" ht="21" customHeight="1" x14ac:dyDescent="0.2">
      <c r="A26" s="553" t="s">
        <v>254</v>
      </c>
      <c r="B26" s="2154" t="s">
        <v>255</v>
      </c>
      <c r="C26" s="2154"/>
      <c r="D26" s="2163" t="s">
        <v>256</v>
      </c>
      <c r="E26" s="2164"/>
      <c r="F26" s="2164"/>
      <c r="G26" s="2164"/>
      <c r="H26" s="2164"/>
      <c r="I26" s="2164"/>
      <c r="J26" s="2164"/>
      <c r="K26" s="2164"/>
      <c r="L26" s="2165"/>
    </row>
    <row r="27" spans="1:12" ht="21" customHeight="1" x14ac:dyDescent="0.2">
      <c r="A27" s="553" t="s">
        <v>909</v>
      </c>
      <c r="B27" s="2154" t="s">
        <v>255</v>
      </c>
      <c r="C27" s="2154"/>
      <c r="D27" s="2154"/>
      <c r="E27" s="2154"/>
      <c r="F27" s="2154"/>
      <c r="G27" s="2154"/>
      <c r="H27" s="2154"/>
      <c r="I27" s="2154"/>
      <c r="J27" s="2154"/>
      <c r="K27" s="2154"/>
      <c r="L27" s="2154"/>
    </row>
    <row r="28" spans="1:12" ht="21" customHeight="1" x14ac:dyDescent="0.2">
      <c r="A28" s="553" t="s">
        <v>257</v>
      </c>
      <c r="B28" s="2154" t="s">
        <v>255</v>
      </c>
      <c r="C28" s="2154"/>
      <c r="D28" s="2154"/>
      <c r="E28" s="2154"/>
      <c r="F28" s="2154"/>
      <c r="G28" s="2154"/>
      <c r="H28" s="2154"/>
      <c r="I28" s="2154"/>
      <c r="J28" s="2154"/>
      <c r="K28" s="2154"/>
      <c r="L28" s="2154"/>
    </row>
    <row r="29" spans="1:12" ht="21" customHeight="1" x14ac:dyDescent="0.2">
      <c r="A29" s="553" t="s">
        <v>258</v>
      </c>
      <c r="B29" s="2154" t="s">
        <v>255</v>
      </c>
      <c r="C29" s="2154"/>
      <c r="D29" s="2154"/>
      <c r="E29" s="2154"/>
      <c r="F29" s="2154"/>
      <c r="G29" s="2154"/>
      <c r="H29" s="2154"/>
      <c r="I29" s="2154"/>
      <c r="J29" s="2154"/>
      <c r="K29" s="2154"/>
      <c r="L29" s="2154"/>
    </row>
    <row r="30" spans="1:12" ht="21" customHeight="1" x14ac:dyDescent="0.2">
      <c r="A30" s="553" t="s">
        <v>259</v>
      </c>
      <c r="B30" s="2154" t="s">
        <v>255</v>
      </c>
      <c r="C30" s="2154"/>
      <c r="D30" s="2154"/>
      <c r="E30" s="2154"/>
      <c r="F30" s="2154"/>
      <c r="G30" s="2154"/>
      <c r="H30" s="2154"/>
      <c r="I30" s="2154"/>
      <c r="J30" s="2154"/>
      <c r="K30" s="2154"/>
      <c r="L30" s="2154"/>
    </row>
    <row r="31" spans="1:12" ht="21" customHeight="1" x14ac:dyDescent="0.2">
      <c r="A31" s="553" t="s">
        <v>260</v>
      </c>
      <c r="B31" s="2154" t="s">
        <v>255</v>
      </c>
      <c r="C31" s="2154"/>
      <c r="D31" s="2154"/>
      <c r="E31" s="2154"/>
      <c r="F31" s="2154"/>
      <c r="G31" s="2154"/>
      <c r="H31" s="2154"/>
      <c r="I31" s="2154"/>
      <c r="J31" s="2154"/>
      <c r="K31" s="2154"/>
      <c r="L31" s="2154"/>
    </row>
    <row r="32" spans="1:12" ht="21" customHeight="1" x14ac:dyDescent="0.2">
      <c r="A32" s="553" t="s">
        <v>261</v>
      </c>
      <c r="B32" s="2154" t="s">
        <v>255</v>
      </c>
      <c r="C32" s="2154"/>
      <c r="D32" s="2154"/>
      <c r="E32" s="2154"/>
      <c r="F32" s="2154"/>
      <c r="G32" s="2154"/>
      <c r="H32" s="2154"/>
      <c r="I32" s="2154"/>
      <c r="J32" s="2154"/>
      <c r="K32" s="2154"/>
      <c r="L32" s="2154"/>
    </row>
    <row r="33" spans="1:12" ht="21" customHeight="1" x14ac:dyDescent="0.2">
      <c r="A33" s="553" t="s">
        <v>131</v>
      </c>
      <c r="B33" s="2154" t="s">
        <v>255</v>
      </c>
      <c r="C33" s="2154"/>
      <c r="D33" s="2154"/>
      <c r="E33" s="2154"/>
      <c r="F33" s="2154"/>
      <c r="G33" s="2154"/>
      <c r="H33" s="2154"/>
      <c r="I33" s="2154"/>
      <c r="J33" s="2154"/>
      <c r="K33" s="2154"/>
      <c r="L33" s="2154"/>
    </row>
    <row r="34" spans="1:12" ht="14.25" customHeight="1" x14ac:dyDescent="0.2"/>
    <row r="35" spans="1:12" ht="106.5" customHeight="1" x14ac:dyDescent="0.2">
      <c r="A35" s="2167" t="s">
        <v>908</v>
      </c>
      <c r="B35" s="2167"/>
      <c r="C35" s="2167"/>
      <c r="D35" s="2167"/>
      <c r="E35" s="2167"/>
      <c r="F35" s="2167"/>
      <c r="G35" s="2167"/>
      <c r="H35" s="2167"/>
      <c r="I35" s="2167"/>
      <c r="J35" s="2167"/>
      <c r="K35" s="2167"/>
      <c r="L35" s="2167"/>
    </row>
    <row r="36" spans="1:12" ht="27.75" customHeight="1" x14ac:dyDescent="0.2"/>
    <row r="37" spans="1:12" ht="27.75" customHeight="1" x14ac:dyDescent="0.2">
      <c r="A37" s="552" t="s">
        <v>263</v>
      </c>
    </row>
    <row r="38" spans="1:12" ht="24.75" customHeight="1" x14ac:dyDescent="0.2">
      <c r="A38" s="552" t="s">
        <v>247</v>
      </c>
    </row>
    <row r="39" spans="1:12" ht="32.25" customHeight="1" x14ac:dyDescent="0.2">
      <c r="A39" s="2154" t="s">
        <v>264</v>
      </c>
      <c r="B39" s="2154"/>
      <c r="C39" s="2154"/>
      <c r="D39" s="519" t="s">
        <v>198</v>
      </c>
      <c r="E39" s="519" t="s">
        <v>265</v>
      </c>
      <c r="F39" s="2166" t="s">
        <v>266</v>
      </c>
      <c r="G39" s="2166"/>
      <c r="H39" s="2166"/>
      <c r="I39" s="2166" t="s">
        <v>267</v>
      </c>
      <c r="J39" s="2166"/>
      <c r="K39" s="2166"/>
      <c r="L39" s="2166"/>
    </row>
    <row r="40" spans="1:12" ht="24.75" customHeight="1" x14ac:dyDescent="0.2">
      <c r="A40" s="2156"/>
      <c r="B40" s="2157"/>
      <c r="C40" s="2168"/>
      <c r="D40" s="553"/>
      <c r="E40" s="553"/>
      <c r="F40" s="2156"/>
      <c r="G40" s="2157"/>
      <c r="H40" s="2168"/>
      <c r="I40" s="2156"/>
      <c r="J40" s="2157"/>
      <c r="K40" s="2157"/>
      <c r="L40" s="2168"/>
    </row>
    <row r="41" spans="1:12" ht="24.75" customHeight="1" x14ac:dyDescent="0.2">
      <c r="A41" s="2156"/>
      <c r="B41" s="2157"/>
      <c r="C41" s="2168"/>
      <c r="D41" s="553"/>
      <c r="E41" s="553"/>
      <c r="F41" s="2156"/>
      <c r="G41" s="2157"/>
      <c r="H41" s="2168"/>
      <c r="I41" s="2156"/>
      <c r="J41" s="2157"/>
      <c r="K41" s="2157"/>
      <c r="L41" s="2168"/>
    </row>
    <row r="42" spans="1:12" ht="24.75" customHeight="1" x14ac:dyDescent="0.2">
      <c r="A42" s="2156"/>
      <c r="B42" s="2157"/>
      <c r="C42" s="2168"/>
      <c r="D42" s="553"/>
      <c r="E42" s="553"/>
      <c r="F42" s="2156"/>
      <c r="G42" s="2157"/>
      <c r="H42" s="2168"/>
      <c r="I42" s="2156"/>
      <c r="J42" s="2157"/>
      <c r="K42" s="2157"/>
      <c r="L42" s="2168"/>
    </row>
    <row r="43" spans="1:12" ht="24.75" customHeight="1" x14ac:dyDescent="0.2">
      <c r="A43" s="2156"/>
      <c r="B43" s="2157"/>
      <c r="C43" s="2168"/>
      <c r="D43" s="553"/>
      <c r="E43" s="553"/>
      <c r="F43" s="2156"/>
      <c r="G43" s="2157"/>
      <c r="H43" s="2168"/>
      <c r="I43" s="2156"/>
      <c r="J43" s="2157"/>
      <c r="K43" s="2157"/>
      <c r="L43" s="2168"/>
    </row>
    <row r="44" spans="1:12" ht="24.75" customHeight="1" x14ac:dyDescent="0.2">
      <c r="A44" s="2156"/>
      <c r="B44" s="2157"/>
      <c r="C44" s="2168"/>
      <c r="D44" s="553"/>
      <c r="E44" s="553"/>
      <c r="F44" s="2156"/>
      <c r="G44" s="2157"/>
      <c r="H44" s="2168"/>
      <c r="I44" s="2156"/>
      <c r="J44" s="2157"/>
      <c r="K44" s="2157"/>
      <c r="L44" s="2168"/>
    </row>
    <row r="45" spans="1:12" ht="24.75" customHeight="1" x14ac:dyDescent="0.2">
      <c r="A45" s="2156"/>
      <c r="B45" s="2157"/>
      <c r="C45" s="2168"/>
      <c r="D45" s="553"/>
      <c r="E45" s="553"/>
      <c r="F45" s="2156"/>
      <c r="G45" s="2157"/>
      <c r="H45" s="2168"/>
      <c r="I45" s="2156"/>
      <c r="J45" s="2157"/>
      <c r="K45" s="2157"/>
      <c r="L45" s="2168"/>
    </row>
    <row r="46" spans="1:12" ht="24.75" customHeight="1" x14ac:dyDescent="0.2">
      <c r="A46" s="2156"/>
      <c r="B46" s="2157"/>
      <c r="C46" s="2168"/>
      <c r="D46" s="553"/>
      <c r="E46" s="553"/>
      <c r="F46" s="2156"/>
      <c r="G46" s="2157"/>
      <c r="H46" s="2168"/>
      <c r="I46" s="2156"/>
      <c r="J46" s="2157"/>
      <c r="K46" s="2157"/>
      <c r="L46" s="2168"/>
    </row>
    <row r="47" spans="1:12" ht="24.75" customHeight="1" x14ac:dyDescent="0.2">
      <c r="A47" s="2156"/>
      <c r="B47" s="2157"/>
      <c r="C47" s="2168"/>
      <c r="D47" s="553"/>
      <c r="E47" s="553"/>
      <c r="F47" s="2156"/>
      <c r="G47" s="2157"/>
      <c r="H47" s="2168"/>
      <c r="I47" s="2156"/>
      <c r="J47" s="2157"/>
      <c r="K47" s="2157"/>
      <c r="L47" s="2168"/>
    </row>
    <row r="48" spans="1:12" ht="24.75" customHeight="1" x14ac:dyDescent="0.2"/>
    <row r="49" spans="1:12" ht="24.75" customHeight="1" x14ac:dyDescent="0.2"/>
    <row r="50" spans="1:12" ht="24.75" customHeight="1" x14ac:dyDescent="0.2">
      <c r="A50" s="552" t="s">
        <v>262</v>
      </c>
    </row>
    <row r="51" spans="1:12" ht="32.25" customHeight="1" x14ac:dyDescent="0.2">
      <c r="A51" s="2154" t="s">
        <v>264</v>
      </c>
      <c r="B51" s="2154"/>
      <c r="C51" s="2154"/>
      <c r="D51" s="519" t="s">
        <v>198</v>
      </c>
      <c r="E51" s="519" t="s">
        <v>265</v>
      </c>
      <c r="F51" s="2166" t="s">
        <v>266</v>
      </c>
      <c r="G51" s="2166"/>
      <c r="H51" s="2166"/>
      <c r="I51" s="2166" t="s">
        <v>267</v>
      </c>
      <c r="J51" s="2166"/>
      <c r="K51" s="2166"/>
      <c r="L51" s="2166"/>
    </row>
    <row r="52" spans="1:12" ht="24.75" customHeight="1" x14ac:dyDescent="0.2">
      <c r="A52" s="2156"/>
      <c r="B52" s="2157"/>
      <c r="C52" s="2168"/>
      <c r="D52" s="553"/>
      <c r="E52" s="553"/>
      <c r="F52" s="2156"/>
      <c r="G52" s="2157"/>
      <c r="H52" s="2168"/>
      <c r="I52" s="2156"/>
      <c r="J52" s="2157"/>
      <c r="K52" s="2157"/>
      <c r="L52" s="2168"/>
    </row>
    <row r="53" spans="1:12" ht="24.75" customHeight="1" x14ac:dyDescent="0.2">
      <c r="A53" s="2156"/>
      <c r="B53" s="2157"/>
      <c r="C53" s="2168"/>
      <c r="D53" s="553"/>
      <c r="E53" s="553"/>
      <c r="F53" s="2156"/>
      <c r="G53" s="2157"/>
      <c r="H53" s="2168"/>
      <c r="I53" s="2156"/>
      <c r="J53" s="2157"/>
      <c r="K53" s="2157"/>
      <c r="L53" s="2168"/>
    </row>
    <row r="54" spans="1:12" ht="24.75" customHeight="1" x14ac:dyDescent="0.2">
      <c r="A54" s="2156"/>
      <c r="B54" s="2157"/>
      <c r="C54" s="2168"/>
      <c r="D54" s="553"/>
      <c r="E54" s="553"/>
      <c r="F54" s="2156"/>
      <c r="G54" s="2157"/>
      <c r="H54" s="2168"/>
      <c r="I54" s="2156"/>
      <c r="J54" s="2157"/>
      <c r="K54" s="2157"/>
      <c r="L54" s="2168"/>
    </row>
    <row r="55" spans="1:12" ht="24.75" customHeight="1" x14ac:dyDescent="0.2">
      <c r="A55" s="2156"/>
      <c r="B55" s="2157"/>
      <c r="C55" s="2168"/>
      <c r="D55" s="553"/>
      <c r="E55" s="553"/>
      <c r="F55" s="2156"/>
      <c r="G55" s="2157"/>
      <c r="H55" s="2168"/>
      <c r="I55" s="2156"/>
      <c r="J55" s="2157"/>
      <c r="K55" s="2157"/>
      <c r="L55" s="2168"/>
    </row>
    <row r="56" spans="1:12" ht="24.75" customHeight="1" x14ac:dyDescent="0.2">
      <c r="A56" s="2156"/>
      <c r="B56" s="2157"/>
      <c r="C56" s="2168"/>
      <c r="D56" s="553"/>
      <c r="E56" s="553"/>
      <c r="F56" s="2156"/>
      <c r="G56" s="2157"/>
      <c r="H56" s="2168"/>
      <c r="I56" s="2156"/>
      <c r="J56" s="2157"/>
      <c r="K56" s="2157"/>
      <c r="L56" s="2168"/>
    </row>
    <row r="57" spans="1:12" ht="24.75" customHeight="1" x14ac:dyDescent="0.2">
      <c r="A57" s="2156"/>
      <c r="B57" s="2157"/>
      <c r="C57" s="2168"/>
      <c r="D57" s="553"/>
      <c r="E57" s="553"/>
      <c r="F57" s="2156"/>
      <c r="G57" s="2157"/>
      <c r="H57" s="2168"/>
      <c r="I57" s="2156"/>
      <c r="J57" s="2157"/>
      <c r="K57" s="2157"/>
      <c r="L57" s="2168"/>
    </row>
    <row r="58" spans="1:12" ht="24.75" customHeight="1" x14ac:dyDescent="0.2">
      <c r="A58" s="2156"/>
      <c r="B58" s="2157"/>
      <c r="C58" s="2168"/>
      <c r="D58" s="553"/>
      <c r="E58" s="553"/>
      <c r="F58" s="2156"/>
      <c r="G58" s="2157"/>
      <c r="H58" s="2168"/>
      <c r="I58" s="2156"/>
      <c r="J58" s="2157"/>
      <c r="K58" s="2157"/>
      <c r="L58" s="2168"/>
    </row>
    <row r="59" spans="1:12" ht="24.75" customHeight="1" x14ac:dyDescent="0.2">
      <c r="A59" s="2156"/>
      <c r="B59" s="2157"/>
      <c r="C59" s="2168"/>
      <c r="D59" s="553"/>
      <c r="E59" s="553"/>
      <c r="F59" s="2156"/>
      <c r="G59" s="2157"/>
      <c r="H59" s="2168"/>
      <c r="I59" s="2156"/>
      <c r="J59" s="2157"/>
      <c r="K59" s="2157"/>
      <c r="L59" s="2168"/>
    </row>
  </sheetData>
  <customSheetViews>
    <customSheetView guid="{FA98832E-F01A-4598-9960-E27C2FDAB118}" showPageBreaks="1" printArea="1" view="pageBreakPreview">
      <selection activeCell="J20" sqref="J20"/>
      <pageMargins left="0.7" right="0.7" top="0.75" bottom="0.75" header="0.3" footer="0.3"/>
      <pageSetup paperSize="9" orientation="portrait" r:id="rId1"/>
    </customSheetView>
    <customSheetView guid="{8494577A-77FB-45FD-BD2B-C737BCFAD5B3}" showPageBreaks="1" printArea="1" view="pageBreakPreview">
      <selection activeCell="J20" sqref="J20"/>
      <pageMargins left="0.7" right="0.7" top="0.75" bottom="0.75" header="0.3" footer="0.3"/>
      <pageSetup paperSize="9" orientation="portrait" r:id="rId2"/>
    </customSheetView>
  </customSheetViews>
  <mergeCells count="108">
    <mergeCell ref="A59:C59"/>
    <mergeCell ref="F59:H59"/>
    <mergeCell ref="I59:L59"/>
    <mergeCell ref="B14:C14"/>
    <mergeCell ref="D14:L14"/>
    <mergeCell ref="B27:C27"/>
    <mergeCell ref="D27:L27"/>
    <mergeCell ref="A57:C57"/>
    <mergeCell ref="F57:H57"/>
    <mergeCell ref="I57:L57"/>
    <mergeCell ref="A54:C54"/>
    <mergeCell ref="F54:H54"/>
    <mergeCell ref="I54:L54"/>
    <mergeCell ref="A58:C58"/>
    <mergeCell ref="F58:H58"/>
    <mergeCell ref="I58:L58"/>
    <mergeCell ref="A55:C55"/>
    <mergeCell ref="F55:H55"/>
    <mergeCell ref="I55:L55"/>
    <mergeCell ref="A56:C56"/>
    <mergeCell ref="F56:H56"/>
    <mergeCell ref="I56:L56"/>
    <mergeCell ref="A51:C51"/>
    <mergeCell ref="F51:H51"/>
    <mergeCell ref="I51:L51"/>
    <mergeCell ref="A52:C52"/>
    <mergeCell ref="F52:H52"/>
    <mergeCell ref="I52:L52"/>
    <mergeCell ref="A53:C53"/>
    <mergeCell ref="F53:H53"/>
    <mergeCell ref="I53:L53"/>
    <mergeCell ref="A47:C47"/>
    <mergeCell ref="F47:H47"/>
    <mergeCell ref="I47:L47"/>
    <mergeCell ref="A45:C45"/>
    <mergeCell ref="F45:H45"/>
    <mergeCell ref="A46:C46"/>
    <mergeCell ref="I45:L45"/>
    <mergeCell ref="A40:C40"/>
    <mergeCell ref="F40:H40"/>
    <mergeCell ref="I40:L40"/>
    <mergeCell ref="A41:C41"/>
    <mergeCell ref="F41:H41"/>
    <mergeCell ref="I46:L46"/>
    <mergeCell ref="F46:H46"/>
    <mergeCell ref="A43:C43"/>
    <mergeCell ref="F43:H43"/>
    <mergeCell ref="I43:L43"/>
    <mergeCell ref="I41:L41"/>
    <mergeCell ref="A42:C42"/>
    <mergeCell ref="F42:H42"/>
    <mergeCell ref="I42:L42"/>
    <mergeCell ref="A44:C44"/>
    <mergeCell ref="F44:H44"/>
    <mergeCell ref="I44:L44"/>
    <mergeCell ref="A23:C23"/>
    <mergeCell ref="D23:F23"/>
    <mergeCell ref="G23:H23"/>
    <mergeCell ref="A39:C39"/>
    <mergeCell ref="F39:H39"/>
    <mergeCell ref="I39:L39"/>
    <mergeCell ref="I23:L23"/>
    <mergeCell ref="B25:C25"/>
    <mergeCell ref="D25:L25"/>
    <mergeCell ref="D28:L28"/>
    <mergeCell ref="B29:C29"/>
    <mergeCell ref="D29:L29"/>
    <mergeCell ref="B26:C26"/>
    <mergeCell ref="D26:L26"/>
    <mergeCell ref="B28:C28"/>
    <mergeCell ref="B30:C30"/>
    <mergeCell ref="D30:L30"/>
    <mergeCell ref="B31:C31"/>
    <mergeCell ref="D31:L31"/>
    <mergeCell ref="D33:L33"/>
    <mergeCell ref="A35:L35"/>
    <mergeCell ref="B32:C32"/>
    <mergeCell ref="D32:L32"/>
    <mergeCell ref="B33:C33"/>
    <mergeCell ref="A10:C10"/>
    <mergeCell ref="D10:F10"/>
    <mergeCell ref="G10:H10"/>
    <mergeCell ref="I10:L10"/>
    <mergeCell ref="B13:C13"/>
    <mergeCell ref="D13:L13"/>
    <mergeCell ref="B19:C19"/>
    <mergeCell ref="D19:L19"/>
    <mergeCell ref="B20:C20"/>
    <mergeCell ref="D20:L20"/>
    <mergeCell ref="B12:C12"/>
    <mergeCell ref="D12:L12"/>
    <mergeCell ref="B15:C15"/>
    <mergeCell ref="D15:L15"/>
    <mergeCell ref="B16:C16"/>
    <mergeCell ref="D16:L16"/>
    <mergeCell ref="B17:C17"/>
    <mergeCell ref="D17:L17"/>
    <mergeCell ref="B18:C18"/>
    <mergeCell ref="D18:L18"/>
    <mergeCell ref="A7:B7"/>
    <mergeCell ref="C7:L7"/>
    <mergeCell ref="A3:L3"/>
    <mergeCell ref="A5:B6"/>
    <mergeCell ref="C5:F6"/>
    <mergeCell ref="G5:H5"/>
    <mergeCell ref="I5:L5"/>
    <mergeCell ref="G6:H6"/>
    <mergeCell ref="I6:L6"/>
  </mergeCells>
  <phoneticPr fontId="6"/>
  <pageMargins left="0.7" right="0.7" top="0.75" bottom="0.75" header="0.3" footer="0.3"/>
  <pageSetup paperSize="9" orientation="portrait" r:id="rId3"/>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Normal="100" zoomScaleSheetLayoutView="100" workbookViewId="0">
      <selection activeCell="D20" sqref="D20:L20"/>
    </sheetView>
  </sheetViews>
  <sheetFormatPr defaultColWidth="9" defaultRowHeight="13.2" x14ac:dyDescent="0.2"/>
  <cols>
    <col min="1" max="1" width="9.109375" style="552" customWidth="1"/>
    <col min="2" max="2" width="6.77734375" style="552" customWidth="1"/>
    <col min="3" max="3" width="8.21875" style="552" customWidth="1"/>
    <col min="4" max="12" width="6.77734375" style="552" customWidth="1"/>
    <col min="13" max="16384" width="9" style="552"/>
  </cols>
  <sheetData>
    <row r="1" spans="1:12" ht="22.5" customHeight="1" x14ac:dyDescent="0.2">
      <c r="A1" s="559" t="s">
        <v>917</v>
      </c>
      <c r="B1" s="560"/>
      <c r="H1" s="557"/>
      <c r="I1" s="262"/>
      <c r="J1" s="262"/>
      <c r="L1" s="254" t="s">
        <v>913</v>
      </c>
    </row>
    <row r="2" spans="1:12" x14ac:dyDescent="0.2">
      <c r="H2" s="557"/>
      <c r="I2" s="556"/>
      <c r="J2" s="556"/>
      <c r="K2" s="556"/>
      <c r="L2" s="556"/>
    </row>
    <row r="3" spans="1:12" ht="27" customHeight="1" x14ac:dyDescent="0.2">
      <c r="A3" s="2155" t="s">
        <v>916</v>
      </c>
      <c r="B3" s="2155"/>
      <c r="C3" s="2155"/>
      <c r="D3" s="2155"/>
      <c r="E3" s="2155"/>
      <c r="F3" s="2155"/>
      <c r="G3" s="2155"/>
      <c r="H3" s="2155"/>
      <c r="I3" s="2155"/>
      <c r="J3" s="2155"/>
      <c r="K3" s="2155"/>
      <c r="L3" s="2155"/>
    </row>
    <row r="5" spans="1:12" ht="21" customHeight="1" x14ac:dyDescent="0.2">
      <c r="A5" s="2154" t="s">
        <v>196</v>
      </c>
      <c r="B5" s="2154"/>
      <c r="C5" s="2154"/>
      <c r="D5" s="2154"/>
      <c r="E5" s="2154"/>
      <c r="F5" s="2154"/>
      <c r="G5" s="2172" t="s">
        <v>244</v>
      </c>
      <c r="H5" s="2174"/>
      <c r="I5" s="2172" t="s">
        <v>69</v>
      </c>
      <c r="J5" s="2173"/>
      <c r="K5" s="2173"/>
      <c r="L5" s="2174"/>
    </row>
    <row r="6" spans="1:12" ht="21" customHeight="1" x14ac:dyDescent="0.2">
      <c r="A6" s="2154"/>
      <c r="B6" s="2154"/>
      <c r="C6" s="2154"/>
      <c r="D6" s="2154"/>
      <c r="E6" s="2154"/>
      <c r="F6" s="2154"/>
      <c r="G6" s="2175"/>
      <c r="H6" s="2177"/>
      <c r="I6" s="2175"/>
      <c r="J6" s="2176"/>
      <c r="K6" s="2176"/>
      <c r="L6" s="2177"/>
    </row>
    <row r="7" spans="1:12" ht="21" customHeight="1" x14ac:dyDescent="0.2">
      <c r="A7" s="2154" t="s">
        <v>245</v>
      </c>
      <c r="B7" s="2154"/>
      <c r="C7" s="2154" t="s">
        <v>246</v>
      </c>
      <c r="D7" s="2154"/>
      <c r="E7" s="2154"/>
      <c r="F7" s="2154"/>
      <c r="G7" s="2154"/>
      <c r="H7" s="2154"/>
      <c r="I7" s="2154"/>
      <c r="J7" s="2154"/>
      <c r="K7" s="2154"/>
      <c r="L7" s="2154"/>
    </row>
    <row r="8" spans="1:12" ht="21" customHeight="1" x14ac:dyDescent="0.2">
      <c r="A8" s="556"/>
      <c r="B8" s="556"/>
      <c r="C8" s="556"/>
      <c r="D8" s="556"/>
      <c r="E8" s="556"/>
      <c r="F8" s="556"/>
      <c r="G8" s="556"/>
      <c r="H8" s="556"/>
      <c r="I8" s="556"/>
      <c r="J8" s="556"/>
      <c r="K8" s="556"/>
      <c r="L8" s="556"/>
    </row>
    <row r="9" spans="1:12" ht="21" customHeight="1" x14ac:dyDescent="0.2">
      <c r="A9" s="552" t="s">
        <v>247</v>
      </c>
      <c r="B9" s="558"/>
      <c r="C9" s="558"/>
      <c r="D9" s="557"/>
      <c r="E9" s="557"/>
    </row>
    <row r="10" spans="1:12" ht="21" customHeight="1" x14ac:dyDescent="0.2">
      <c r="A10" s="2154" t="s">
        <v>248</v>
      </c>
      <c r="B10" s="2154"/>
      <c r="C10" s="2154"/>
      <c r="D10" s="2156" t="s">
        <v>249</v>
      </c>
      <c r="E10" s="2157"/>
      <c r="F10" s="2157"/>
      <c r="G10" s="2158" t="s">
        <v>250</v>
      </c>
      <c r="H10" s="2159"/>
      <c r="I10" s="2160" t="s">
        <v>251</v>
      </c>
      <c r="J10" s="2161"/>
      <c r="K10" s="2161"/>
      <c r="L10" s="2162"/>
    </row>
    <row r="11" spans="1:12" ht="21" customHeight="1" x14ac:dyDescent="0.2">
      <c r="A11" s="554"/>
      <c r="B11" s="554"/>
      <c r="C11" s="554"/>
      <c r="D11" s="509"/>
      <c r="E11" s="509"/>
      <c r="F11" s="509"/>
      <c r="G11" s="509"/>
      <c r="H11" s="509"/>
      <c r="I11" s="509"/>
      <c r="J11" s="509"/>
      <c r="K11" s="509"/>
      <c r="L11" s="509"/>
    </row>
    <row r="12" spans="1:12" ht="21" customHeight="1" x14ac:dyDescent="0.2">
      <c r="A12" s="2156" t="s">
        <v>252</v>
      </c>
      <c r="B12" s="2157"/>
      <c r="C12" s="2168"/>
      <c r="D12" s="2154" t="s">
        <v>200</v>
      </c>
      <c r="E12" s="2154"/>
      <c r="F12" s="2154"/>
      <c r="G12" s="2154"/>
      <c r="H12" s="2154"/>
      <c r="I12" s="2154"/>
      <c r="J12" s="2154"/>
      <c r="K12" s="2154"/>
      <c r="L12" s="2154"/>
    </row>
    <row r="13" spans="1:12" ht="21" customHeight="1" x14ac:dyDescent="0.2">
      <c r="A13" s="2169" t="s">
        <v>254</v>
      </c>
      <c r="B13" s="2170"/>
      <c r="C13" s="2171"/>
      <c r="D13" s="2163" t="s">
        <v>256</v>
      </c>
      <c r="E13" s="2164"/>
      <c r="F13" s="2164"/>
      <c r="G13" s="2164"/>
      <c r="H13" s="2164"/>
      <c r="I13" s="2164"/>
      <c r="J13" s="2164"/>
      <c r="K13" s="2164"/>
      <c r="L13" s="2165"/>
    </row>
    <row r="14" spans="1:12" ht="21" customHeight="1" x14ac:dyDescent="0.2">
      <c r="A14" s="2169" t="s">
        <v>909</v>
      </c>
      <c r="B14" s="2170"/>
      <c r="C14" s="2171"/>
      <c r="D14" s="2154"/>
      <c r="E14" s="2154"/>
      <c r="F14" s="2154"/>
      <c r="G14" s="2154"/>
      <c r="H14" s="2154"/>
      <c r="I14" s="2154"/>
      <c r="J14" s="2154"/>
      <c r="K14" s="2154"/>
      <c r="L14" s="2154"/>
    </row>
    <row r="15" spans="1:12" ht="21" customHeight="1" x14ac:dyDescent="0.2">
      <c r="A15" s="2169" t="s">
        <v>257</v>
      </c>
      <c r="B15" s="2170"/>
      <c r="C15" s="2171"/>
      <c r="D15" s="2154"/>
      <c r="E15" s="2154"/>
      <c r="F15" s="2154"/>
      <c r="G15" s="2154"/>
      <c r="H15" s="2154"/>
      <c r="I15" s="2154"/>
      <c r="J15" s="2154"/>
      <c r="K15" s="2154"/>
      <c r="L15" s="2154"/>
    </row>
    <row r="16" spans="1:12" ht="21" customHeight="1" x14ac:dyDescent="0.2">
      <c r="A16" s="2169" t="s">
        <v>258</v>
      </c>
      <c r="B16" s="2170"/>
      <c r="C16" s="2171"/>
      <c r="D16" s="2154"/>
      <c r="E16" s="2154"/>
      <c r="F16" s="2154"/>
      <c r="G16" s="2154"/>
      <c r="H16" s="2154"/>
      <c r="I16" s="2154"/>
      <c r="J16" s="2154"/>
      <c r="K16" s="2154"/>
      <c r="L16" s="2154"/>
    </row>
    <row r="17" spans="1:12" ht="21" customHeight="1" x14ac:dyDescent="0.2">
      <c r="A17" s="2169" t="s">
        <v>259</v>
      </c>
      <c r="B17" s="2170"/>
      <c r="C17" s="2171"/>
      <c r="D17" s="2154"/>
      <c r="E17" s="2154"/>
      <c r="F17" s="2154"/>
      <c r="G17" s="2154"/>
      <c r="H17" s="2154"/>
      <c r="I17" s="2154"/>
      <c r="J17" s="2154"/>
      <c r="K17" s="2154"/>
      <c r="L17" s="2154"/>
    </row>
    <row r="18" spans="1:12" ht="21" customHeight="1" x14ac:dyDescent="0.2">
      <c r="A18" s="2169" t="s">
        <v>260</v>
      </c>
      <c r="B18" s="2170"/>
      <c r="C18" s="2171"/>
      <c r="D18" s="2154"/>
      <c r="E18" s="2154"/>
      <c r="F18" s="2154"/>
      <c r="G18" s="2154"/>
      <c r="H18" s="2154"/>
      <c r="I18" s="2154"/>
      <c r="J18" s="2154"/>
      <c r="K18" s="2154"/>
      <c r="L18" s="2154"/>
    </row>
    <row r="19" spans="1:12" ht="21" customHeight="1" x14ac:dyDescent="0.2">
      <c r="A19" s="2169" t="s">
        <v>261</v>
      </c>
      <c r="B19" s="2170"/>
      <c r="C19" s="2171"/>
      <c r="D19" s="2154"/>
      <c r="E19" s="2154"/>
      <c r="F19" s="2154"/>
      <c r="G19" s="2154"/>
      <c r="H19" s="2154"/>
      <c r="I19" s="2154"/>
      <c r="J19" s="2154"/>
      <c r="K19" s="2154"/>
      <c r="L19" s="2154"/>
    </row>
    <row r="20" spans="1:12" ht="21" customHeight="1" x14ac:dyDescent="0.2">
      <c r="A20" s="2169" t="s">
        <v>131</v>
      </c>
      <c r="B20" s="2170"/>
      <c r="C20" s="2171"/>
      <c r="D20" s="2154"/>
      <c r="E20" s="2154"/>
      <c r="F20" s="2154"/>
      <c r="G20" s="2154"/>
      <c r="H20" s="2154"/>
      <c r="I20" s="2154"/>
      <c r="J20" s="2154"/>
      <c r="K20" s="2154"/>
      <c r="L20" s="2154"/>
    </row>
    <row r="21" spans="1:12" ht="21" customHeight="1" x14ac:dyDescent="0.2">
      <c r="B21" s="556"/>
      <c r="C21" s="556"/>
      <c r="D21" s="556"/>
      <c r="E21" s="556"/>
      <c r="F21" s="556"/>
      <c r="G21" s="556"/>
      <c r="H21" s="556"/>
      <c r="I21" s="556"/>
      <c r="J21" s="556"/>
      <c r="K21" s="556"/>
      <c r="L21" s="556"/>
    </row>
    <row r="22" spans="1:12" ht="167.25" customHeight="1" x14ac:dyDescent="0.2">
      <c r="A22" s="2178" t="s">
        <v>915</v>
      </c>
      <c r="B22" s="2179"/>
      <c r="C22" s="2180"/>
      <c r="D22" s="2181"/>
      <c r="E22" s="2181"/>
      <c r="F22" s="2181"/>
      <c r="G22" s="2181"/>
      <c r="H22" s="2181"/>
      <c r="I22" s="2181"/>
      <c r="J22" s="2181"/>
      <c r="K22" s="2181"/>
      <c r="L22" s="2181"/>
    </row>
    <row r="23" spans="1:12" ht="21" customHeight="1" x14ac:dyDescent="0.2">
      <c r="B23" s="556"/>
      <c r="C23" s="556"/>
      <c r="D23" s="556"/>
      <c r="E23" s="556"/>
      <c r="F23" s="556"/>
      <c r="G23" s="556"/>
      <c r="H23" s="556"/>
      <c r="I23" s="556"/>
      <c r="J23" s="556"/>
      <c r="K23" s="556"/>
      <c r="L23" s="556"/>
    </row>
    <row r="24" spans="1:12" ht="129.75" customHeight="1" x14ac:dyDescent="0.2">
      <c r="A24" s="2182" t="s">
        <v>914</v>
      </c>
      <c r="B24" s="2182"/>
      <c r="C24" s="2182"/>
      <c r="D24" s="2182"/>
      <c r="E24" s="2182"/>
      <c r="F24" s="2182"/>
      <c r="G24" s="2182"/>
      <c r="H24" s="2182"/>
      <c r="I24" s="2182"/>
      <c r="J24" s="2182"/>
      <c r="K24" s="2182"/>
      <c r="L24" s="2182"/>
    </row>
    <row r="25" spans="1:12" ht="21" customHeight="1" x14ac:dyDescent="0.2"/>
    <row r="26" spans="1:12" ht="30.75" customHeight="1" x14ac:dyDescent="0.2">
      <c r="A26" s="2167"/>
      <c r="B26" s="2167"/>
      <c r="C26" s="2167"/>
      <c r="D26" s="2167"/>
      <c r="E26" s="2167"/>
      <c r="F26" s="2167"/>
      <c r="G26" s="2167"/>
      <c r="H26" s="2167"/>
      <c r="I26" s="2167"/>
      <c r="J26" s="2167"/>
      <c r="K26" s="2167"/>
      <c r="L26" s="2167"/>
    </row>
    <row r="27" spans="1:12" ht="21" customHeight="1" x14ac:dyDescent="0.2"/>
    <row r="28" spans="1:12" ht="21" customHeight="1" x14ac:dyDescent="0.2">
      <c r="A28" s="552" t="s">
        <v>263</v>
      </c>
    </row>
    <row r="29" spans="1:12" ht="21" customHeight="1" x14ac:dyDescent="0.2">
      <c r="A29" s="552" t="s">
        <v>247</v>
      </c>
    </row>
    <row r="30" spans="1:12" ht="21" customHeight="1" x14ac:dyDescent="0.2">
      <c r="A30" s="2154" t="s">
        <v>264</v>
      </c>
      <c r="B30" s="2154"/>
      <c r="C30" s="2154"/>
      <c r="D30" s="519" t="s">
        <v>198</v>
      </c>
      <c r="E30" s="519" t="s">
        <v>265</v>
      </c>
      <c r="F30" s="2166" t="s">
        <v>266</v>
      </c>
      <c r="G30" s="2166"/>
      <c r="H30" s="2166"/>
      <c r="I30" s="2166" t="s">
        <v>267</v>
      </c>
      <c r="J30" s="2166"/>
      <c r="K30" s="2166"/>
      <c r="L30" s="2166"/>
    </row>
    <row r="31" spans="1:12" ht="28.5" customHeight="1" x14ac:dyDescent="0.2">
      <c r="A31" s="2156"/>
      <c r="B31" s="2157"/>
      <c r="C31" s="2168"/>
      <c r="D31" s="553"/>
      <c r="E31" s="553"/>
      <c r="F31" s="2156"/>
      <c r="G31" s="2157"/>
      <c r="H31" s="2168"/>
      <c r="I31" s="2156"/>
      <c r="J31" s="2157"/>
      <c r="K31" s="2157"/>
      <c r="L31" s="2168"/>
    </row>
    <row r="32" spans="1:12" ht="28.5" customHeight="1" x14ac:dyDescent="0.2">
      <c r="A32" s="2156"/>
      <c r="B32" s="2157"/>
      <c r="C32" s="2168"/>
      <c r="D32" s="553"/>
      <c r="E32" s="553"/>
      <c r="F32" s="2156"/>
      <c r="G32" s="2157"/>
      <c r="H32" s="2168"/>
      <c r="I32" s="2156"/>
      <c r="J32" s="2157"/>
      <c r="K32" s="2157"/>
      <c r="L32" s="2168"/>
    </row>
    <row r="33" spans="1:12" ht="28.5" customHeight="1" x14ac:dyDescent="0.2">
      <c r="A33" s="2156"/>
      <c r="B33" s="2157"/>
      <c r="C33" s="2168"/>
      <c r="D33" s="553"/>
      <c r="E33" s="553"/>
      <c r="F33" s="2156"/>
      <c r="G33" s="2157"/>
      <c r="H33" s="2168"/>
      <c r="I33" s="2156"/>
      <c r="J33" s="2157"/>
      <c r="K33" s="2157"/>
      <c r="L33" s="2168"/>
    </row>
    <row r="34" spans="1:12" ht="28.5" customHeight="1" x14ac:dyDescent="0.2">
      <c r="A34" s="2156"/>
      <c r="B34" s="2157"/>
      <c r="C34" s="2168"/>
      <c r="D34" s="553"/>
      <c r="E34" s="553"/>
      <c r="F34" s="2156"/>
      <c r="G34" s="2157"/>
      <c r="H34" s="2168"/>
      <c r="I34" s="2156"/>
      <c r="J34" s="2157"/>
      <c r="K34" s="2157"/>
      <c r="L34" s="2168"/>
    </row>
    <row r="35" spans="1:12" ht="28.5" customHeight="1" x14ac:dyDescent="0.2">
      <c r="A35" s="2156"/>
      <c r="B35" s="2157"/>
      <c r="C35" s="2168"/>
      <c r="D35" s="553"/>
      <c r="E35" s="553"/>
      <c r="F35" s="2156"/>
      <c r="G35" s="2157"/>
      <c r="H35" s="2168"/>
      <c r="I35" s="2156"/>
      <c r="J35" s="2157"/>
      <c r="K35" s="2157"/>
      <c r="L35" s="2168"/>
    </row>
    <row r="36" spans="1:12" ht="28.5" customHeight="1" x14ac:dyDescent="0.2">
      <c r="A36" s="2156"/>
      <c r="B36" s="2157"/>
      <c r="C36" s="2168"/>
      <c r="D36" s="553"/>
      <c r="E36" s="553"/>
      <c r="F36" s="2156"/>
      <c r="G36" s="2157"/>
      <c r="H36" s="2168"/>
      <c r="I36" s="2156"/>
      <c r="J36" s="2157"/>
      <c r="K36" s="2157"/>
      <c r="L36" s="2168"/>
    </row>
    <row r="37" spans="1:12" ht="27.75" customHeight="1" x14ac:dyDescent="0.2"/>
    <row r="38" spans="1:12" ht="22.5" customHeight="1" x14ac:dyDescent="0.2"/>
    <row r="39" spans="1:12" ht="22.5" customHeight="1" x14ac:dyDescent="0.2"/>
    <row r="40" spans="1:12" ht="22.5" customHeight="1" x14ac:dyDescent="0.2"/>
    <row r="41" spans="1:12" ht="22.5" customHeight="1" x14ac:dyDescent="0.2"/>
    <row r="42" spans="1:12" ht="22.5" customHeight="1" x14ac:dyDescent="0.2"/>
    <row r="43" spans="1:12" ht="22.5" customHeight="1" x14ac:dyDescent="0.2"/>
    <row r="44" spans="1:12" ht="22.5" customHeight="1" x14ac:dyDescent="0.2"/>
    <row r="45" spans="1:12" ht="22.5" customHeight="1" x14ac:dyDescent="0.2"/>
    <row r="46" spans="1:12" ht="22.5" customHeight="1" x14ac:dyDescent="0.2"/>
    <row r="47" spans="1:12" ht="22.5" customHeight="1" x14ac:dyDescent="0.2"/>
    <row r="48" spans="1:12" ht="22.5" customHeight="1" x14ac:dyDescent="0.2"/>
    <row r="49" ht="22.5" customHeight="1" x14ac:dyDescent="0.2"/>
    <row r="50" ht="22.5" customHeight="1" x14ac:dyDescent="0.2"/>
    <row r="51" ht="22.5" customHeight="1" x14ac:dyDescent="0.2"/>
    <row r="52" ht="22.5" customHeight="1" x14ac:dyDescent="0.2"/>
    <row r="53" ht="22.5" customHeight="1" x14ac:dyDescent="0.2"/>
    <row r="54" ht="22.5" customHeight="1" x14ac:dyDescent="0.2"/>
    <row r="55" ht="22.5" customHeight="1" x14ac:dyDescent="0.2"/>
    <row r="56" ht="22.5" customHeight="1" x14ac:dyDescent="0.2"/>
    <row r="57" ht="22.5" customHeight="1" x14ac:dyDescent="0.2"/>
  </sheetData>
  <customSheetViews>
    <customSheetView guid="{FA98832E-F01A-4598-9960-E27C2FDAB118}" showPageBreaks="1" printArea="1" view="pageBreakPreview">
      <selection activeCell="J20" sqref="J20"/>
      <pageMargins left="0.7" right="0.7" top="0.75" bottom="0.75" header="0.3" footer="0.3"/>
      <pageSetup paperSize="9" orientation="portrait" r:id="rId1"/>
    </customSheetView>
    <customSheetView guid="{8494577A-77FB-45FD-BD2B-C737BCFAD5B3}" showPageBreaks="1" printArea="1" view="pageBreakPreview">
      <selection activeCell="J20" sqref="J20"/>
      <pageMargins left="0.7" right="0.7" top="0.75" bottom="0.75" header="0.3" footer="0.3"/>
      <pageSetup paperSize="9" orientation="portrait" r:id="rId2"/>
    </customSheetView>
  </customSheetViews>
  <mergeCells count="54">
    <mergeCell ref="A31:C31"/>
    <mergeCell ref="F31:H31"/>
    <mergeCell ref="I31:L31"/>
    <mergeCell ref="A32:C32"/>
    <mergeCell ref="F32:H32"/>
    <mergeCell ref="I32:L32"/>
    <mergeCell ref="A36:C36"/>
    <mergeCell ref="F36:H36"/>
    <mergeCell ref="I36:L36"/>
    <mergeCell ref="A33:C33"/>
    <mergeCell ref="F33:H33"/>
    <mergeCell ref="I33:L33"/>
    <mergeCell ref="A34:C34"/>
    <mergeCell ref="F34:H34"/>
    <mergeCell ref="I34:L34"/>
    <mergeCell ref="A35:C35"/>
    <mergeCell ref="F35:H35"/>
    <mergeCell ref="I35:L35"/>
    <mergeCell ref="A30:C30"/>
    <mergeCell ref="F30:H30"/>
    <mergeCell ref="I30:L30"/>
    <mergeCell ref="D17:L17"/>
    <mergeCell ref="D18:L18"/>
    <mergeCell ref="D19:L19"/>
    <mergeCell ref="D20:L20"/>
    <mergeCell ref="A22:C22"/>
    <mergeCell ref="A26:L26"/>
    <mergeCell ref="A17:C17"/>
    <mergeCell ref="D22:L22"/>
    <mergeCell ref="A24:L24"/>
    <mergeCell ref="A20:C20"/>
    <mergeCell ref="A19:C19"/>
    <mergeCell ref="A18:C18"/>
    <mergeCell ref="A3:L3"/>
    <mergeCell ref="A5:B6"/>
    <mergeCell ref="C5:F6"/>
    <mergeCell ref="A7:B7"/>
    <mergeCell ref="C7:L7"/>
    <mergeCell ref="I5:L6"/>
    <mergeCell ref="G5:H6"/>
    <mergeCell ref="A10:C10"/>
    <mergeCell ref="D10:F10"/>
    <mergeCell ref="G10:H10"/>
    <mergeCell ref="I10:L10"/>
    <mergeCell ref="D16:L16"/>
    <mergeCell ref="A16:C16"/>
    <mergeCell ref="A15:C15"/>
    <mergeCell ref="A13:C13"/>
    <mergeCell ref="A12:C12"/>
    <mergeCell ref="A14:C14"/>
    <mergeCell ref="D12:L12"/>
    <mergeCell ref="D13:L13"/>
    <mergeCell ref="D15:L15"/>
    <mergeCell ref="D14:L14"/>
  </mergeCells>
  <phoneticPr fontId="6"/>
  <pageMargins left="0.7" right="0.7" top="0.75" bottom="0.75" header="0.3" footer="0.3"/>
  <pageSetup paperSize="9" orientation="portrait" r:id="rId3"/>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8"/>
  <sheetViews>
    <sheetView view="pageBreakPreview" zoomScale="80" zoomScaleNormal="100" zoomScaleSheetLayoutView="80" workbookViewId="0">
      <selection activeCell="E20" sqref="E20:L20"/>
    </sheetView>
  </sheetViews>
  <sheetFormatPr defaultRowHeight="13.2" x14ac:dyDescent="0.2"/>
  <cols>
    <col min="1" max="1" width="9.109375" style="153" customWidth="1"/>
    <col min="2" max="2" width="2.33203125" style="153" customWidth="1"/>
    <col min="3" max="3" width="18" style="153" customWidth="1"/>
    <col min="4" max="4" width="13.6640625" style="153" customWidth="1"/>
    <col min="5" max="5" width="13.44140625" style="153" customWidth="1"/>
    <col min="6" max="7" width="13.6640625" style="153" customWidth="1"/>
    <col min="8" max="9" width="13.44140625" style="153" customWidth="1"/>
    <col min="10" max="10" width="13.6640625" style="153" customWidth="1"/>
    <col min="11" max="11" width="13.44140625" style="153" customWidth="1"/>
    <col min="12" max="12" width="13" style="153" customWidth="1"/>
    <col min="13" max="14" width="9" style="153"/>
    <col min="15" max="15" width="9" style="153" customWidth="1"/>
    <col min="16" max="256" width="9" style="153"/>
    <col min="257" max="257" width="9.109375" style="153" customWidth="1"/>
    <col min="258" max="258" width="2.33203125" style="153" customWidth="1"/>
    <col min="259" max="259" width="18" style="153" customWidth="1"/>
    <col min="260" max="260" width="13.6640625" style="153" customWidth="1"/>
    <col min="261" max="261" width="13.44140625" style="153" customWidth="1"/>
    <col min="262" max="263" width="13.6640625" style="153" customWidth="1"/>
    <col min="264" max="265" width="13.44140625" style="153" customWidth="1"/>
    <col min="266" max="266" width="13.6640625" style="153" customWidth="1"/>
    <col min="267" max="267" width="13.44140625" style="153" customWidth="1"/>
    <col min="268" max="268" width="13" style="153" customWidth="1"/>
    <col min="269" max="270" width="9" style="153"/>
    <col min="271" max="271" width="9" style="153" customWidth="1"/>
    <col min="272" max="512" width="9" style="153"/>
    <col min="513" max="513" width="9.109375" style="153" customWidth="1"/>
    <col min="514" max="514" width="2.33203125" style="153" customWidth="1"/>
    <col min="515" max="515" width="18" style="153" customWidth="1"/>
    <col min="516" max="516" width="13.6640625" style="153" customWidth="1"/>
    <col min="517" max="517" width="13.44140625" style="153" customWidth="1"/>
    <col min="518" max="519" width="13.6640625" style="153" customWidth="1"/>
    <col min="520" max="521" width="13.44140625" style="153" customWidth="1"/>
    <col min="522" max="522" width="13.6640625" style="153" customWidth="1"/>
    <col min="523" max="523" width="13.44140625" style="153" customWidth="1"/>
    <col min="524" max="524" width="13" style="153" customWidth="1"/>
    <col min="525" max="526" width="9" style="153"/>
    <col min="527" max="527" width="9" style="153" customWidth="1"/>
    <col min="528" max="768" width="9" style="153"/>
    <col min="769" max="769" width="9.109375" style="153" customWidth="1"/>
    <col min="770" max="770" width="2.33203125" style="153" customWidth="1"/>
    <col min="771" max="771" width="18" style="153" customWidth="1"/>
    <col min="772" max="772" width="13.6640625" style="153" customWidth="1"/>
    <col min="773" max="773" width="13.44140625" style="153" customWidth="1"/>
    <col min="774" max="775" width="13.6640625" style="153" customWidth="1"/>
    <col min="776" max="777" width="13.44140625" style="153" customWidth="1"/>
    <col min="778" max="778" width="13.6640625" style="153" customWidth="1"/>
    <col min="779" max="779" width="13.44140625" style="153" customWidth="1"/>
    <col min="780" max="780" width="13" style="153" customWidth="1"/>
    <col min="781" max="782" width="9" style="153"/>
    <col min="783" max="783" width="9" style="153" customWidth="1"/>
    <col min="784" max="1024" width="9" style="153"/>
    <col min="1025" max="1025" width="9.109375" style="153" customWidth="1"/>
    <col min="1026" max="1026" width="2.33203125" style="153" customWidth="1"/>
    <col min="1027" max="1027" width="18" style="153" customWidth="1"/>
    <col min="1028" max="1028" width="13.6640625" style="153" customWidth="1"/>
    <col min="1029" max="1029" width="13.44140625" style="153" customWidth="1"/>
    <col min="1030" max="1031" width="13.6640625" style="153" customWidth="1"/>
    <col min="1032" max="1033" width="13.44140625" style="153" customWidth="1"/>
    <col min="1034" max="1034" width="13.6640625" style="153" customWidth="1"/>
    <col min="1035" max="1035" width="13.44140625" style="153" customWidth="1"/>
    <col min="1036" max="1036" width="13" style="153" customWidth="1"/>
    <col min="1037" max="1038" width="9" style="153"/>
    <col min="1039" max="1039" width="9" style="153" customWidth="1"/>
    <col min="1040" max="1280" width="9" style="153"/>
    <col min="1281" max="1281" width="9.109375" style="153" customWidth="1"/>
    <col min="1282" max="1282" width="2.33203125" style="153" customWidth="1"/>
    <col min="1283" max="1283" width="18" style="153" customWidth="1"/>
    <col min="1284" max="1284" width="13.6640625" style="153" customWidth="1"/>
    <col min="1285" max="1285" width="13.44140625" style="153" customWidth="1"/>
    <col min="1286" max="1287" width="13.6640625" style="153" customWidth="1"/>
    <col min="1288" max="1289" width="13.44140625" style="153" customWidth="1"/>
    <col min="1290" max="1290" width="13.6640625" style="153" customWidth="1"/>
    <col min="1291" max="1291" width="13.44140625" style="153" customWidth="1"/>
    <col min="1292" max="1292" width="13" style="153" customWidth="1"/>
    <col min="1293" max="1294" width="9" style="153"/>
    <col min="1295" max="1295" width="9" style="153" customWidth="1"/>
    <col min="1296" max="1536" width="9" style="153"/>
    <col min="1537" max="1537" width="9.109375" style="153" customWidth="1"/>
    <col min="1538" max="1538" width="2.33203125" style="153" customWidth="1"/>
    <col min="1539" max="1539" width="18" style="153" customWidth="1"/>
    <col min="1540" max="1540" width="13.6640625" style="153" customWidth="1"/>
    <col min="1541" max="1541" width="13.44140625" style="153" customWidth="1"/>
    <col min="1542" max="1543" width="13.6640625" style="153" customWidth="1"/>
    <col min="1544" max="1545" width="13.44140625" style="153" customWidth="1"/>
    <col min="1546" max="1546" width="13.6640625" style="153" customWidth="1"/>
    <col min="1547" max="1547" width="13.44140625" style="153" customWidth="1"/>
    <col min="1548" max="1548" width="13" style="153" customWidth="1"/>
    <col min="1549" max="1550" width="9" style="153"/>
    <col min="1551" max="1551" width="9" style="153" customWidth="1"/>
    <col min="1552" max="1792" width="9" style="153"/>
    <col min="1793" max="1793" width="9.109375" style="153" customWidth="1"/>
    <col min="1794" max="1794" width="2.33203125" style="153" customWidth="1"/>
    <col min="1795" max="1795" width="18" style="153" customWidth="1"/>
    <col min="1796" max="1796" width="13.6640625" style="153" customWidth="1"/>
    <col min="1797" max="1797" width="13.44140625" style="153" customWidth="1"/>
    <col min="1798" max="1799" width="13.6640625" style="153" customWidth="1"/>
    <col min="1800" max="1801" width="13.44140625" style="153" customWidth="1"/>
    <col min="1802" max="1802" width="13.6640625" style="153" customWidth="1"/>
    <col min="1803" max="1803" width="13.44140625" style="153" customWidth="1"/>
    <col min="1804" max="1804" width="13" style="153" customWidth="1"/>
    <col min="1805" max="1806" width="9" style="153"/>
    <col min="1807" max="1807" width="9" style="153" customWidth="1"/>
    <col min="1808" max="2048" width="9" style="153"/>
    <col min="2049" max="2049" width="9.109375" style="153" customWidth="1"/>
    <col min="2050" max="2050" width="2.33203125" style="153" customWidth="1"/>
    <col min="2051" max="2051" width="18" style="153" customWidth="1"/>
    <col min="2052" max="2052" width="13.6640625" style="153" customWidth="1"/>
    <col min="2053" max="2053" width="13.44140625" style="153" customWidth="1"/>
    <col min="2054" max="2055" width="13.6640625" style="153" customWidth="1"/>
    <col min="2056" max="2057" width="13.44140625" style="153" customWidth="1"/>
    <col min="2058" max="2058" width="13.6640625" style="153" customWidth="1"/>
    <col min="2059" max="2059" width="13.44140625" style="153" customWidth="1"/>
    <col min="2060" max="2060" width="13" style="153" customWidth="1"/>
    <col min="2061" max="2062" width="9" style="153"/>
    <col min="2063" max="2063" width="9" style="153" customWidth="1"/>
    <col min="2064" max="2304" width="9" style="153"/>
    <col min="2305" max="2305" width="9.109375" style="153" customWidth="1"/>
    <col min="2306" max="2306" width="2.33203125" style="153" customWidth="1"/>
    <col min="2307" max="2307" width="18" style="153" customWidth="1"/>
    <col min="2308" max="2308" width="13.6640625" style="153" customWidth="1"/>
    <col min="2309" max="2309" width="13.44140625" style="153" customWidth="1"/>
    <col min="2310" max="2311" width="13.6640625" style="153" customWidth="1"/>
    <col min="2312" max="2313" width="13.44140625" style="153" customWidth="1"/>
    <col min="2314" max="2314" width="13.6640625" style="153" customWidth="1"/>
    <col min="2315" max="2315" width="13.44140625" style="153" customWidth="1"/>
    <col min="2316" max="2316" width="13" style="153" customWidth="1"/>
    <col min="2317" max="2318" width="9" style="153"/>
    <col min="2319" max="2319" width="9" style="153" customWidth="1"/>
    <col min="2320" max="2560" width="9" style="153"/>
    <col min="2561" max="2561" width="9.109375" style="153" customWidth="1"/>
    <col min="2562" max="2562" width="2.33203125" style="153" customWidth="1"/>
    <col min="2563" max="2563" width="18" style="153" customWidth="1"/>
    <col min="2564" max="2564" width="13.6640625" style="153" customWidth="1"/>
    <col min="2565" max="2565" width="13.44140625" style="153" customWidth="1"/>
    <col min="2566" max="2567" width="13.6640625" style="153" customWidth="1"/>
    <col min="2568" max="2569" width="13.44140625" style="153" customWidth="1"/>
    <col min="2570" max="2570" width="13.6640625" style="153" customWidth="1"/>
    <col min="2571" max="2571" width="13.44140625" style="153" customWidth="1"/>
    <col min="2572" max="2572" width="13" style="153" customWidth="1"/>
    <col min="2573" max="2574" width="9" style="153"/>
    <col min="2575" max="2575" width="9" style="153" customWidth="1"/>
    <col min="2576" max="2816" width="9" style="153"/>
    <col min="2817" max="2817" width="9.109375" style="153" customWidth="1"/>
    <col min="2818" max="2818" width="2.33203125" style="153" customWidth="1"/>
    <col min="2819" max="2819" width="18" style="153" customWidth="1"/>
    <col min="2820" max="2820" width="13.6640625" style="153" customWidth="1"/>
    <col min="2821" max="2821" width="13.44140625" style="153" customWidth="1"/>
    <col min="2822" max="2823" width="13.6640625" style="153" customWidth="1"/>
    <col min="2824" max="2825" width="13.44140625" style="153" customWidth="1"/>
    <col min="2826" max="2826" width="13.6640625" style="153" customWidth="1"/>
    <col min="2827" max="2827" width="13.44140625" style="153" customWidth="1"/>
    <col min="2828" max="2828" width="13" style="153" customWidth="1"/>
    <col min="2829" max="2830" width="9" style="153"/>
    <col min="2831" max="2831" width="9" style="153" customWidth="1"/>
    <col min="2832" max="3072" width="9" style="153"/>
    <col min="3073" max="3073" width="9.109375" style="153" customWidth="1"/>
    <col min="3074" max="3074" width="2.33203125" style="153" customWidth="1"/>
    <col min="3075" max="3075" width="18" style="153" customWidth="1"/>
    <col min="3076" max="3076" width="13.6640625" style="153" customWidth="1"/>
    <col min="3077" max="3077" width="13.44140625" style="153" customWidth="1"/>
    <col min="3078" max="3079" width="13.6640625" style="153" customWidth="1"/>
    <col min="3080" max="3081" width="13.44140625" style="153" customWidth="1"/>
    <col min="3082" max="3082" width="13.6640625" style="153" customWidth="1"/>
    <col min="3083" max="3083" width="13.44140625" style="153" customWidth="1"/>
    <col min="3084" max="3084" width="13" style="153" customWidth="1"/>
    <col min="3085" max="3086" width="9" style="153"/>
    <col min="3087" max="3087" width="9" style="153" customWidth="1"/>
    <col min="3088" max="3328" width="9" style="153"/>
    <col min="3329" max="3329" width="9.109375" style="153" customWidth="1"/>
    <col min="3330" max="3330" width="2.33203125" style="153" customWidth="1"/>
    <col min="3331" max="3331" width="18" style="153" customWidth="1"/>
    <col min="3332" max="3332" width="13.6640625" style="153" customWidth="1"/>
    <col min="3333" max="3333" width="13.44140625" style="153" customWidth="1"/>
    <col min="3334" max="3335" width="13.6640625" style="153" customWidth="1"/>
    <col min="3336" max="3337" width="13.44140625" style="153" customWidth="1"/>
    <col min="3338" max="3338" width="13.6640625" style="153" customWidth="1"/>
    <col min="3339" max="3339" width="13.44140625" style="153" customWidth="1"/>
    <col min="3340" max="3340" width="13" style="153" customWidth="1"/>
    <col min="3341" max="3342" width="9" style="153"/>
    <col min="3343" max="3343" width="9" style="153" customWidth="1"/>
    <col min="3344" max="3584" width="9" style="153"/>
    <col min="3585" max="3585" width="9.109375" style="153" customWidth="1"/>
    <col min="3586" max="3586" width="2.33203125" style="153" customWidth="1"/>
    <col min="3587" max="3587" width="18" style="153" customWidth="1"/>
    <col min="3588" max="3588" width="13.6640625" style="153" customWidth="1"/>
    <col min="3589" max="3589" width="13.44140625" style="153" customWidth="1"/>
    <col min="3590" max="3591" width="13.6640625" style="153" customWidth="1"/>
    <col min="3592" max="3593" width="13.44140625" style="153" customWidth="1"/>
    <col min="3594" max="3594" width="13.6640625" style="153" customWidth="1"/>
    <col min="3595" max="3595" width="13.44140625" style="153" customWidth="1"/>
    <col min="3596" max="3596" width="13" style="153" customWidth="1"/>
    <col min="3597" max="3598" width="9" style="153"/>
    <col min="3599" max="3599" width="9" style="153" customWidth="1"/>
    <col min="3600" max="3840" width="9" style="153"/>
    <col min="3841" max="3841" width="9.109375" style="153" customWidth="1"/>
    <col min="3842" max="3842" width="2.33203125" style="153" customWidth="1"/>
    <col min="3843" max="3843" width="18" style="153" customWidth="1"/>
    <col min="3844" max="3844" width="13.6640625" style="153" customWidth="1"/>
    <col min="3845" max="3845" width="13.44140625" style="153" customWidth="1"/>
    <col min="3846" max="3847" width="13.6640625" style="153" customWidth="1"/>
    <col min="3848" max="3849" width="13.44140625" style="153" customWidth="1"/>
    <col min="3850" max="3850" width="13.6640625" style="153" customWidth="1"/>
    <col min="3851" max="3851" width="13.44140625" style="153" customWidth="1"/>
    <col min="3852" max="3852" width="13" style="153" customWidth="1"/>
    <col min="3853" max="3854" width="9" style="153"/>
    <col min="3855" max="3855" width="9" style="153" customWidth="1"/>
    <col min="3856" max="4096" width="9" style="153"/>
    <col min="4097" max="4097" width="9.109375" style="153" customWidth="1"/>
    <col min="4098" max="4098" width="2.33203125" style="153" customWidth="1"/>
    <col min="4099" max="4099" width="18" style="153" customWidth="1"/>
    <col min="4100" max="4100" width="13.6640625" style="153" customWidth="1"/>
    <col min="4101" max="4101" width="13.44140625" style="153" customWidth="1"/>
    <col min="4102" max="4103" width="13.6640625" style="153" customWidth="1"/>
    <col min="4104" max="4105" width="13.44140625" style="153" customWidth="1"/>
    <col min="4106" max="4106" width="13.6640625" style="153" customWidth="1"/>
    <col min="4107" max="4107" width="13.44140625" style="153" customWidth="1"/>
    <col min="4108" max="4108" width="13" style="153" customWidth="1"/>
    <col min="4109" max="4110" width="9" style="153"/>
    <col min="4111" max="4111" width="9" style="153" customWidth="1"/>
    <col min="4112" max="4352" width="9" style="153"/>
    <col min="4353" max="4353" width="9.109375" style="153" customWidth="1"/>
    <col min="4354" max="4354" width="2.33203125" style="153" customWidth="1"/>
    <col min="4355" max="4355" width="18" style="153" customWidth="1"/>
    <col min="4356" max="4356" width="13.6640625" style="153" customWidth="1"/>
    <col min="4357" max="4357" width="13.44140625" style="153" customWidth="1"/>
    <col min="4358" max="4359" width="13.6640625" style="153" customWidth="1"/>
    <col min="4360" max="4361" width="13.44140625" style="153" customWidth="1"/>
    <col min="4362" max="4362" width="13.6640625" style="153" customWidth="1"/>
    <col min="4363" max="4363" width="13.44140625" style="153" customWidth="1"/>
    <col min="4364" max="4364" width="13" style="153" customWidth="1"/>
    <col min="4365" max="4366" width="9" style="153"/>
    <col min="4367" max="4367" width="9" style="153" customWidth="1"/>
    <col min="4368" max="4608" width="9" style="153"/>
    <col min="4609" max="4609" width="9.109375" style="153" customWidth="1"/>
    <col min="4610" max="4610" width="2.33203125" style="153" customWidth="1"/>
    <col min="4611" max="4611" width="18" style="153" customWidth="1"/>
    <col min="4612" max="4612" width="13.6640625" style="153" customWidth="1"/>
    <col min="4613" max="4613" width="13.44140625" style="153" customWidth="1"/>
    <col min="4614" max="4615" width="13.6640625" style="153" customWidth="1"/>
    <col min="4616" max="4617" width="13.44140625" style="153" customWidth="1"/>
    <col min="4618" max="4618" width="13.6640625" style="153" customWidth="1"/>
    <col min="4619" max="4619" width="13.44140625" style="153" customWidth="1"/>
    <col min="4620" max="4620" width="13" style="153" customWidth="1"/>
    <col min="4621" max="4622" width="9" style="153"/>
    <col min="4623" max="4623" width="9" style="153" customWidth="1"/>
    <col min="4624" max="4864" width="9" style="153"/>
    <col min="4865" max="4865" width="9.109375" style="153" customWidth="1"/>
    <col min="4866" max="4866" width="2.33203125" style="153" customWidth="1"/>
    <col min="4867" max="4867" width="18" style="153" customWidth="1"/>
    <col min="4868" max="4868" width="13.6640625" style="153" customWidth="1"/>
    <col min="4869" max="4869" width="13.44140625" style="153" customWidth="1"/>
    <col min="4870" max="4871" width="13.6640625" style="153" customWidth="1"/>
    <col min="4872" max="4873" width="13.44140625" style="153" customWidth="1"/>
    <col min="4874" max="4874" width="13.6640625" style="153" customWidth="1"/>
    <col min="4875" max="4875" width="13.44140625" style="153" customWidth="1"/>
    <col min="4876" max="4876" width="13" style="153" customWidth="1"/>
    <col min="4877" max="4878" width="9" style="153"/>
    <col min="4879" max="4879" width="9" style="153" customWidth="1"/>
    <col min="4880" max="5120" width="9" style="153"/>
    <col min="5121" max="5121" width="9.109375" style="153" customWidth="1"/>
    <col min="5122" max="5122" width="2.33203125" style="153" customWidth="1"/>
    <col min="5123" max="5123" width="18" style="153" customWidth="1"/>
    <col min="5124" max="5124" width="13.6640625" style="153" customWidth="1"/>
    <col min="5125" max="5125" width="13.44140625" style="153" customWidth="1"/>
    <col min="5126" max="5127" width="13.6640625" style="153" customWidth="1"/>
    <col min="5128" max="5129" width="13.44140625" style="153" customWidth="1"/>
    <col min="5130" max="5130" width="13.6640625" style="153" customWidth="1"/>
    <col min="5131" max="5131" width="13.44140625" style="153" customWidth="1"/>
    <col min="5132" max="5132" width="13" style="153" customWidth="1"/>
    <col min="5133" max="5134" width="9" style="153"/>
    <col min="5135" max="5135" width="9" style="153" customWidth="1"/>
    <col min="5136" max="5376" width="9" style="153"/>
    <col min="5377" max="5377" width="9.109375" style="153" customWidth="1"/>
    <col min="5378" max="5378" width="2.33203125" style="153" customWidth="1"/>
    <col min="5379" max="5379" width="18" style="153" customWidth="1"/>
    <col min="5380" max="5380" width="13.6640625" style="153" customWidth="1"/>
    <col min="5381" max="5381" width="13.44140625" style="153" customWidth="1"/>
    <col min="5382" max="5383" width="13.6640625" style="153" customWidth="1"/>
    <col min="5384" max="5385" width="13.44140625" style="153" customWidth="1"/>
    <col min="5386" max="5386" width="13.6640625" style="153" customWidth="1"/>
    <col min="5387" max="5387" width="13.44140625" style="153" customWidth="1"/>
    <col min="5388" max="5388" width="13" style="153" customWidth="1"/>
    <col min="5389" max="5390" width="9" style="153"/>
    <col min="5391" max="5391" width="9" style="153" customWidth="1"/>
    <col min="5392" max="5632" width="9" style="153"/>
    <col min="5633" max="5633" width="9.109375" style="153" customWidth="1"/>
    <col min="5634" max="5634" width="2.33203125" style="153" customWidth="1"/>
    <col min="5635" max="5635" width="18" style="153" customWidth="1"/>
    <col min="5636" max="5636" width="13.6640625" style="153" customWidth="1"/>
    <col min="5637" max="5637" width="13.44140625" style="153" customWidth="1"/>
    <col min="5638" max="5639" width="13.6640625" style="153" customWidth="1"/>
    <col min="5640" max="5641" width="13.44140625" style="153" customWidth="1"/>
    <col min="5642" max="5642" width="13.6640625" style="153" customWidth="1"/>
    <col min="5643" max="5643" width="13.44140625" style="153" customWidth="1"/>
    <col min="5644" max="5644" width="13" style="153" customWidth="1"/>
    <col min="5645" max="5646" width="9" style="153"/>
    <col min="5647" max="5647" width="9" style="153" customWidth="1"/>
    <col min="5648" max="5888" width="9" style="153"/>
    <col min="5889" max="5889" width="9.109375" style="153" customWidth="1"/>
    <col min="5890" max="5890" width="2.33203125" style="153" customWidth="1"/>
    <col min="5891" max="5891" width="18" style="153" customWidth="1"/>
    <col min="5892" max="5892" width="13.6640625" style="153" customWidth="1"/>
    <col min="5893" max="5893" width="13.44140625" style="153" customWidth="1"/>
    <col min="5894" max="5895" width="13.6640625" style="153" customWidth="1"/>
    <col min="5896" max="5897" width="13.44140625" style="153" customWidth="1"/>
    <col min="5898" max="5898" width="13.6640625" style="153" customWidth="1"/>
    <col min="5899" max="5899" width="13.44140625" style="153" customWidth="1"/>
    <col min="5900" max="5900" width="13" style="153" customWidth="1"/>
    <col min="5901" max="5902" width="9" style="153"/>
    <col min="5903" max="5903" width="9" style="153" customWidth="1"/>
    <col min="5904" max="6144" width="9" style="153"/>
    <col min="6145" max="6145" width="9.109375" style="153" customWidth="1"/>
    <col min="6146" max="6146" width="2.33203125" style="153" customWidth="1"/>
    <col min="6147" max="6147" width="18" style="153" customWidth="1"/>
    <col min="6148" max="6148" width="13.6640625" style="153" customWidth="1"/>
    <col min="6149" max="6149" width="13.44140625" style="153" customWidth="1"/>
    <col min="6150" max="6151" width="13.6640625" style="153" customWidth="1"/>
    <col min="6152" max="6153" width="13.44140625" style="153" customWidth="1"/>
    <col min="6154" max="6154" width="13.6640625" style="153" customWidth="1"/>
    <col min="6155" max="6155" width="13.44140625" style="153" customWidth="1"/>
    <col min="6156" max="6156" width="13" style="153" customWidth="1"/>
    <col min="6157" max="6158" width="9" style="153"/>
    <col min="6159" max="6159" width="9" style="153" customWidth="1"/>
    <col min="6160" max="6400" width="9" style="153"/>
    <col min="6401" max="6401" width="9.109375" style="153" customWidth="1"/>
    <col min="6402" max="6402" width="2.33203125" style="153" customWidth="1"/>
    <col min="6403" max="6403" width="18" style="153" customWidth="1"/>
    <col min="6404" max="6404" width="13.6640625" style="153" customWidth="1"/>
    <col min="6405" max="6405" width="13.44140625" style="153" customWidth="1"/>
    <col min="6406" max="6407" width="13.6640625" style="153" customWidth="1"/>
    <col min="6408" max="6409" width="13.44140625" style="153" customWidth="1"/>
    <col min="6410" max="6410" width="13.6640625" style="153" customWidth="1"/>
    <col min="6411" max="6411" width="13.44140625" style="153" customWidth="1"/>
    <col min="6412" max="6412" width="13" style="153" customWidth="1"/>
    <col min="6413" max="6414" width="9" style="153"/>
    <col min="6415" max="6415" width="9" style="153" customWidth="1"/>
    <col min="6416" max="6656" width="9" style="153"/>
    <col min="6657" max="6657" width="9.109375" style="153" customWidth="1"/>
    <col min="6658" max="6658" width="2.33203125" style="153" customWidth="1"/>
    <col min="6659" max="6659" width="18" style="153" customWidth="1"/>
    <col min="6660" max="6660" width="13.6640625" style="153" customWidth="1"/>
    <col min="6661" max="6661" width="13.44140625" style="153" customWidth="1"/>
    <col min="6662" max="6663" width="13.6640625" style="153" customWidth="1"/>
    <col min="6664" max="6665" width="13.44140625" style="153" customWidth="1"/>
    <col min="6666" max="6666" width="13.6640625" style="153" customWidth="1"/>
    <col min="6667" max="6667" width="13.44140625" style="153" customWidth="1"/>
    <col min="6668" max="6668" width="13" style="153" customWidth="1"/>
    <col min="6669" max="6670" width="9" style="153"/>
    <col min="6671" max="6671" width="9" style="153" customWidth="1"/>
    <col min="6672" max="6912" width="9" style="153"/>
    <col min="6913" max="6913" width="9.109375" style="153" customWidth="1"/>
    <col min="6914" max="6914" width="2.33203125" style="153" customWidth="1"/>
    <col min="6915" max="6915" width="18" style="153" customWidth="1"/>
    <col min="6916" max="6916" width="13.6640625" style="153" customWidth="1"/>
    <col min="6917" max="6917" width="13.44140625" style="153" customWidth="1"/>
    <col min="6918" max="6919" width="13.6640625" style="153" customWidth="1"/>
    <col min="6920" max="6921" width="13.44140625" style="153" customWidth="1"/>
    <col min="6922" max="6922" width="13.6640625" style="153" customWidth="1"/>
    <col min="6923" max="6923" width="13.44140625" style="153" customWidth="1"/>
    <col min="6924" max="6924" width="13" style="153" customWidth="1"/>
    <col min="6925" max="6926" width="9" style="153"/>
    <col min="6927" max="6927" width="9" style="153" customWidth="1"/>
    <col min="6928" max="7168" width="9" style="153"/>
    <col min="7169" max="7169" width="9.109375" style="153" customWidth="1"/>
    <col min="7170" max="7170" width="2.33203125" style="153" customWidth="1"/>
    <col min="7171" max="7171" width="18" style="153" customWidth="1"/>
    <col min="7172" max="7172" width="13.6640625" style="153" customWidth="1"/>
    <col min="7173" max="7173" width="13.44140625" style="153" customWidth="1"/>
    <col min="7174" max="7175" width="13.6640625" style="153" customWidth="1"/>
    <col min="7176" max="7177" width="13.44140625" style="153" customWidth="1"/>
    <col min="7178" max="7178" width="13.6640625" style="153" customWidth="1"/>
    <col min="7179" max="7179" width="13.44140625" style="153" customWidth="1"/>
    <col min="7180" max="7180" width="13" style="153" customWidth="1"/>
    <col min="7181" max="7182" width="9" style="153"/>
    <col min="7183" max="7183" width="9" style="153" customWidth="1"/>
    <col min="7184" max="7424" width="9" style="153"/>
    <col min="7425" max="7425" width="9.109375" style="153" customWidth="1"/>
    <col min="7426" max="7426" width="2.33203125" style="153" customWidth="1"/>
    <col min="7427" max="7427" width="18" style="153" customWidth="1"/>
    <col min="7428" max="7428" width="13.6640625" style="153" customWidth="1"/>
    <col min="7429" max="7429" width="13.44140625" style="153" customWidth="1"/>
    <col min="7430" max="7431" width="13.6640625" style="153" customWidth="1"/>
    <col min="7432" max="7433" width="13.44140625" style="153" customWidth="1"/>
    <col min="7434" max="7434" width="13.6640625" style="153" customWidth="1"/>
    <col min="7435" max="7435" width="13.44140625" style="153" customWidth="1"/>
    <col min="7436" max="7436" width="13" style="153" customWidth="1"/>
    <col min="7437" max="7438" width="9" style="153"/>
    <col min="7439" max="7439" width="9" style="153" customWidth="1"/>
    <col min="7440" max="7680" width="9" style="153"/>
    <col min="7681" max="7681" width="9.109375" style="153" customWidth="1"/>
    <col min="7682" max="7682" width="2.33203125" style="153" customWidth="1"/>
    <col min="7683" max="7683" width="18" style="153" customWidth="1"/>
    <col min="7684" max="7684" width="13.6640625" style="153" customWidth="1"/>
    <col min="7685" max="7685" width="13.44140625" style="153" customWidth="1"/>
    <col min="7686" max="7687" width="13.6640625" style="153" customWidth="1"/>
    <col min="7688" max="7689" width="13.44140625" style="153" customWidth="1"/>
    <col min="7690" max="7690" width="13.6640625" style="153" customWidth="1"/>
    <col min="7691" max="7691" width="13.44140625" style="153" customWidth="1"/>
    <col min="7692" max="7692" width="13" style="153" customWidth="1"/>
    <col min="7693" max="7694" width="9" style="153"/>
    <col min="7695" max="7695" width="9" style="153" customWidth="1"/>
    <col min="7696" max="7936" width="9" style="153"/>
    <col min="7937" max="7937" width="9.109375" style="153" customWidth="1"/>
    <col min="7938" max="7938" width="2.33203125" style="153" customWidth="1"/>
    <col min="7939" max="7939" width="18" style="153" customWidth="1"/>
    <col min="7940" max="7940" width="13.6640625" style="153" customWidth="1"/>
    <col min="7941" max="7941" width="13.44140625" style="153" customWidth="1"/>
    <col min="7942" max="7943" width="13.6640625" style="153" customWidth="1"/>
    <col min="7944" max="7945" width="13.44140625" style="153" customWidth="1"/>
    <col min="7946" max="7946" width="13.6640625" style="153" customWidth="1"/>
    <col min="7947" max="7947" width="13.44140625" style="153" customWidth="1"/>
    <col min="7948" max="7948" width="13" style="153" customWidth="1"/>
    <col min="7949" max="7950" width="9" style="153"/>
    <col min="7951" max="7951" width="9" style="153" customWidth="1"/>
    <col min="7952" max="8192" width="9" style="153"/>
    <col min="8193" max="8193" width="9.109375" style="153" customWidth="1"/>
    <col min="8194" max="8194" width="2.33203125" style="153" customWidth="1"/>
    <col min="8195" max="8195" width="18" style="153" customWidth="1"/>
    <col min="8196" max="8196" width="13.6640625" style="153" customWidth="1"/>
    <col min="8197" max="8197" width="13.44140625" style="153" customWidth="1"/>
    <col min="8198" max="8199" width="13.6640625" style="153" customWidth="1"/>
    <col min="8200" max="8201" width="13.44140625" style="153" customWidth="1"/>
    <col min="8202" max="8202" width="13.6640625" style="153" customWidth="1"/>
    <col min="8203" max="8203" width="13.44140625" style="153" customWidth="1"/>
    <col min="8204" max="8204" width="13" style="153" customWidth="1"/>
    <col min="8205" max="8206" width="9" style="153"/>
    <col min="8207" max="8207" width="9" style="153" customWidth="1"/>
    <col min="8208" max="8448" width="9" style="153"/>
    <col min="8449" max="8449" width="9.109375" style="153" customWidth="1"/>
    <col min="8450" max="8450" width="2.33203125" style="153" customWidth="1"/>
    <col min="8451" max="8451" width="18" style="153" customWidth="1"/>
    <col min="8452" max="8452" width="13.6640625" style="153" customWidth="1"/>
    <col min="8453" max="8453" width="13.44140625" style="153" customWidth="1"/>
    <col min="8454" max="8455" width="13.6640625" style="153" customWidth="1"/>
    <col min="8456" max="8457" width="13.44140625" style="153" customWidth="1"/>
    <col min="8458" max="8458" width="13.6640625" style="153" customWidth="1"/>
    <col min="8459" max="8459" width="13.44140625" style="153" customWidth="1"/>
    <col min="8460" max="8460" width="13" style="153" customWidth="1"/>
    <col min="8461" max="8462" width="9" style="153"/>
    <col min="8463" max="8463" width="9" style="153" customWidth="1"/>
    <col min="8464" max="8704" width="9" style="153"/>
    <col min="8705" max="8705" width="9.109375" style="153" customWidth="1"/>
    <col min="8706" max="8706" width="2.33203125" style="153" customWidth="1"/>
    <col min="8707" max="8707" width="18" style="153" customWidth="1"/>
    <col min="8708" max="8708" width="13.6640625" style="153" customWidth="1"/>
    <col min="8709" max="8709" width="13.44140625" style="153" customWidth="1"/>
    <col min="8710" max="8711" width="13.6640625" style="153" customWidth="1"/>
    <col min="8712" max="8713" width="13.44140625" style="153" customWidth="1"/>
    <col min="8714" max="8714" width="13.6640625" style="153" customWidth="1"/>
    <col min="8715" max="8715" width="13.44140625" style="153" customWidth="1"/>
    <col min="8716" max="8716" width="13" style="153" customWidth="1"/>
    <col min="8717" max="8718" width="9" style="153"/>
    <col min="8719" max="8719" width="9" style="153" customWidth="1"/>
    <col min="8720" max="8960" width="9" style="153"/>
    <col min="8961" max="8961" width="9.109375" style="153" customWidth="1"/>
    <col min="8962" max="8962" width="2.33203125" style="153" customWidth="1"/>
    <col min="8963" max="8963" width="18" style="153" customWidth="1"/>
    <col min="8964" max="8964" width="13.6640625" style="153" customWidth="1"/>
    <col min="8965" max="8965" width="13.44140625" style="153" customWidth="1"/>
    <col min="8966" max="8967" width="13.6640625" style="153" customWidth="1"/>
    <col min="8968" max="8969" width="13.44140625" style="153" customWidth="1"/>
    <col min="8970" max="8970" width="13.6640625" style="153" customWidth="1"/>
    <col min="8971" max="8971" width="13.44140625" style="153" customWidth="1"/>
    <col min="8972" max="8972" width="13" style="153" customWidth="1"/>
    <col min="8973" max="8974" width="9" style="153"/>
    <col min="8975" max="8975" width="9" style="153" customWidth="1"/>
    <col min="8976" max="9216" width="9" style="153"/>
    <col min="9217" max="9217" width="9.109375" style="153" customWidth="1"/>
    <col min="9218" max="9218" width="2.33203125" style="153" customWidth="1"/>
    <col min="9219" max="9219" width="18" style="153" customWidth="1"/>
    <col min="9220" max="9220" width="13.6640625" style="153" customWidth="1"/>
    <col min="9221" max="9221" width="13.44140625" style="153" customWidth="1"/>
    <col min="9222" max="9223" width="13.6640625" style="153" customWidth="1"/>
    <col min="9224" max="9225" width="13.44140625" style="153" customWidth="1"/>
    <col min="9226" max="9226" width="13.6640625" style="153" customWidth="1"/>
    <col min="9227" max="9227" width="13.44140625" style="153" customWidth="1"/>
    <col min="9228" max="9228" width="13" style="153" customWidth="1"/>
    <col min="9229" max="9230" width="9" style="153"/>
    <col min="9231" max="9231" width="9" style="153" customWidth="1"/>
    <col min="9232" max="9472" width="9" style="153"/>
    <col min="9473" max="9473" width="9.109375" style="153" customWidth="1"/>
    <col min="9474" max="9474" width="2.33203125" style="153" customWidth="1"/>
    <col min="9475" max="9475" width="18" style="153" customWidth="1"/>
    <col min="9476" max="9476" width="13.6640625" style="153" customWidth="1"/>
    <col min="9477" max="9477" width="13.44140625" style="153" customWidth="1"/>
    <col min="9478" max="9479" width="13.6640625" style="153" customWidth="1"/>
    <col min="9480" max="9481" width="13.44140625" style="153" customWidth="1"/>
    <col min="9482" max="9482" width="13.6640625" style="153" customWidth="1"/>
    <col min="9483" max="9483" width="13.44140625" style="153" customWidth="1"/>
    <col min="9484" max="9484" width="13" style="153" customWidth="1"/>
    <col min="9485" max="9486" width="9" style="153"/>
    <col min="9487" max="9487" width="9" style="153" customWidth="1"/>
    <col min="9488" max="9728" width="9" style="153"/>
    <col min="9729" max="9729" width="9.109375" style="153" customWidth="1"/>
    <col min="9730" max="9730" width="2.33203125" style="153" customWidth="1"/>
    <col min="9731" max="9731" width="18" style="153" customWidth="1"/>
    <col min="9732" max="9732" width="13.6640625" style="153" customWidth="1"/>
    <col min="9733" max="9733" width="13.44140625" style="153" customWidth="1"/>
    <col min="9734" max="9735" width="13.6640625" style="153" customWidth="1"/>
    <col min="9736" max="9737" width="13.44140625" style="153" customWidth="1"/>
    <col min="9738" max="9738" width="13.6640625" style="153" customWidth="1"/>
    <col min="9739" max="9739" width="13.44140625" style="153" customWidth="1"/>
    <col min="9740" max="9740" width="13" style="153" customWidth="1"/>
    <col min="9741" max="9742" width="9" style="153"/>
    <col min="9743" max="9743" width="9" style="153" customWidth="1"/>
    <col min="9744" max="9984" width="9" style="153"/>
    <col min="9985" max="9985" width="9.109375" style="153" customWidth="1"/>
    <col min="9986" max="9986" width="2.33203125" style="153" customWidth="1"/>
    <col min="9987" max="9987" width="18" style="153" customWidth="1"/>
    <col min="9988" max="9988" width="13.6640625" style="153" customWidth="1"/>
    <col min="9989" max="9989" width="13.44140625" style="153" customWidth="1"/>
    <col min="9990" max="9991" width="13.6640625" style="153" customWidth="1"/>
    <col min="9992" max="9993" width="13.44140625" style="153" customWidth="1"/>
    <col min="9994" max="9994" width="13.6640625" style="153" customWidth="1"/>
    <col min="9995" max="9995" width="13.44140625" style="153" customWidth="1"/>
    <col min="9996" max="9996" width="13" style="153" customWidth="1"/>
    <col min="9997" max="9998" width="9" style="153"/>
    <col min="9999" max="9999" width="9" style="153" customWidth="1"/>
    <col min="10000" max="10240" width="9" style="153"/>
    <col min="10241" max="10241" width="9.109375" style="153" customWidth="1"/>
    <col min="10242" max="10242" width="2.33203125" style="153" customWidth="1"/>
    <col min="10243" max="10243" width="18" style="153" customWidth="1"/>
    <col min="10244" max="10244" width="13.6640625" style="153" customWidth="1"/>
    <col min="10245" max="10245" width="13.44140625" style="153" customWidth="1"/>
    <col min="10246" max="10247" width="13.6640625" style="153" customWidth="1"/>
    <col min="10248" max="10249" width="13.44140625" style="153" customWidth="1"/>
    <col min="10250" max="10250" width="13.6640625" style="153" customWidth="1"/>
    <col min="10251" max="10251" width="13.44140625" style="153" customWidth="1"/>
    <col min="10252" max="10252" width="13" style="153" customWidth="1"/>
    <col min="10253" max="10254" width="9" style="153"/>
    <col min="10255" max="10255" width="9" style="153" customWidth="1"/>
    <col min="10256" max="10496" width="9" style="153"/>
    <col min="10497" max="10497" width="9.109375" style="153" customWidth="1"/>
    <col min="10498" max="10498" width="2.33203125" style="153" customWidth="1"/>
    <col min="10499" max="10499" width="18" style="153" customWidth="1"/>
    <col min="10500" max="10500" width="13.6640625" style="153" customWidth="1"/>
    <col min="10501" max="10501" width="13.44140625" style="153" customWidth="1"/>
    <col min="10502" max="10503" width="13.6640625" style="153" customWidth="1"/>
    <col min="10504" max="10505" width="13.44140625" style="153" customWidth="1"/>
    <col min="10506" max="10506" width="13.6640625" style="153" customWidth="1"/>
    <col min="10507" max="10507" width="13.44140625" style="153" customWidth="1"/>
    <col min="10508" max="10508" width="13" style="153" customWidth="1"/>
    <col min="10509" max="10510" width="9" style="153"/>
    <col min="10511" max="10511" width="9" style="153" customWidth="1"/>
    <col min="10512" max="10752" width="9" style="153"/>
    <col min="10753" max="10753" width="9.109375" style="153" customWidth="1"/>
    <col min="10754" max="10754" width="2.33203125" style="153" customWidth="1"/>
    <col min="10755" max="10755" width="18" style="153" customWidth="1"/>
    <col min="10756" max="10756" width="13.6640625" style="153" customWidth="1"/>
    <col min="10757" max="10757" width="13.44140625" style="153" customWidth="1"/>
    <col min="10758" max="10759" width="13.6640625" style="153" customWidth="1"/>
    <col min="10760" max="10761" width="13.44140625" style="153" customWidth="1"/>
    <col min="10762" max="10762" width="13.6640625" style="153" customWidth="1"/>
    <col min="10763" max="10763" width="13.44140625" style="153" customWidth="1"/>
    <col min="10764" max="10764" width="13" style="153" customWidth="1"/>
    <col min="10765" max="10766" width="9" style="153"/>
    <col min="10767" max="10767" width="9" style="153" customWidth="1"/>
    <col min="10768" max="11008" width="9" style="153"/>
    <col min="11009" max="11009" width="9.109375" style="153" customWidth="1"/>
    <col min="11010" max="11010" width="2.33203125" style="153" customWidth="1"/>
    <col min="11011" max="11011" width="18" style="153" customWidth="1"/>
    <col min="11012" max="11012" width="13.6640625" style="153" customWidth="1"/>
    <col min="11013" max="11013" width="13.44140625" style="153" customWidth="1"/>
    <col min="11014" max="11015" width="13.6640625" style="153" customWidth="1"/>
    <col min="11016" max="11017" width="13.44140625" style="153" customWidth="1"/>
    <col min="11018" max="11018" width="13.6640625" style="153" customWidth="1"/>
    <col min="11019" max="11019" width="13.44140625" style="153" customWidth="1"/>
    <col min="11020" max="11020" width="13" style="153" customWidth="1"/>
    <col min="11021" max="11022" width="9" style="153"/>
    <col min="11023" max="11023" width="9" style="153" customWidth="1"/>
    <col min="11024" max="11264" width="9" style="153"/>
    <col min="11265" max="11265" width="9.109375" style="153" customWidth="1"/>
    <col min="11266" max="11266" width="2.33203125" style="153" customWidth="1"/>
    <col min="11267" max="11267" width="18" style="153" customWidth="1"/>
    <col min="11268" max="11268" width="13.6640625" style="153" customWidth="1"/>
    <col min="11269" max="11269" width="13.44140625" style="153" customWidth="1"/>
    <col min="11270" max="11271" width="13.6640625" style="153" customWidth="1"/>
    <col min="11272" max="11273" width="13.44140625" style="153" customWidth="1"/>
    <col min="11274" max="11274" width="13.6640625" style="153" customWidth="1"/>
    <col min="11275" max="11275" width="13.44140625" style="153" customWidth="1"/>
    <col min="11276" max="11276" width="13" style="153" customWidth="1"/>
    <col min="11277" max="11278" width="9" style="153"/>
    <col min="11279" max="11279" width="9" style="153" customWidth="1"/>
    <col min="11280" max="11520" width="9" style="153"/>
    <col min="11521" max="11521" width="9.109375" style="153" customWidth="1"/>
    <col min="11522" max="11522" width="2.33203125" style="153" customWidth="1"/>
    <col min="11523" max="11523" width="18" style="153" customWidth="1"/>
    <col min="11524" max="11524" width="13.6640625" style="153" customWidth="1"/>
    <col min="11525" max="11525" width="13.44140625" style="153" customWidth="1"/>
    <col min="11526" max="11527" width="13.6640625" style="153" customWidth="1"/>
    <col min="11528" max="11529" width="13.44140625" style="153" customWidth="1"/>
    <col min="11530" max="11530" width="13.6640625" style="153" customWidth="1"/>
    <col min="11531" max="11531" width="13.44140625" style="153" customWidth="1"/>
    <col min="11532" max="11532" width="13" style="153" customWidth="1"/>
    <col min="11533" max="11534" width="9" style="153"/>
    <col min="11535" max="11535" width="9" style="153" customWidth="1"/>
    <col min="11536" max="11776" width="9" style="153"/>
    <col min="11777" max="11777" width="9.109375" style="153" customWidth="1"/>
    <col min="11778" max="11778" width="2.33203125" style="153" customWidth="1"/>
    <col min="11779" max="11779" width="18" style="153" customWidth="1"/>
    <col min="11780" max="11780" width="13.6640625" style="153" customWidth="1"/>
    <col min="11781" max="11781" width="13.44140625" style="153" customWidth="1"/>
    <col min="11782" max="11783" width="13.6640625" style="153" customWidth="1"/>
    <col min="11784" max="11785" width="13.44140625" style="153" customWidth="1"/>
    <col min="11786" max="11786" width="13.6640625" style="153" customWidth="1"/>
    <col min="11787" max="11787" width="13.44140625" style="153" customWidth="1"/>
    <col min="11788" max="11788" width="13" style="153" customWidth="1"/>
    <col min="11789" max="11790" width="9" style="153"/>
    <col min="11791" max="11791" width="9" style="153" customWidth="1"/>
    <col min="11792" max="12032" width="9" style="153"/>
    <col min="12033" max="12033" width="9.109375" style="153" customWidth="1"/>
    <col min="12034" max="12034" width="2.33203125" style="153" customWidth="1"/>
    <col min="12035" max="12035" width="18" style="153" customWidth="1"/>
    <col min="12036" max="12036" width="13.6640625" style="153" customWidth="1"/>
    <col min="12037" max="12037" width="13.44140625" style="153" customWidth="1"/>
    <col min="12038" max="12039" width="13.6640625" style="153" customWidth="1"/>
    <col min="12040" max="12041" width="13.44140625" style="153" customWidth="1"/>
    <col min="12042" max="12042" width="13.6640625" style="153" customWidth="1"/>
    <col min="12043" max="12043" width="13.44140625" style="153" customWidth="1"/>
    <col min="12044" max="12044" width="13" style="153" customWidth="1"/>
    <col min="12045" max="12046" width="9" style="153"/>
    <col min="12047" max="12047" width="9" style="153" customWidth="1"/>
    <col min="12048" max="12288" width="9" style="153"/>
    <col min="12289" max="12289" width="9.109375" style="153" customWidth="1"/>
    <col min="12290" max="12290" width="2.33203125" style="153" customWidth="1"/>
    <col min="12291" max="12291" width="18" style="153" customWidth="1"/>
    <col min="12292" max="12292" width="13.6640625" style="153" customWidth="1"/>
    <col min="12293" max="12293" width="13.44140625" style="153" customWidth="1"/>
    <col min="12294" max="12295" width="13.6640625" style="153" customWidth="1"/>
    <col min="12296" max="12297" width="13.44140625" style="153" customWidth="1"/>
    <col min="12298" max="12298" width="13.6640625" style="153" customWidth="1"/>
    <col min="12299" max="12299" width="13.44140625" style="153" customWidth="1"/>
    <col min="12300" max="12300" width="13" style="153" customWidth="1"/>
    <col min="12301" max="12302" width="9" style="153"/>
    <col min="12303" max="12303" width="9" style="153" customWidth="1"/>
    <col min="12304" max="12544" width="9" style="153"/>
    <col min="12545" max="12545" width="9.109375" style="153" customWidth="1"/>
    <col min="12546" max="12546" width="2.33203125" style="153" customWidth="1"/>
    <col min="12547" max="12547" width="18" style="153" customWidth="1"/>
    <col min="12548" max="12548" width="13.6640625" style="153" customWidth="1"/>
    <col min="12549" max="12549" width="13.44140625" style="153" customWidth="1"/>
    <col min="12550" max="12551" width="13.6640625" style="153" customWidth="1"/>
    <col min="12552" max="12553" width="13.44140625" style="153" customWidth="1"/>
    <col min="12554" max="12554" width="13.6640625" style="153" customWidth="1"/>
    <col min="12555" max="12555" width="13.44140625" style="153" customWidth="1"/>
    <col min="12556" max="12556" width="13" style="153" customWidth="1"/>
    <col min="12557" max="12558" width="9" style="153"/>
    <col min="12559" max="12559" width="9" style="153" customWidth="1"/>
    <col min="12560" max="12800" width="9" style="153"/>
    <col min="12801" max="12801" width="9.109375" style="153" customWidth="1"/>
    <col min="12802" max="12802" width="2.33203125" style="153" customWidth="1"/>
    <col min="12803" max="12803" width="18" style="153" customWidth="1"/>
    <col min="12804" max="12804" width="13.6640625" style="153" customWidth="1"/>
    <col min="12805" max="12805" width="13.44140625" style="153" customWidth="1"/>
    <col min="12806" max="12807" width="13.6640625" style="153" customWidth="1"/>
    <col min="12808" max="12809" width="13.44140625" style="153" customWidth="1"/>
    <col min="12810" max="12810" width="13.6640625" style="153" customWidth="1"/>
    <col min="12811" max="12811" width="13.44140625" style="153" customWidth="1"/>
    <col min="12812" max="12812" width="13" style="153" customWidth="1"/>
    <col min="12813" max="12814" width="9" style="153"/>
    <col min="12815" max="12815" width="9" style="153" customWidth="1"/>
    <col min="12816" max="13056" width="9" style="153"/>
    <col min="13057" max="13057" width="9.109375" style="153" customWidth="1"/>
    <col min="13058" max="13058" width="2.33203125" style="153" customWidth="1"/>
    <col min="13059" max="13059" width="18" style="153" customWidth="1"/>
    <col min="13060" max="13060" width="13.6640625" style="153" customWidth="1"/>
    <col min="13061" max="13061" width="13.44140625" style="153" customWidth="1"/>
    <col min="13062" max="13063" width="13.6640625" style="153" customWidth="1"/>
    <col min="13064" max="13065" width="13.44140625" style="153" customWidth="1"/>
    <col min="13066" max="13066" width="13.6640625" style="153" customWidth="1"/>
    <col min="13067" max="13067" width="13.44140625" style="153" customWidth="1"/>
    <col min="13068" max="13068" width="13" style="153" customWidth="1"/>
    <col min="13069" max="13070" width="9" style="153"/>
    <col min="13071" max="13071" width="9" style="153" customWidth="1"/>
    <col min="13072" max="13312" width="9" style="153"/>
    <col min="13313" max="13313" width="9.109375" style="153" customWidth="1"/>
    <col min="13314" max="13314" width="2.33203125" style="153" customWidth="1"/>
    <col min="13315" max="13315" width="18" style="153" customWidth="1"/>
    <col min="13316" max="13316" width="13.6640625" style="153" customWidth="1"/>
    <col min="13317" max="13317" width="13.44140625" style="153" customWidth="1"/>
    <col min="13318" max="13319" width="13.6640625" style="153" customWidth="1"/>
    <col min="13320" max="13321" width="13.44140625" style="153" customWidth="1"/>
    <col min="13322" max="13322" width="13.6640625" style="153" customWidth="1"/>
    <col min="13323" max="13323" width="13.44140625" style="153" customWidth="1"/>
    <col min="13324" max="13324" width="13" style="153" customWidth="1"/>
    <col min="13325" max="13326" width="9" style="153"/>
    <col min="13327" max="13327" width="9" style="153" customWidth="1"/>
    <col min="13328" max="13568" width="9" style="153"/>
    <col min="13569" max="13569" width="9.109375" style="153" customWidth="1"/>
    <col min="13570" max="13570" width="2.33203125" style="153" customWidth="1"/>
    <col min="13571" max="13571" width="18" style="153" customWidth="1"/>
    <col min="13572" max="13572" width="13.6640625" style="153" customWidth="1"/>
    <col min="13573" max="13573" width="13.44140625" style="153" customWidth="1"/>
    <col min="13574" max="13575" width="13.6640625" style="153" customWidth="1"/>
    <col min="13576" max="13577" width="13.44140625" style="153" customWidth="1"/>
    <col min="13578" max="13578" width="13.6640625" style="153" customWidth="1"/>
    <col min="13579" max="13579" width="13.44140625" style="153" customWidth="1"/>
    <col min="13580" max="13580" width="13" style="153" customWidth="1"/>
    <col min="13581" max="13582" width="9" style="153"/>
    <col min="13583" max="13583" width="9" style="153" customWidth="1"/>
    <col min="13584" max="13824" width="9" style="153"/>
    <col min="13825" max="13825" width="9.109375" style="153" customWidth="1"/>
    <col min="13826" max="13826" width="2.33203125" style="153" customWidth="1"/>
    <col min="13827" max="13827" width="18" style="153" customWidth="1"/>
    <col min="13828" max="13828" width="13.6640625" style="153" customWidth="1"/>
    <col min="13829" max="13829" width="13.44140625" style="153" customWidth="1"/>
    <col min="13830" max="13831" width="13.6640625" style="153" customWidth="1"/>
    <col min="13832" max="13833" width="13.44140625" style="153" customWidth="1"/>
    <col min="13834" max="13834" width="13.6640625" style="153" customWidth="1"/>
    <col min="13835" max="13835" width="13.44140625" style="153" customWidth="1"/>
    <col min="13836" max="13836" width="13" style="153" customWidth="1"/>
    <col min="13837" max="13838" width="9" style="153"/>
    <col min="13839" max="13839" width="9" style="153" customWidth="1"/>
    <col min="13840" max="14080" width="9" style="153"/>
    <col min="14081" max="14081" width="9.109375" style="153" customWidth="1"/>
    <col min="14082" max="14082" width="2.33203125" style="153" customWidth="1"/>
    <col min="14083" max="14083" width="18" style="153" customWidth="1"/>
    <col min="14084" max="14084" width="13.6640625" style="153" customWidth="1"/>
    <col min="14085" max="14085" width="13.44140625" style="153" customWidth="1"/>
    <col min="14086" max="14087" width="13.6640625" style="153" customWidth="1"/>
    <col min="14088" max="14089" width="13.44140625" style="153" customWidth="1"/>
    <col min="14090" max="14090" width="13.6640625" style="153" customWidth="1"/>
    <col min="14091" max="14091" width="13.44140625" style="153" customWidth="1"/>
    <col min="14092" max="14092" width="13" style="153" customWidth="1"/>
    <col min="14093" max="14094" width="9" style="153"/>
    <col min="14095" max="14095" width="9" style="153" customWidth="1"/>
    <col min="14096" max="14336" width="9" style="153"/>
    <col min="14337" max="14337" width="9.109375" style="153" customWidth="1"/>
    <col min="14338" max="14338" width="2.33203125" style="153" customWidth="1"/>
    <col min="14339" max="14339" width="18" style="153" customWidth="1"/>
    <col min="14340" max="14340" width="13.6640625" style="153" customWidth="1"/>
    <col min="14341" max="14341" width="13.44140625" style="153" customWidth="1"/>
    <col min="14342" max="14343" width="13.6640625" style="153" customWidth="1"/>
    <col min="14344" max="14345" width="13.44140625" style="153" customWidth="1"/>
    <col min="14346" max="14346" width="13.6640625" style="153" customWidth="1"/>
    <col min="14347" max="14347" width="13.44140625" style="153" customWidth="1"/>
    <col min="14348" max="14348" width="13" style="153" customWidth="1"/>
    <col min="14349" max="14350" width="9" style="153"/>
    <col min="14351" max="14351" width="9" style="153" customWidth="1"/>
    <col min="14352" max="14592" width="9" style="153"/>
    <col min="14593" max="14593" width="9.109375" style="153" customWidth="1"/>
    <col min="14594" max="14594" width="2.33203125" style="153" customWidth="1"/>
    <col min="14595" max="14595" width="18" style="153" customWidth="1"/>
    <col min="14596" max="14596" width="13.6640625" style="153" customWidth="1"/>
    <col min="14597" max="14597" width="13.44140625" style="153" customWidth="1"/>
    <col min="14598" max="14599" width="13.6640625" style="153" customWidth="1"/>
    <col min="14600" max="14601" width="13.44140625" style="153" customWidth="1"/>
    <col min="14602" max="14602" width="13.6640625" style="153" customWidth="1"/>
    <col min="14603" max="14603" width="13.44140625" style="153" customWidth="1"/>
    <col min="14604" max="14604" width="13" style="153" customWidth="1"/>
    <col min="14605" max="14606" width="9" style="153"/>
    <col min="14607" max="14607" width="9" style="153" customWidth="1"/>
    <col min="14608" max="14848" width="9" style="153"/>
    <col min="14849" max="14849" width="9.109375" style="153" customWidth="1"/>
    <col min="14850" max="14850" width="2.33203125" style="153" customWidth="1"/>
    <col min="14851" max="14851" width="18" style="153" customWidth="1"/>
    <col min="14852" max="14852" width="13.6640625" style="153" customWidth="1"/>
    <col min="14853" max="14853" width="13.44140625" style="153" customWidth="1"/>
    <col min="14854" max="14855" width="13.6640625" style="153" customWidth="1"/>
    <col min="14856" max="14857" width="13.44140625" style="153" customWidth="1"/>
    <col min="14858" max="14858" width="13.6640625" style="153" customWidth="1"/>
    <col min="14859" max="14859" width="13.44140625" style="153" customWidth="1"/>
    <col min="14860" max="14860" width="13" style="153" customWidth="1"/>
    <col min="14861" max="14862" width="9" style="153"/>
    <col min="14863" max="14863" width="9" style="153" customWidth="1"/>
    <col min="14864" max="15104" width="9" style="153"/>
    <col min="15105" max="15105" width="9.109375" style="153" customWidth="1"/>
    <col min="15106" max="15106" width="2.33203125" style="153" customWidth="1"/>
    <col min="15107" max="15107" width="18" style="153" customWidth="1"/>
    <col min="15108" max="15108" width="13.6640625" style="153" customWidth="1"/>
    <col min="15109" max="15109" width="13.44140625" style="153" customWidth="1"/>
    <col min="15110" max="15111" width="13.6640625" style="153" customWidth="1"/>
    <col min="15112" max="15113" width="13.44140625" style="153" customWidth="1"/>
    <col min="15114" max="15114" width="13.6640625" style="153" customWidth="1"/>
    <col min="15115" max="15115" width="13.44140625" style="153" customWidth="1"/>
    <col min="15116" max="15116" width="13" style="153" customWidth="1"/>
    <col min="15117" max="15118" width="9" style="153"/>
    <col min="15119" max="15119" width="9" style="153" customWidth="1"/>
    <col min="15120" max="15360" width="9" style="153"/>
    <col min="15361" max="15361" width="9.109375" style="153" customWidth="1"/>
    <col min="15362" max="15362" width="2.33203125" style="153" customWidth="1"/>
    <col min="15363" max="15363" width="18" style="153" customWidth="1"/>
    <col min="15364" max="15364" width="13.6640625" style="153" customWidth="1"/>
    <col min="15365" max="15365" width="13.44140625" style="153" customWidth="1"/>
    <col min="15366" max="15367" width="13.6640625" style="153" customWidth="1"/>
    <col min="15368" max="15369" width="13.44140625" style="153" customWidth="1"/>
    <col min="15370" max="15370" width="13.6640625" style="153" customWidth="1"/>
    <col min="15371" max="15371" width="13.44140625" style="153" customWidth="1"/>
    <col min="15372" max="15372" width="13" style="153" customWidth="1"/>
    <col min="15373" max="15374" width="9" style="153"/>
    <col min="15375" max="15375" width="9" style="153" customWidth="1"/>
    <col min="15376" max="15616" width="9" style="153"/>
    <col min="15617" max="15617" width="9.109375" style="153" customWidth="1"/>
    <col min="15618" max="15618" width="2.33203125" style="153" customWidth="1"/>
    <col min="15619" max="15619" width="18" style="153" customWidth="1"/>
    <col min="15620" max="15620" width="13.6640625" style="153" customWidth="1"/>
    <col min="15621" max="15621" width="13.44140625" style="153" customWidth="1"/>
    <col min="15622" max="15623" width="13.6640625" style="153" customWidth="1"/>
    <col min="15624" max="15625" width="13.44140625" style="153" customWidth="1"/>
    <col min="15626" max="15626" width="13.6640625" style="153" customWidth="1"/>
    <col min="15627" max="15627" width="13.44140625" style="153" customWidth="1"/>
    <col min="15628" max="15628" width="13" style="153" customWidth="1"/>
    <col min="15629" max="15630" width="9" style="153"/>
    <col min="15631" max="15631" width="9" style="153" customWidth="1"/>
    <col min="15632" max="15872" width="9" style="153"/>
    <col min="15873" max="15873" width="9.109375" style="153" customWidth="1"/>
    <col min="15874" max="15874" width="2.33203125" style="153" customWidth="1"/>
    <col min="15875" max="15875" width="18" style="153" customWidth="1"/>
    <col min="15876" max="15876" width="13.6640625" style="153" customWidth="1"/>
    <col min="15877" max="15877" width="13.44140625" style="153" customWidth="1"/>
    <col min="15878" max="15879" width="13.6640625" style="153" customWidth="1"/>
    <col min="15880" max="15881" width="13.44140625" style="153" customWidth="1"/>
    <col min="15882" max="15882" width="13.6640625" style="153" customWidth="1"/>
    <col min="15883" max="15883" width="13.44140625" style="153" customWidth="1"/>
    <col min="15884" max="15884" width="13" style="153" customWidth="1"/>
    <col min="15885" max="15886" width="9" style="153"/>
    <col min="15887" max="15887" width="9" style="153" customWidth="1"/>
    <col min="15888" max="16128" width="9" style="153"/>
    <col min="16129" max="16129" width="9.109375" style="153" customWidth="1"/>
    <col min="16130" max="16130" width="2.33203125" style="153" customWidth="1"/>
    <col min="16131" max="16131" width="18" style="153" customWidth="1"/>
    <col min="16132" max="16132" width="13.6640625" style="153" customWidth="1"/>
    <col min="16133" max="16133" width="13.44140625" style="153" customWidth="1"/>
    <col min="16134" max="16135" width="13.6640625" style="153" customWidth="1"/>
    <col min="16136" max="16137" width="13.44140625" style="153" customWidth="1"/>
    <col min="16138" max="16138" width="13.6640625" style="153" customWidth="1"/>
    <col min="16139" max="16139" width="13.44140625" style="153" customWidth="1"/>
    <col min="16140" max="16140" width="13" style="153" customWidth="1"/>
    <col min="16141" max="16142" width="9" style="153"/>
    <col min="16143" max="16143" width="9" style="153" customWidth="1"/>
    <col min="16144" max="16384" width="9" style="153"/>
  </cols>
  <sheetData>
    <row r="1" spans="1:12" ht="17.25" customHeight="1" x14ac:dyDescent="0.2">
      <c r="A1" s="494" t="s">
        <v>284</v>
      </c>
      <c r="B1" s="495"/>
      <c r="C1" s="493"/>
      <c r="D1" s="493"/>
      <c r="E1" s="493"/>
      <c r="F1" s="493"/>
      <c r="G1" s="493"/>
      <c r="H1" s="493"/>
      <c r="I1" s="493"/>
      <c r="J1" s="493"/>
      <c r="K1" s="493"/>
      <c r="L1" s="493"/>
    </row>
    <row r="2" spans="1:12" ht="19.8" thickBot="1" x14ac:dyDescent="0.25">
      <c r="A2" s="2183" t="s">
        <v>433</v>
      </c>
      <c r="B2" s="2183"/>
      <c r="C2" s="2183"/>
      <c r="D2" s="2183"/>
      <c r="E2" s="2183"/>
      <c r="F2" s="2183"/>
      <c r="G2" s="2183"/>
      <c r="H2" s="2183"/>
      <c r="I2" s="2183"/>
      <c r="J2" s="2183"/>
      <c r="K2" s="2183"/>
      <c r="L2" s="2183"/>
    </row>
    <row r="3" spans="1:12" ht="30" customHeight="1" thickBot="1" x14ac:dyDescent="0.25">
      <c r="A3" s="1596" t="s">
        <v>305</v>
      </c>
      <c r="B3" s="1597"/>
      <c r="C3" s="2184"/>
      <c r="D3" s="2185"/>
      <c r="E3" s="2186"/>
      <c r="F3" s="2186"/>
      <c r="G3" s="2186"/>
      <c r="H3" s="2186"/>
      <c r="I3" s="2186"/>
      <c r="J3" s="2186"/>
      <c r="K3" s="2186"/>
      <c r="L3" s="2187"/>
    </row>
    <row r="4" spans="1:12" ht="30" customHeight="1" x14ac:dyDescent="0.2">
      <c r="A4" s="2188" t="s">
        <v>306</v>
      </c>
      <c r="B4" s="2189"/>
      <c r="C4" s="2190"/>
      <c r="D4" s="2191"/>
      <c r="E4" s="2192"/>
      <c r="F4" s="2192"/>
      <c r="G4" s="2192"/>
      <c r="H4" s="2192"/>
      <c r="I4" s="2192"/>
      <c r="J4" s="2192"/>
      <c r="K4" s="2192"/>
      <c r="L4" s="2193"/>
    </row>
    <row r="5" spans="1:12" ht="30" customHeight="1" x14ac:dyDescent="0.2">
      <c r="A5" s="1606" t="s">
        <v>126</v>
      </c>
      <c r="B5" s="1607"/>
      <c r="C5" s="2196"/>
      <c r="D5" s="2191"/>
      <c r="E5" s="2192"/>
      <c r="F5" s="2192"/>
      <c r="G5" s="2192"/>
      <c r="H5" s="2192"/>
      <c r="I5" s="2192"/>
      <c r="J5" s="2192"/>
      <c r="K5" s="2192"/>
      <c r="L5" s="2193"/>
    </row>
    <row r="6" spans="1:12" ht="30" customHeight="1" x14ac:dyDescent="0.2">
      <c r="A6" s="1611" t="s">
        <v>127</v>
      </c>
      <c r="B6" s="1612"/>
      <c r="C6" s="190" t="s">
        <v>128</v>
      </c>
      <c r="D6" s="2197"/>
      <c r="E6" s="2198"/>
      <c r="F6" s="2198"/>
      <c r="G6" s="2199"/>
      <c r="H6" s="2200" t="s">
        <v>129</v>
      </c>
      <c r="I6" s="2221"/>
      <c r="J6" s="2222"/>
      <c r="K6" s="2222"/>
      <c r="L6" s="2223"/>
    </row>
    <row r="7" spans="1:12" ht="30" customHeight="1" thickBot="1" x14ac:dyDescent="0.25">
      <c r="A7" s="1613"/>
      <c r="B7" s="1614"/>
      <c r="C7" s="492" t="s">
        <v>130</v>
      </c>
      <c r="D7" s="2224"/>
      <c r="E7" s="2225"/>
      <c r="F7" s="2225"/>
      <c r="G7" s="2226"/>
      <c r="H7" s="2201"/>
      <c r="I7" s="2221"/>
      <c r="J7" s="2222"/>
      <c r="K7" s="2222"/>
      <c r="L7" s="2223"/>
    </row>
    <row r="8" spans="1:12" ht="30" customHeight="1" thickTop="1" thickBot="1" x14ac:dyDescent="0.25">
      <c r="A8" s="1625" t="s">
        <v>307</v>
      </c>
      <c r="B8" s="159">
        <v>1</v>
      </c>
      <c r="C8" s="491" t="s">
        <v>213</v>
      </c>
      <c r="D8" s="2206"/>
      <c r="E8" s="2207"/>
      <c r="F8" s="2207"/>
      <c r="G8" s="2207"/>
      <c r="H8" s="2207"/>
      <c r="I8" s="2207"/>
      <c r="J8" s="2207"/>
      <c r="K8" s="2207"/>
      <c r="L8" s="2208"/>
    </row>
    <row r="9" spans="1:12" ht="27.9" customHeight="1" x14ac:dyDescent="0.2">
      <c r="A9" s="1626"/>
      <c r="B9" s="1629">
        <v>2</v>
      </c>
      <c r="C9" s="2227" t="s">
        <v>308</v>
      </c>
      <c r="D9" s="2228" t="s">
        <v>309</v>
      </c>
      <c r="E9" s="2229"/>
      <c r="F9" s="2232" t="s">
        <v>808</v>
      </c>
      <c r="G9" s="1633" t="s">
        <v>311</v>
      </c>
      <c r="H9" s="1634"/>
      <c r="I9" s="1634"/>
      <c r="J9" s="1634"/>
      <c r="K9" s="1635"/>
      <c r="L9" s="2234" t="s">
        <v>807</v>
      </c>
    </row>
    <row r="10" spans="1:12" ht="27.9" customHeight="1" x14ac:dyDescent="0.2">
      <c r="A10" s="1626"/>
      <c r="B10" s="1629"/>
      <c r="C10" s="2227"/>
      <c r="D10" s="2230"/>
      <c r="E10" s="2231"/>
      <c r="F10" s="2233"/>
      <c r="G10" s="162" t="s">
        <v>397</v>
      </c>
      <c r="H10" s="163" t="s">
        <v>398</v>
      </c>
      <c r="I10" s="490" t="s">
        <v>399</v>
      </c>
      <c r="J10" s="489" t="s">
        <v>806</v>
      </c>
      <c r="K10" s="488" t="s">
        <v>805</v>
      </c>
      <c r="L10" s="2235"/>
    </row>
    <row r="11" spans="1:12" ht="27.9" customHeight="1" x14ac:dyDescent="0.2">
      <c r="A11" s="1626"/>
      <c r="B11" s="1629"/>
      <c r="C11" s="2227"/>
      <c r="D11" s="2194"/>
      <c r="E11" s="2202"/>
      <c r="F11" s="194"/>
      <c r="G11" s="195"/>
      <c r="H11" s="196"/>
      <c r="I11" s="487"/>
      <c r="J11" s="486"/>
      <c r="K11" s="485"/>
      <c r="L11" s="478"/>
    </row>
    <row r="12" spans="1:12" ht="27.9" customHeight="1" x14ac:dyDescent="0.2">
      <c r="A12" s="1626"/>
      <c r="B12" s="1629"/>
      <c r="C12" s="2227"/>
      <c r="D12" s="2194"/>
      <c r="E12" s="2202"/>
      <c r="F12" s="194"/>
      <c r="G12" s="195"/>
      <c r="H12" s="196"/>
      <c r="I12" s="487"/>
      <c r="J12" s="486"/>
      <c r="K12" s="485"/>
      <c r="L12" s="478"/>
    </row>
    <row r="13" spans="1:12" ht="27.9" customHeight="1" x14ac:dyDescent="0.2">
      <c r="A13" s="1626"/>
      <c r="B13" s="1629"/>
      <c r="C13" s="2227"/>
      <c r="D13" s="2194"/>
      <c r="E13" s="2202"/>
      <c r="F13" s="194"/>
      <c r="G13" s="195"/>
      <c r="H13" s="196"/>
      <c r="I13" s="487"/>
      <c r="J13" s="486"/>
      <c r="K13" s="485"/>
      <c r="L13" s="478"/>
    </row>
    <row r="14" spans="1:12" ht="27.9" customHeight="1" x14ac:dyDescent="0.2">
      <c r="A14" s="1626"/>
      <c r="B14" s="1629"/>
      <c r="C14" s="2227"/>
      <c r="D14" s="2194"/>
      <c r="E14" s="2195"/>
      <c r="F14" s="484"/>
      <c r="G14" s="483"/>
      <c r="H14" s="482"/>
      <c r="I14" s="481"/>
      <c r="J14" s="480"/>
      <c r="K14" s="485"/>
      <c r="L14" s="478"/>
    </row>
    <row r="15" spans="1:12" ht="27.9" customHeight="1" x14ac:dyDescent="0.2">
      <c r="A15" s="1626"/>
      <c r="B15" s="1629"/>
      <c r="C15" s="2227"/>
      <c r="D15" s="2194"/>
      <c r="E15" s="2195"/>
      <c r="F15" s="484"/>
      <c r="G15" s="483"/>
      <c r="H15" s="482"/>
      <c r="I15" s="481"/>
      <c r="J15" s="480"/>
      <c r="K15" s="479"/>
      <c r="L15" s="478"/>
    </row>
    <row r="16" spans="1:12" ht="30" customHeight="1" thickBot="1" x14ac:dyDescent="0.25">
      <c r="A16" s="1626"/>
      <c r="B16" s="1629"/>
      <c r="C16" s="2227"/>
      <c r="D16" s="2242" t="s">
        <v>63</v>
      </c>
      <c r="E16" s="2243"/>
      <c r="F16" s="477"/>
      <c r="G16" s="476"/>
      <c r="H16" s="475"/>
      <c r="I16" s="474"/>
      <c r="J16" s="473"/>
      <c r="K16" s="472"/>
      <c r="L16" s="471"/>
    </row>
    <row r="17" spans="1:12" ht="30" customHeight="1" x14ac:dyDescent="0.2">
      <c r="A17" s="1626"/>
      <c r="B17" s="2236">
        <v>3</v>
      </c>
      <c r="C17" s="2244" t="s">
        <v>804</v>
      </c>
      <c r="D17" s="256" t="s">
        <v>312</v>
      </c>
      <c r="E17" s="2249"/>
      <c r="F17" s="2250"/>
      <c r="G17" s="2250"/>
      <c r="H17" s="2250"/>
      <c r="I17" s="2250"/>
      <c r="J17" s="2250"/>
      <c r="K17" s="2250"/>
      <c r="L17" s="2251"/>
    </row>
    <row r="18" spans="1:12" ht="30" customHeight="1" x14ac:dyDescent="0.2">
      <c r="A18" s="1626"/>
      <c r="B18" s="2237"/>
      <c r="C18" s="2245"/>
      <c r="D18" s="256" t="s">
        <v>313</v>
      </c>
      <c r="E18" s="2203"/>
      <c r="F18" s="2204"/>
      <c r="G18" s="2204"/>
      <c r="H18" s="2204"/>
      <c r="I18" s="2204"/>
      <c r="J18" s="2204"/>
      <c r="K18" s="2204"/>
      <c r="L18" s="2205"/>
    </row>
    <row r="19" spans="1:12" ht="30" customHeight="1" x14ac:dyDescent="0.2">
      <c r="A19" s="1626"/>
      <c r="B19" s="2237"/>
      <c r="C19" s="2245"/>
      <c r="D19" s="256" t="s">
        <v>314</v>
      </c>
      <c r="E19" s="2203"/>
      <c r="F19" s="2204"/>
      <c r="G19" s="2204"/>
      <c r="H19" s="2204"/>
      <c r="I19" s="2204"/>
      <c r="J19" s="2204"/>
      <c r="K19" s="2204"/>
      <c r="L19" s="2205"/>
    </row>
    <row r="20" spans="1:12" ht="30" customHeight="1" x14ac:dyDescent="0.2">
      <c r="A20" s="1626"/>
      <c r="B20" s="2237"/>
      <c r="C20" s="2245"/>
      <c r="D20" s="256" t="s">
        <v>803</v>
      </c>
      <c r="E20" s="2203"/>
      <c r="F20" s="2204"/>
      <c r="G20" s="2204"/>
      <c r="H20" s="2204"/>
      <c r="I20" s="2204"/>
      <c r="J20" s="2204"/>
      <c r="K20" s="2204"/>
      <c r="L20" s="2205"/>
    </row>
    <row r="21" spans="1:12" ht="30" customHeight="1" x14ac:dyDescent="0.2">
      <c r="A21" s="1626"/>
      <c r="B21" s="2238"/>
      <c r="C21" s="2246"/>
      <c r="D21" s="256" t="s">
        <v>802</v>
      </c>
      <c r="E21" s="2203"/>
      <c r="F21" s="2204"/>
      <c r="G21" s="2204"/>
      <c r="H21" s="2204"/>
      <c r="I21" s="2204"/>
      <c r="J21" s="2204"/>
      <c r="K21" s="2204"/>
      <c r="L21" s="2205"/>
    </row>
    <row r="22" spans="1:12" ht="30" customHeight="1" x14ac:dyDescent="0.2">
      <c r="A22" s="1626"/>
      <c r="B22" s="2236">
        <v>4</v>
      </c>
      <c r="C22" s="2239" t="s">
        <v>315</v>
      </c>
      <c r="D22" s="256" t="s">
        <v>312</v>
      </c>
      <c r="E22" s="2203"/>
      <c r="F22" s="2204"/>
      <c r="G22" s="2204"/>
      <c r="H22" s="2204"/>
      <c r="I22" s="2204"/>
      <c r="J22" s="2204"/>
      <c r="K22" s="2204"/>
      <c r="L22" s="2205"/>
    </row>
    <row r="23" spans="1:12" ht="30" customHeight="1" x14ac:dyDescent="0.2">
      <c r="A23" s="1626"/>
      <c r="B23" s="2237"/>
      <c r="C23" s="2240"/>
      <c r="D23" s="256" t="s">
        <v>313</v>
      </c>
      <c r="E23" s="2203"/>
      <c r="F23" s="2204"/>
      <c r="G23" s="2204"/>
      <c r="H23" s="2204"/>
      <c r="I23" s="2204"/>
      <c r="J23" s="2204"/>
      <c r="K23" s="2204"/>
      <c r="L23" s="2205"/>
    </row>
    <row r="24" spans="1:12" ht="30" customHeight="1" x14ac:dyDescent="0.2">
      <c r="A24" s="1626"/>
      <c r="B24" s="2237"/>
      <c r="C24" s="2240"/>
      <c r="D24" s="256" t="s">
        <v>314</v>
      </c>
      <c r="E24" s="2203"/>
      <c r="F24" s="2204"/>
      <c r="G24" s="2204"/>
      <c r="H24" s="2204"/>
      <c r="I24" s="2204"/>
      <c r="J24" s="2204"/>
      <c r="K24" s="2204"/>
      <c r="L24" s="2205"/>
    </row>
    <row r="25" spans="1:12" ht="30" customHeight="1" x14ac:dyDescent="0.2">
      <c r="A25" s="1626"/>
      <c r="B25" s="2237"/>
      <c r="C25" s="2240"/>
      <c r="D25" s="256" t="s">
        <v>803</v>
      </c>
      <c r="E25" s="2203"/>
      <c r="F25" s="2204"/>
      <c r="G25" s="2204"/>
      <c r="H25" s="2204"/>
      <c r="I25" s="2204"/>
      <c r="J25" s="2204"/>
      <c r="K25" s="2204"/>
      <c r="L25" s="2205"/>
    </row>
    <row r="26" spans="1:12" ht="30" customHeight="1" x14ac:dyDescent="0.2">
      <c r="A26" s="1626"/>
      <c r="B26" s="2238"/>
      <c r="C26" s="2241"/>
      <c r="D26" s="256" t="s">
        <v>802</v>
      </c>
      <c r="E26" s="2203"/>
      <c r="F26" s="2204"/>
      <c r="G26" s="2204"/>
      <c r="H26" s="2204"/>
      <c r="I26" s="2204"/>
      <c r="J26" s="2204"/>
      <c r="K26" s="2204"/>
      <c r="L26" s="2205"/>
    </row>
    <row r="27" spans="1:12" ht="30" customHeight="1" x14ac:dyDescent="0.2">
      <c r="A27" s="1626"/>
      <c r="B27" s="2236">
        <v>5</v>
      </c>
      <c r="C27" s="2239" t="s">
        <v>316</v>
      </c>
      <c r="D27" s="256" t="s">
        <v>312</v>
      </c>
      <c r="E27" s="2203"/>
      <c r="F27" s="2204"/>
      <c r="G27" s="2204"/>
      <c r="H27" s="2204"/>
      <c r="I27" s="2204"/>
      <c r="J27" s="2204"/>
      <c r="K27" s="2204"/>
      <c r="L27" s="2205"/>
    </row>
    <row r="28" spans="1:12" ht="30" customHeight="1" x14ac:dyDescent="0.2">
      <c r="A28" s="1626"/>
      <c r="B28" s="2237"/>
      <c r="C28" s="2240"/>
      <c r="D28" s="256" t="s">
        <v>313</v>
      </c>
      <c r="E28" s="2203"/>
      <c r="F28" s="2204"/>
      <c r="G28" s="2204"/>
      <c r="H28" s="2204"/>
      <c r="I28" s="2204"/>
      <c r="J28" s="2204"/>
      <c r="K28" s="2204"/>
      <c r="L28" s="2205"/>
    </row>
    <row r="29" spans="1:12" ht="30" customHeight="1" x14ac:dyDescent="0.2">
      <c r="A29" s="1626"/>
      <c r="B29" s="2237"/>
      <c r="C29" s="2240"/>
      <c r="D29" s="256" t="s">
        <v>314</v>
      </c>
      <c r="E29" s="2203"/>
      <c r="F29" s="2204"/>
      <c r="G29" s="2204"/>
      <c r="H29" s="2204"/>
      <c r="I29" s="2204"/>
      <c r="J29" s="2204"/>
      <c r="K29" s="2204"/>
      <c r="L29" s="2205"/>
    </row>
    <row r="30" spans="1:12" ht="30" customHeight="1" x14ac:dyDescent="0.2">
      <c r="A30" s="1626"/>
      <c r="B30" s="2237"/>
      <c r="C30" s="2240"/>
      <c r="D30" s="256" t="s">
        <v>803</v>
      </c>
      <c r="E30" s="2203"/>
      <c r="F30" s="2204"/>
      <c r="G30" s="2204"/>
      <c r="H30" s="2204"/>
      <c r="I30" s="2204"/>
      <c r="J30" s="2204"/>
      <c r="K30" s="2204"/>
      <c r="L30" s="2205"/>
    </row>
    <row r="31" spans="1:12" ht="30" customHeight="1" x14ac:dyDescent="0.2">
      <c r="A31" s="1626"/>
      <c r="B31" s="2238"/>
      <c r="C31" s="2241"/>
      <c r="D31" s="256" t="s">
        <v>802</v>
      </c>
      <c r="E31" s="2203"/>
      <c r="F31" s="2204"/>
      <c r="G31" s="2204"/>
      <c r="H31" s="2204"/>
      <c r="I31" s="2204"/>
      <c r="J31" s="2204"/>
      <c r="K31" s="2204"/>
      <c r="L31" s="2205"/>
    </row>
    <row r="32" spans="1:12" ht="19.5" customHeight="1" x14ac:dyDescent="0.2">
      <c r="A32" s="1626"/>
      <c r="B32" s="1629">
        <v>6</v>
      </c>
      <c r="C32" s="2252" t="s">
        <v>317</v>
      </c>
      <c r="D32" s="2209"/>
      <c r="E32" s="2210"/>
      <c r="F32" s="2210"/>
      <c r="G32" s="2210"/>
      <c r="H32" s="2210"/>
      <c r="I32" s="2210"/>
      <c r="J32" s="2210"/>
      <c r="K32" s="2210"/>
      <c r="L32" s="2211"/>
    </row>
    <row r="33" spans="1:12" ht="19.5" customHeight="1" x14ac:dyDescent="0.2">
      <c r="A33" s="1626"/>
      <c r="B33" s="1629"/>
      <c r="C33" s="2252"/>
      <c r="D33" s="2212"/>
      <c r="E33" s="2213"/>
      <c r="F33" s="2213"/>
      <c r="G33" s="2213"/>
      <c r="H33" s="2213"/>
      <c r="I33" s="2213"/>
      <c r="J33" s="2213"/>
      <c r="K33" s="2213"/>
      <c r="L33" s="2214"/>
    </row>
    <row r="34" spans="1:12" ht="19.5" customHeight="1" x14ac:dyDescent="0.2">
      <c r="A34" s="1626"/>
      <c r="B34" s="2215">
        <v>7</v>
      </c>
      <c r="C34" s="2216" t="s">
        <v>200</v>
      </c>
      <c r="D34" s="2218"/>
      <c r="E34" s="2219"/>
      <c r="F34" s="2219"/>
      <c r="G34" s="2219"/>
      <c r="H34" s="2219"/>
      <c r="I34" s="2219"/>
      <c r="J34" s="2219"/>
      <c r="K34" s="2219"/>
      <c r="L34" s="2220"/>
    </row>
    <row r="35" spans="1:12" ht="19.5" customHeight="1" thickBot="1" x14ac:dyDescent="0.25">
      <c r="A35" s="1653"/>
      <c r="B35" s="2215"/>
      <c r="C35" s="2217"/>
      <c r="D35" s="2218"/>
      <c r="E35" s="2219"/>
      <c r="F35" s="2219"/>
      <c r="G35" s="2219"/>
      <c r="H35" s="2219"/>
      <c r="I35" s="2219"/>
      <c r="J35" s="2219"/>
      <c r="K35" s="2219"/>
      <c r="L35" s="2220"/>
    </row>
    <row r="36" spans="1:12" ht="36" customHeight="1" x14ac:dyDescent="0.2">
      <c r="A36" s="2263" t="s">
        <v>318</v>
      </c>
      <c r="B36" s="144">
        <v>1</v>
      </c>
      <c r="C36" s="191" t="s">
        <v>434</v>
      </c>
      <c r="D36" s="2253"/>
      <c r="E36" s="2253"/>
      <c r="F36" s="2253"/>
      <c r="G36" s="2253"/>
      <c r="H36" s="2253"/>
      <c r="I36" s="2253"/>
      <c r="J36" s="2254"/>
      <c r="K36" s="2254"/>
      <c r="L36" s="2255"/>
    </row>
    <row r="37" spans="1:12" ht="36" customHeight="1" x14ac:dyDescent="0.2">
      <c r="A37" s="2264"/>
      <c r="B37" s="143">
        <v>2</v>
      </c>
      <c r="C37" s="143" t="s">
        <v>225</v>
      </c>
      <c r="D37" s="2203"/>
      <c r="E37" s="2258"/>
      <c r="F37" s="2203"/>
      <c r="G37" s="2258"/>
      <c r="H37" s="2259"/>
      <c r="I37" s="1629"/>
      <c r="J37" s="2259"/>
      <c r="K37" s="1629"/>
      <c r="L37" s="2256"/>
    </row>
    <row r="38" spans="1:12" ht="36" customHeight="1" x14ac:dyDescent="0.2">
      <c r="A38" s="2264"/>
      <c r="B38" s="143">
        <v>3</v>
      </c>
      <c r="C38" s="192" t="s">
        <v>214</v>
      </c>
      <c r="D38" s="2259"/>
      <c r="E38" s="1629"/>
      <c r="F38" s="2259"/>
      <c r="G38" s="1629"/>
      <c r="H38" s="2203"/>
      <c r="I38" s="2258"/>
      <c r="J38" s="2259"/>
      <c r="K38" s="1629"/>
      <c r="L38" s="2257"/>
    </row>
    <row r="39" spans="1:12" ht="36" customHeight="1" thickBot="1" x14ac:dyDescent="0.25">
      <c r="A39" s="2265"/>
      <c r="B39" s="193">
        <v>4</v>
      </c>
      <c r="C39" s="193" t="s">
        <v>200</v>
      </c>
      <c r="D39" s="2260"/>
      <c r="E39" s="2261"/>
      <c r="F39" s="2261"/>
      <c r="G39" s="2261"/>
      <c r="H39" s="2261"/>
      <c r="I39" s="2261"/>
      <c r="J39" s="2261"/>
      <c r="K39" s="2261"/>
      <c r="L39" s="2262"/>
    </row>
    <row r="40" spans="1:12" ht="36" customHeight="1" x14ac:dyDescent="0.2">
      <c r="A40" s="1652" t="s">
        <v>801</v>
      </c>
      <c r="B40" s="2272">
        <v>1</v>
      </c>
      <c r="C40" s="2274" t="s">
        <v>800</v>
      </c>
      <c r="D40" s="470"/>
      <c r="E40" s="2277" t="s">
        <v>434</v>
      </c>
      <c r="F40" s="2278"/>
      <c r="G40" s="170" t="s">
        <v>799</v>
      </c>
      <c r="H40" s="2277" t="s">
        <v>434</v>
      </c>
      <c r="I40" s="2278"/>
      <c r="J40" s="469" t="s">
        <v>798</v>
      </c>
      <c r="K40" s="468" t="s">
        <v>797</v>
      </c>
      <c r="L40" s="2279"/>
    </row>
    <row r="41" spans="1:12" ht="30" customHeight="1" x14ac:dyDescent="0.2">
      <c r="A41" s="1626"/>
      <c r="B41" s="2248"/>
      <c r="C41" s="2275"/>
      <c r="D41" s="2236" t="s">
        <v>796</v>
      </c>
      <c r="E41" s="2203"/>
      <c r="F41" s="2258"/>
      <c r="G41" s="259"/>
      <c r="H41" s="2203"/>
      <c r="I41" s="2258"/>
      <c r="J41" s="258"/>
      <c r="K41" s="2282"/>
      <c r="L41" s="2280"/>
    </row>
    <row r="42" spans="1:12" ht="30" customHeight="1" x14ac:dyDescent="0.2">
      <c r="A42" s="1626"/>
      <c r="B42" s="2248"/>
      <c r="C42" s="2275"/>
      <c r="D42" s="2238"/>
      <c r="E42" s="2203"/>
      <c r="F42" s="2258"/>
      <c r="G42" s="259"/>
      <c r="H42" s="2259"/>
      <c r="I42" s="1629"/>
      <c r="J42" s="467"/>
      <c r="K42" s="2283"/>
      <c r="L42" s="2280"/>
    </row>
    <row r="43" spans="1:12" ht="30" customHeight="1" x14ac:dyDescent="0.2">
      <c r="A43" s="1626"/>
      <c r="B43" s="2248"/>
      <c r="C43" s="2275"/>
      <c r="D43" s="2236" t="s">
        <v>795</v>
      </c>
      <c r="E43" s="2203"/>
      <c r="F43" s="2258"/>
      <c r="G43" s="259"/>
      <c r="H43" s="2259"/>
      <c r="I43" s="1629"/>
      <c r="J43" s="467"/>
      <c r="K43" s="2284"/>
      <c r="L43" s="2280"/>
    </row>
    <row r="44" spans="1:12" ht="30" customHeight="1" x14ac:dyDescent="0.2">
      <c r="A44" s="1626"/>
      <c r="B44" s="2273"/>
      <c r="C44" s="2276"/>
      <c r="D44" s="2238"/>
      <c r="E44" s="2259"/>
      <c r="F44" s="1629"/>
      <c r="G44" s="256"/>
      <c r="H44" s="2259"/>
      <c r="I44" s="1629"/>
      <c r="J44" s="467"/>
      <c r="K44" s="2285"/>
      <c r="L44" s="2281"/>
    </row>
    <row r="45" spans="1:12" ht="30" customHeight="1" x14ac:dyDescent="0.2">
      <c r="A45" s="1626"/>
      <c r="B45" s="2247">
        <v>2</v>
      </c>
      <c r="C45" s="2267" t="s">
        <v>794</v>
      </c>
      <c r="D45" s="466" t="s">
        <v>792</v>
      </c>
      <c r="E45" s="2203"/>
      <c r="F45" s="2204"/>
      <c r="G45" s="2204"/>
      <c r="H45" s="2204"/>
      <c r="I45" s="2204"/>
      <c r="J45" s="2204"/>
      <c r="K45" s="2204"/>
      <c r="L45" s="2205"/>
    </row>
    <row r="46" spans="1:12" ht="30" customHeight="1" x14ac:dyDescent="0.2">
      <c r="A46" s="1626"/>
      <c r="B46" s="2248"/>
      <c r="C46" s="2275"/>
      <c r="D46" s="465" t="s">
        <v>791</v>
      </c>
      <c r="E46" s="2209"/>
      <c r="F46" s="2210"/>
      <c r="G46" s="2210"/>
      <c r="H46" s="2210"/>
      <c r="I46" s="2210"/>
      <c r="J46" s="2210"/>
      <c r="K46" s="2210"/>
      <c r="L46" s="2211"/>
    </row>
    <row r="47" spans="1:12" ht="30" customHeight="1" x14ac:dyDescent="0.2">
      <c r="A47" s="1626"/>
      <c r="B47" s="2247">
        <v>3</v>
      </c>
      <c r="C47" s="2267" t="s">
        <v>793</v>
      </c>
      <c r="D47" s="256" t="s">
        <v>792</v>
      </c>
      <c r="E47" s="2203"/>
      <c r="F47" s="2204"/>
      <c r="G47" s="2204"/>
      <c r="H47" s="2204"/>
      <c r="I47" s="2204"/>
      <c r="J47" s="2204"/>
      <c r="K47" s="2204"/>
      <c r="L47" s="2205"/>
    </row>
    <row r="48" spans="1:12" ht="30" customHeight="1" thickBot="1" x14ac:dyDescent="0.25">
      <c r="A48" s="1653"/>
      <c r="B48" s="2266"/>
      <c r="C48" s="2268"/>
      <c r="D48" s="257" t="s">
        <v>791</v>
      </c>
      <c r="E48" s="1658"/>
      <c r="F48" s="1659"/>
      <c r="G48" s="1659"/>
      <c r="H48" s="1659"/>
      <c r="I48" s="1659"/>
      <c r="J48" s="1659"/>
      <c r="K48" s="1659"/>
      <c r="L48" s="1660"/>
    </row>
    <row r="49" spans="1:12" ht="21" customHeight="1" x14ac:dyDescent="0.2">
      <c r="A49" s="2269" t="s">
        <v>319</v>
      </c>
      <c r="B49" s="2269"/>
      <c r="C49" s="2269"/>
      <c r="D49" s="2269"/>
      <c r="E49" s="2269"/>
      <c r="F49" s="2269"/>
      <c r="G49" s="2269"/>
      <c r="H49" s="2269"/>
      <c r="I49" s="2269"/>
      <c r="J49" s="2269"/>
      <c r="K49" s="2269"/>
      <c r="L49" s="2269"/>
    </row>
    <row r="50" spans="1:12" ht="25.5" customHeight="1" x14ac:dyDescent="0.2">
      <c r="A50" s="1650" t="s">
        <v>790</v>
      </c>
      <c r="B50" s="1650"/>
      <c r="C50" s="1650"/>
      <c r="D50" s="1650"/>
      <c r="E50" s="1650"/>
      <c r="F50" s="1650"/>
      <c r="G50" s="1650"/>
      <c r="H50" s="1650"/>
      <c r="I50" s="1650"/>
      <c r="J50" s="1650"/>
      <c r="K50" s="1650"/>
      <c r="L50" s="1650"/>
    </row>
    <row r="51" spans="1:12" ht="39.75" customHeight="1" x14ac:dyDescent="0.2">
      <c r="A51" s="1650" t="s">
        <v>789</v>
      </c>
      <c r="B51" s="1650"/>
      <c r="C51" s="1650"/>
      <c r="D51" s="1650"/>
      <c r="E51" s="1650"/>
      <c r="F51" s="1650"/>
      <c r="G51" s="1650"/>
      <c r="H51" s="1650"/>
      <c r="I51" s="1650"/>
      <c r="J51" s="1650"/>
      <c r="K51" s="1650"/>
      <c r="L51" s="1650"/>
    </row>
    <row r="52" spans="1:12" ht="35.25" customHeight="1" x14ac:dyDescent="0.2">
      <c r="A52" s="1650" t="s">
        <v>788</v>
      </c>
      <c r="B52" s="1650"/>
      <c r="C52" s="1650"/>
      <c r="D52" s="1650"/>
      <c r="E52" s="1650"/>
      <c r="F52" s="1650"/>
      <c r="G52" s="1650"/>
      <c r="H52" s="1650"/>
      <c r="I52" s="1650"/>
      <c r="J52" s="1650"/>
      <c r="K52" s="1650"/>
      <c r="L52" s="1650"/>
    </row>
    <row r="53" spans="1:12" ht="24.75" customHeight="1" x14ac:dyDescent="0.2">
      <c r="A53" s="1650" t="s">
        <v>787</v>
      </c>
      <c r="B53" s="1650"/>
      <c r="C53" s="1650"/>
      <c r="D53" s="1650"/>
      <c r="E53" s="1650"/>
      <c r="F53" s="1650"/>
      <c r="G53" s="1650"/>
      <c r="H53" s="1650"/>
      <c r="I53" s="1650"/>
      <c r="J53" s="1650"/>
      <c r="K53" s="1650"/>
      <c r="L53" s="1650"/>
    </row>
    <row r="54" spans="1:12" ht="21" customHeight="1" x14ac:dyDescent="0.2">
      <c r="A54" s="2271" t="s">
        <v>435</v>
      </c>
      <c r="B54" s="2271"/>
      <c r="C54" s="2271"/>
      <c r="D54" s="2271"/>
      <c r="E54" s="2271"/>
      <c r="F54" s="2271"/>
      <c r="G54" s="2271"/>
      <c r="H54" s="2271"/>
      <c r="I54" s="2271"/>
      <c r="J54" s="2271"/>
      <c r="K54" s="2271"/>
      <c r="L54" s="2271"/>
    </row>
    <row r="55" spans="1:12" x14ac:dyDescent="0.2">
      <c r="A55" s="2271" t="s">
        <v>320</v>
      </c>
      <c r="B55" s="2271"/>
      <c r="C55" s="2271"/>
      <c r="D55" s="2271"/>
      <c r="E55" s="2271"/>
      <c r="F55" s="2271"/>
      <c r="G55" s="2271"/>
      <c r="H55" s="2271"/>
      <c r="I55" s="2271"/>
      <c r="J55" s="2271"/>
      <c r="K55" s="2271"/>
      <c r="L55" s="2271"/>
    </row>
    <row r="56" spans="1:12" x14ac:dyDescent="0.2">
      <c r="A56" s="2270" t="s">
        <v>786</v>
      </c>
      <c r="B56" s="2270"/>
      <c r="C56" s="2270"/>
      <c r="D56" s="2270"/>
      <c r="E56" s="2270"/>
      <c r="F56" s="2270"/>
      <c r="G56" s="2270"/>
      <c r="H56" s="2270"/>
      <c r="I56" s="2270"/>
      <c r="J56" s="2270"/>
      <c r="K56" s="2270"/>
      <c r="L56" s="2270"/>
    </row>
    <row r="57" spans="1:12" x14ac:dyDescent="0.2">
      <c r="A57" s="1651" t="s">
        <v>785</v>
      </c>
      <c r="B57" s="2270"/>
      <c r="C57" s="2270"/>
      <c r="D57" s="2270"/>
      <c r="E57" s="2270"/>
      <c r="F57" s="2270"/>
      <c r="G57" s="2270"/>
      <c r="H57" s="2270"/>
      <c r="I57" s="2270"/>
      <c r="J57" s="2270"/>
      <c r="K57" s="2270"/>
      <c r="L57" s="2270"/>
    </row>
    <row r="58" spans="1:12" x14ac:dyDescent="0.2">
      <c r="A58" s="464" t="s">
        <v>784</v>
      </c>
    </row>
  </sheetData>
  <customSheetViews>
    <customSheetView guid="{FA98832E-F01A-4598-9960-E27C2FDAB118}" scale="80" showPageBreaks="1" printArea="1" view="pageBreakPreview">
      <selection activeCell="J20" sqref="J20"/>
      <pageMargins left="0.7" right="0.7" top="0.75" bottom="0.75" header="0.3" footer="0.3"/>
      <pageSetup paperSize="9" scale="58" orientation="portrait" r:id="rId1"/>
    </customSheetView>
    <customSheetView guid="{8494577A-77FB-45FD-BD2B-C737BCFAD5B3}" scale="80" showPageBreaks="1" printArea="1" view="pageBreakPreview">
      <selection activeCell="J20" sqref="J20"/>
      <pageMargins left="0.7" right="0.7" top="0.75" bottom="0.75" header="0.3" footer="0.3"/>
      <pageSetup paperSize="9" scale="58" orientation="portrait" r:id="rId2"/>
    </customSheetView>
  </customSheetViews>
  <mergeCells count="103">
    <mergeCell ref="B47:B48"/>
    <mergeCell ref="C47:C48"/>
    <mergeCell ref="E47:L47"/>
    <mergeCell ref="E48:L48"/>
    <mergeCell ref="A49:L49"/>
    <mergeCell ref="A50:L50"/>
    <mergeCell ref="A57:L57"/>
    <mergeCell ref="A51:L51"/>
    <mergeCell ref="A52:L52"/>
    <mergeCell ref="A53:L53"/>
    <mergeCell ref="A54:L54"/>
    <mergeCell ref="A55:L55"/>
    <mergeCell ref="A56:L56"/>
    <mergeCell ref="A40:A48"/>
    <mergeCell ref="B40:B44"/>
    <mergeCell ref="C40:C44"/>
    <mergeCell ref="E40:F40"/>
    <mergeCell ref="H40:I40"/>
    <mergeCell ref="C45:C46"/>
    <mergeCell ref="E45:L45"/>
    <mergeCell ref="E46:L46"/>
    <mergeCell ref="L40:L44"/>
    <mergeCell ref="K41:K42"/>
    <mergeCell ref="K43:K44"/>
    <mergeCell ref="E25:L25"/>
    <mergeCell ref="E26:L26"/>
    <mergeCell ref="A36:A39"/>
    <mergeCell ref="D36:E36"/>
    <mergeCell ref="F36:G36"/>
    <mergeCell ref="D43:D44"/>
    <mergeCell ref="E43:F43"/>
    <mergeCell ref="H43:I43"/>
    <mergeCell ref="D38:E38"/>
    <mergeCell ref="F38:G38"/>
    <mergeCell ref="H38:I38"/>
    <mergeCell ref="D41:D42"/>
    <mergeCell ref="E41:F41"/>
    <mergeCell ref="H41:I41"/>
    <mergeCell ref="E42:F42"/>
    <mergeCell ref="H42:I42"/>
    <mergeCell ref="E44:F44"/>
    <mergeCell ref="H44:I44"/>
    <mergeCell ref="D16:E16"/>
    <mergeCell ref="B17:B21"/>
    <mergeCell ref="C17:C21"/>
    <mergeCell ref="B45:B46"/>
    <mergeCell ref="E17:L17"/>
    <mergeCell ref="E18:L18"/>
    <mergeCell ref="E19:L19"/>
    <mergeCell ref="E20:L20"/>
    <mergeCell ref="B32:B33"/>
    <mergeCell ref="C32:C33"/>
    <mergeCell ref="H36:I36"/>
    <mergeCell ref="J36:K36"/>
    <mergeCell ref="L36:L38"/>
    <mergeCell ref="D37:E37"/>
    <mergeCell ref="F37:G37"/>
    <mergeCell ref="H37:I37"/>
    <mergeCell ref="J37:K37"/>
    <mergeCell ref="J38:K38"/>
    <mergeCell ref="D39:L39"/>
    <mergeCell ref="B22:B26"/>
    <mergeCell ref="C22:C26"/>
    <mergeCell ref="E22:L22"/>
    <mergeCell ref="E23:L23"/>
    <mergeCell ref="E24:L24"/>
    <mergeCell ref="E21:L21"/>
    <mergeCell ref="A8:A35"/>
    <mergeCell ref="D8:L8"/>
    <mergeCell ref="D32:L33"/>
    <mergeCell ref="B34:B35"/>
    <mergeCell ref="C34:C35"/>
    <mergeCell ref="D34:L35"/>
    <mergeCell ref="I6:L7"/>
    <mergeCell ref="D7:G7"/>
    <mergeCell ref="D13:E13"/>
    <mergeCell ref="E31:L31"/>
    <mergeCell ref="B9:B16"/>
    <mergeCell ref="C9:C16"/>
    <mergeCell ref="D9:E10"/>
    <mergeCell ref="F9:F10"/>
    <mergeCell ref="G9:K9"/>
    <mergeCell ref="L9:L10"/>
    <mergeCell ref="D11:E11"/>
    <mergeCell ref="B27:B31"/>
    <mergeCell ref="C27:C31"/>
    <mergeCell ref="E27:L27"/>
    <mergeCell ref="E28:L28"/>
    <mergeCell ref="E29:L29"/>
    <mergeCell ref="E30:L30"/>
    <mergeCell ref="A2:L2"/>
    <mergeCell ref="A3:C3"/>
    <mergeCell ref="D3:L3"/>
    <mergeCell ref="A4:C4"/>
    <mergeCell ref="D4:L4"/>
    <mergeCell ref="D14:E14"/>
    <mergeCell ref="D15:E15"/>
    <mergeCell ref="A5:C5"/>
    <mergeCell ref="D5:L5"/>
    <mergeCell ref="A6:B7"/>
    <mergeCell ref="D6:G6"/>
    <mergeCell ref="H6:H7"/>
    <mergeCell ref="D12:E12"/>
  </mergeCells>
  <phoneticPr fontId="6"/>
  <pageMargins left="0.7" right="0.7" top="0.75" bottom="0.75" header="0.3" footer="0.3"/>
  <pageSetup paperSize="9" scale="58" orientation="portrait" r:id="rId3"/>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8"/>
  <sheetViews>
    <sheetView view="pageBreakPreview" zoomScale="80" zoomScaleNormal="100" zoomScaleSheetLayoutView="80" workbookViewId="0">
      <selection activeCell="E20" sqref="E20:L20"/>
    </sheetView>
  </sheetViews>
  <sheetFormatPr defaultRowHeight="13.2" x14ac:dyDescent="0.2"/>
  <cols>
    <col min="1" max="1" width="9.109375" style="153" customWidth="1"/>
    <col min="2" max="2" width="2.33203125" style="153" customWidth="1"/>
    <col min="3" max="3" width="18" style="153" customWidth="1"/>
    <col min="4" max="4" width="13.6640625" style="153" customWidth="1"/>
    <col min="5" max="5" width="13.44140625" style="153" customWidth="1"/>
    <col min="6" max="7" width="13.6640625" style="153" customWidth="1"/>
    <col min="8" max="9" width="13.44140625" style="153" customWidth="1"/>
    <col min="10" max="10" width="13.6640625" style="153" customWidth="1"/>
    <col min="11" max="11" width="13.44140625" style="153" customWidth="1"/>
    <col min="12" max="12" width="13" style="153" customWidth="1"/>
    <col min="13" max="14" width="9" style="153"/>
    <col min="15" max="15" width="9" style="153" customWidth="1"/>
    <col min="16" max="256" width="9" style="153"/>
    <col min="257" max="257" width="9.109375" style="153" customWidth="1"/>
    <col min="258" max="258" width="2.33203125" style="153" customWidth="1"/>
    <col min="259" max="259" width="18" style="153" customWidth="1"/>
    <col min="260" max="260" width="13.6640625" style="153" customWidth="1"/>
    <col min="261" max="261" width="13.44140625" style="153" customWidth="1"/>
    <col min="262" max="263" width="13.6640625" style="153" customWidth="1"/>
    <col min="264" max="265" width="13.44140625" style="153" customWidth="1"/>
    <col min="266" max="266" width="13.6640625" style="153" customWidth="1"/>
    <col min="267" max="267" width="13.44140625" style="153" customWidth="1"/>
    <col min="268" max="268" width="13" style="153" customWidth="1"/>
    <col min="269" max="270" width="9" style="153"/>
    <col min="271" max="271" width="9" style="153" customWidth="1"/>
    <col min="272" max="512" width="9" style="153"/>
    <col min="513" max="513" width="9.109375" style="153" customWidth="1"/>
    <col min="514" max="514" width="2.33203125" style="153" customWidth="1"/>
    <col min="515" max="515" width="18" style="153" customWidth="1"/>
    <col min="516" max="516" width="13.6640625" style="153" customWidth="1"/>
    <col min="517" max="517" width="13.44140625" style="153" customWidth="1"/>
    <col min="518" max="519" width="13.6640625" style="153" customWidth="1"/>
    <col min="520" max="521" width="13.44140625" style="153" customWidth="1"/>
    <col min="522" max="522" width="13.6640625" style="153" customWidth="1"/>
    <col min="523" max="523" width="13.44140625" style="153" customWidth="1"/>
    <col min="524" max="524" width="13" style="153" customWidth="1"/>
    <col min="525" max="526" width="9" style="153"/>
    <col min="527" max="527" width="9" style="153" customWidth="1"/>
    <col min="528" max="768" width="9" style="153"/>
    <col min="769" max="769" width="9.109375" style="153" customWidth="1"/>
    <col min="770" max="770" width="2.33203125" style="153" customWidth="1"/>
    <col min="771" max="771" width="18" style="153" customWidth="1"/>
    <col min="772" max="772" width="13.6640625" style="153" customWidth="1"/>
    <col min="773" max="773" width="13.44140625" style="153" customWidth="1"/>
    <col min="774" max="775" width="13.6640625" style="153" customWidth="1"/>
    <col min="776" max="777" width="13.44140625" style="153" customWidth="1"/>
    <col min="778" max="778" width="13.6640625" style="153" customWidth="1"/>
    <col min="779" max="779" width="13.44140625" style="153" customWidth="1"/>
    <col min="780" max="780" width="13" style="153" customWidth="1"/>
    <col min="781" max="782" width="9" style="153"/>
    <col min="783" max="783" width="9" style="153" customWidth="1"/>
    <col min="784" max="1024" width="9" style="153"/>
    <col min="1025" max="1025" width="9.109375" style="153" customWidth="1"/>
    <col min="1026" max="1026" width="2.33203125" style="153" customWidth="1"/>
    <col min="1027" max="1027" width="18" style="153" customWidth="1"/>
    <col min="1028" max="1028" width="13.6640625" style="153" customWidth="1"/>
    <col min="1029" max="1029" width="13.44140625" style="153" customWidth="1"/>
    <col min="1030" max="1031" width="13.6640625" style="153" customWidth="1"/>
    <col min="1032" max="1033" width="13.44140625" style="153" customWidth="1"/>
    <col min="1034" max="1034" width="13.6640625" style="153" customWidth="1"/>
    <col min="1035" max="1035" width="13.44140625" style="153" customWidth="1"/>
    <col min="1036" max="1036" width="13" style="153" customWidth="1"/>
    <col min="1037" max="1038" width="9" style="153"/>
    <col min="1039" max="1039" width="9" style="153" customWidth="1"/>
    <col min="1040" max="1280" width="9" style="153"/>
    <col min="1281" max="1281" width="9.109375" style="153" customWidth="1"/>
    <col min="1282" max="1282" width="2.33203125" style="153" customWidth="1"/>
    <col min="1283" max="1283" width="18" style="153" customWidth="1"/>
    <col min="1284" max="1284" width="13.6640625" style="153" customWidth="1"/>
    <col min="1285" max="1285" width="13.44140625" style="153" customWidth="1"/>
    <col min="1286" max="1287" width="13.6640625" style="153" customWidth="1"/>
    <col min="1288" max="1289" width="13.44140625" style="153" customWidth="1"/>
    <col min="1290" max="1290" width="13.6640625" style="153" customWidth="1"/>
    <col min="1291" max="1291" width="13.44140625" style="153" customWidth="1"/>
    <col min="1292" max="1292" width="13" style="153" customWidth="1"/>
    <col min="1293" max="1294" width="9" style="153"/>
    <col min="1295" max="1295" width="9" style="153" customWidth="1"/>
    <col min="1296" max="1536" width="9" style="153"/>
    <col min="1537" max="1537" width="9.109375" style="153" customWidth="1"/>
    <col min="1538" max="1538" width="2.33203125" style="153" customWidth="1"/>
    <col min="1539" max="1539" width="18" style="153" customWidth="1"/>
    <col min="1540" max="1540" width="13.6640625" style="153" customWidth="1"/>
    <col min="1541" max="1541" width="13.44140625" style="153" customWidth="1"/>
    <col min="1542" max="1543" width="13.6640625" style="153" customWidth="1"/>
    <col min="1544" max="1545" width="13.44140625" style="153" customWidth="1"/>
    <col min="1546" max="1546" width="13.6640625" style="153" customWidth="1"/>
    <col min="1547" max="1547" width="13.44140625" style="153" customWidth="1"/>
    <col min="1548" max="1548" width="13" style="153" customWidth="1"/>
    <col min="1549" max="1550" width="9" style="153"/>
    <col min="1551" max="1551" width="9" style="153" customWidth="1"/>
    <col min="1552" max="1792" width="9" style="153"/>
    <col min="1793" max="1793" width="9.109375" style="153" customWidth="1"/>
    <col min="1794" max="1794" width="2.33203125" style="153" customWidth="1"/>
    <col min="1795" max="1795" width="18" style="153" customWidth="1"/>
    <col min="1796" max="1796" width="13.6640625" style="153" customWidth="1"/>
    <col min="1797" max="1797" width="13.44140625" style="153" customWidth="1"/>
    <col min="1798" max="1799" width="13.6640625" style="153" customWidth="1"/>
    <col min="1800" max="1801" width="13.44140625" style="153" customWidth="1"/>
    <col min="1802" max="1802" width="13.6640625" style="153" customWidth="1"/>
    <col min="1803" max="1803" width="13.44140625" style="153" customWidth="1"/>
    <col min="1804" max="1804" width="13" style="153" customWidth="1"/>
    <col min="1805" max="1806" width="9" style="153"/>
    <col min="1807" max="1807" width="9" style="153" customWidth="1"/>
    <col min="1808" max="2048" width="9" style="153"/>
    <col min="2049" max="2049" width="9.109375" style="153" customWidth="1"/>
    <col min="2050" max="2050" width="2.33203125" style="153" customWidth="1"/>
    <col min="2051" max="2051" width="18" style="153" customWidth="1"/>
    <col min="2052" max="2052" width="13.6640625" style="153" customWidth="1"/>
    <col min="2053" max="2053" width="13.44140625" style="153" customWidth="1"/>
    <col min="2054" max="2055" width="13.6640625" style="153" customWidth="1"/>
    <col min="2056" max="2057" width="13.44140625" style="153" customWidth="1"/>
    <col min="2058" max="2058" width="13.6640625" style="153" customWidth="1"/>
    <col min="2059" max="2059" width="13.44140625" style="153" customWidth="1"/>
    <col min="2060" max="2060" width="13" style="153" customWidth="1"/>
    <col min="2061" max="2062" width="9" style="153"/>
    <col min="2063" max="2063" width="9" style="153" customWidth="1"/>
    <col min="2064" max="2304" width="9" style="153"/>
    <col min="2305" max="2305" width="9.109375" style="153" customWidth="1"/>
    <col min="2306" max="2306" width="2.33203125" style="153" customWidth="1"/>
    <col min="2307" max="2307" width="18" style="153" customWidth="1"/>
    <col min="2308" max="2308" width="13.6640625" style="153" customWidth="1"/>
    <col min="2309" max="2309" width="13.44140625" style="153" customWidth="1"/>
    <col min="2310" max="2311" width="13.6640625" style="153" customWidth="1"/>
    <col min="2312" max="2313" width="13.44140625" style="153" customWidth="1"/>
    <col min="2314" max="2314" width="13.6640625" style="153" customWidth="1"/>
    <col min="2315" max="2315" width="13.44140625" style="153" customWidth="1"/>
    <col min="2316" max="2316" width="13" style="153" customWidth="1"/>
    <col min="2317" max="2318" width="9" style="153"/>
    <col min="2319" max="2319" width="9" style="153" customWidth="1"/>
    <col min="2320" max="2560" width="9" style="153"/>
    <col min="2561" max="2561" width="9.109375" style="153" customWidth="1"/>
    <col min="2562" max="2562" width="2.33203125" style="153" customWidth="1"/>
    <col min="2563" max="2563" width="18" style="153" customWidth="1"/>
    <col min="2564" max="2564" width="13.6640625" style="153" customWidth="1"/>
    <col min="2565" max="2565" width="13.44140625" style="153" customWidth="1"/>
    <col min="2566" max="2567" width="13.6640625" style="153" customWidth="1"/>
    <col min="2568" max="2569" width="13.44140625" style="153" customWidth="1"/>
    <col min="2570" max="2570" width="13.6640625" style="153" customWidth="1"/>
    <col min="2571" max="2571" width="13.44140625" style="153" customWidth="1"/>
    <col min="2572" max="2572" width="13" style="153" customWidth="1"/>
    <col min="2573" max="2574" width="9" style="153"/>
    <col min="2575" max="2575" width="9" style="153" customWidth="1"/>
    <col min="2576" max="2816" width="9" style="153"/>
    <col min="2817" max="2817" width="9.109375" style="153" customWidth="1"/>
    <col min="2818" max="2818" width="2.33203125" style="153" customWidth="1"/>
    <col min="2819" max="2819" width="18" style="153" customWidth="1"/>
    <col min="2820" max="2820" width="13.6640625" style="153" customWidth="1"/>
    <col min="2821" max="2821" width="13.44140625" style="153" customWidth="1"/>
    <col min="2822" max="2823" width="13.6640625" style="153" customWidth="1"/>
    <col min="2824" max="2825" width="13.44140625" style="153" customWidth="1"/>
    <col min="2826" max="2826" width="13.6640625" style="153" customWidth="1"/>
    <col min="2827" max="2827" width="13.44140625" style="153" customWidth="1"/>
    <col min="2828" max="2828" width="13" style="153" customWidth="1"/>
    <col min="2829" max="2830" width="9" style="153"/>
    <col min="2831" max="2831" width="9" style="153" customWidth="1"/>
    <col min="2832" max="3072" width="9" style="153"/>
    <col min="3073" max="3073" width="9.109375" style="153" customWidth="1"/>
    <col min="3074" max="3074" width="2.33203125" style="153" customWidth="1"/>
    <col min="3075" max="3075" width="18" style="153" customWidth="1"/>
    <col min="3076" max="3076" width="13.6640625" style="153" customWidth="1"/>
    <col min="3077" max="3077" width="13.44140625" style="153" customWidth="1"/>
    <col min="3078" max="3079" width="13.6640625" style="153" customWidth="1"/>
    <col min="3080" max="3081" width="13.44140625" style="153" customWidth="1"/>
    <col min="3082" max="3082" width="13.6640625" style="153" customWidth="1"/>
    <col min="3083" max="3083" width="13.44140625" style="153" customWidth="1"/>
    <col min="3084" max="3084" width="13" style="153" customWidth="1"/>
    <col min="3085" max="3086" width="9" style="153"/>
    <col min="3087" max="3087" width="9" style="153" customWidth="1"/>
    <col min="3088" max="3328" width="9" style="153"/>
    <col min="3329" max="3329" width="9.109375" style="153" customWidth="1"/>
    <col min="3330" max="3330" width="2.33203125" style="153" customWidth="1"/>
    <col min="3331" max="3331" width="18" style="153" customWidth="1"/>
    <col min="3332" max="3332" width="13.6640625" style="153" customWidth="1"/>
    <col min="3333" max="3333" width="13.44140625" style="153" customWidth="1"/>
    <col min="3334" max="3335" width="13.6640625" style="153" customWidth="1"/>
    <col min="3336" max="3337" width="13.44140625" style="153" customWidth="1"/>
    <col min="3338" max="3338" width="13.6640625" style="153" customWidth="1"/>
    <col min="3339" max="3339" width="13.44140625" style="153" customWidth="1"/>
    <col min="3340" max="3340" width="13" style="153" customWidth="1"/>
    <col min="3341" max="3342" width="9" style="153"/>
    <col min="3343" max="3343" width="9" style="153" customWidth="1"/>
    <col min="3344" max="3584" width="9" style="153"/>
    <col min="3585" max="3585" width="9.109375" style="153" customWidth="1"/>
    <col min="3586" max="3586" width="2.33203125" style="153" customWidth="1"/>
    <col min="3587" max="3587" width="18" style="153" customWidth="1"/>
    <col min="3588" max="3588" width="13.6640625" style="153" customWidth="1"/>
    <col min="3589" max="3589" width="13.44140625" style="153" customWidth="1"/>
    <col min="3590" max="3591" width="13.6640625" style="153" customWidth="1"/>
    <col min="3592" max="3593" width="13.44140625" style="153" customWidth="1"/>
    <col min="3594" max="3594" width="13.6640625" style="153" customWidth="1"/>
    <col min="3595" max="3595" width="13.44140625" style="153" customWidth="1"/>
    <col min="3596" max="3596" width="13" style="153" customWidth="1"/>
    <col min="3597" max="3598" width="9" style="153"/>
    <col min="3599" max="3599" width="9" style="153" customWidth="1"/>
    <col min="3600" max="3840" width="9" style="153"/>
    <col min="3841" max="3841" width="9.109375" style="153" customWidth="1"/>
    <col min="3842" max="3842" width="2.33203125" style="153" customWidth="1"/>
    <col min="3843" max="3843" width="18" style="153" customWidth="1"/>
    <col min="3844" max="3844" width="13.6640625" style="153" customWidth="1"/>
    <col min="3845" max="3845" width="13.44140625" style="153" customWidth="1"/>
    <col min="3846" max="3847" width="13.6640625" style="153" customWidth="1"/>
    <col min="3848" max="3849" width="13.44140625" style="153" customWidth="1"/>
    <col min="3850" max="3850" width="13.6640625" style="153" customWidth="1"/>
    <col min="3851" max="3851" width="13.44140625" style="153" customWidth="1"/>
    <col min="3852" max="3852" width="13" style="153" customWidth="1"/>
    <col min="3853" max="3854" width="9" style="153"/>
    <col min="3855" max="3855" width="9" style="153" customWidth="1"/>
    <col min="3856" max="4096" width="9" style="153"/>
    <col min="4097" max="4097" width="9.109375" style="153" customWidth="1"/>
    <col min="4098" max="4098" width="2.33203125" style="153" customWidth="1"/>
    <col min="4099" max="4099" width="18" style="153" customWidth="1"/>
    <col min="4100" max="4100" width="13.6640625" style="153" customWidth="1"/>
    <col min="4101" max="4101" width="13.44140625" style="153" customWidth="1"/>
    <col min="4102" max="4103" width="13.6640625" style="153" customWidth="1"/>
    <col min="4104" max="4105" width="13.44140625" style="153" customWidth="1"/>
    <col min="4106" max="4106" width="13.6640625" style="153" customWidth="1"/>
    <col min="4107" max="4107" width="13.44140625" style="153" customWidth="1"/>
    <col min="4108" max="4108" width="13" style="153" customWidth="1"/>
    <col min="4109" max="4110" width="9" style="153"/>
    <col min="4111" max="4111" width="9" style="153" customWidth="1"/>
    <col min="4112" max="4352" width="9" style="153"/>
    <col min="4353" max="4353" width="9.109375" style="153" customWidth="1"/>
    <col min="4354" max="4354" width="2.33203125" style="153" customWidth="1"/>
    <col min="4355" max="4355" width="18" style="153" customWidth="1"/>
    <col min="4356" max="4356" width="13.6640625" style="153" customWidth="1"/>
    <col min="4357" max="4357" width="13.44140625" style="153" customWidth="1"/>
    <col min="4358" max="4359" width="13.6640625" style="153" customWidth="1"/>
    <col min="4360" max="4361" width="13.44140625" style="153" customWidth="1"/>
    <col min="4362" max="4362" width="13.6640625" style="153" customWidth="1"/>
    <col min="4363" max="4363" width="13.44140625" style="153" customWidth="1"/>
    <col min="4364" max="4364" width="13" style="153" customWidth="1"/>
    <col min="4365" max="4366" width="9" style="153"/>
    <col min="4367" max="4367" width="9" style="153" customWidth="1"/>
    <col min="4368" max="4608" width="9" style="153"/>
    <col min="4609" max="4609" width="9.109375" style="153" customWidth="1"/>
    <col min="4610" max="4610" width="2.33203125" style="153" customWidth="1"/>
    <col min="4611" max="4611" width="18" style="153" customWidth="1"/>
    <col min="4612" max="4612" width="13.6640625" style="153" customWidth="1"/>
    <col min="4613" max="4613" width="13.44140625" style="153" customWidth="1"/>
    <col min="4614" max="4615" width="13.6640625" style="153" customWidth="1"/>
    <col min="4616" max="4617" width="13.44140625" style="153" customWidth="1"/>
    <col min="4618" max="4618" width="13.6640625" style="153" customWidth="1"/>
    <col min="4619" max="4619" width="13.44140625" style="153" customWidth="1"/>
    <col min="4620" max="4620" width="13" style="153" customWidth="1"/>
    <col min="4621" max="4622" width="9" style="153"/>
    <col min="4623" max="4623" width="9" style="153" customWidth="1"/>
    <col min="4624" max="4864" width="9" style="153"/>
    <col min="4865" max="4865" width="9.109375" style="153" customWidth="1"/>
    <col min="4866" max="4866" width="2.33203125" style="153" customWidth="1"/>
    <col min="4867" max="4867" width="18" style="153" customWidth="1"/>
    <col min="4868" max="4868" width="13.6640625" style="153" customWidth="1"/>
    <col min="4869" max="4869" width="13.44140625" style="153" customWidth="1"/>
    <col min="4870" max="4871" width="13.6640625" style="153" customWidth="1"/>
    <col min="4872" max="4873" width="13.44140625" style="153" customWidth="1"/>
    <col min="4874" max="4874" width="13.6640625" style="153" customWidth="1"/>
    <col min="4875" max="4875" width="13.44140625" style="153" customWidth="1"/>
    <col min="4876" max="4876" width="13" style="153" customWidth="1"/>
    <col min="4877" max="4878" width="9" style="153"/>
    <col min="4879" max="4879" width="9" style="153" customWidth="1"/>
    <col min="4880" max="5120" width="9" style="153"/>
    <col min="5121" max="5121" width="9.109375" style="153" customWidth="1"/>
    <col min="5122" max="5122" width="2.33203125" style="153" customWidth="1"/>
    <col min="5123" max="5123" width="18" style="153" customWidth="1"/>
    <col min="5124" max="5124" width="13.6640625" style="153" customWidth="1"/>
    <col min="5125" max="5125" width="13.44140625" style="153" customWidth="1"/>
    <col min="5126" max="5127" width="13.6640625" style="153" customWidth="1"/>
    <col min="5128" max="5129" width="13.44140625" style="153" customWidth="1"/>
    <col min="5130" max="5130" width="13.6640625" style="153" customWidth="1"/>
    <col min="5131" max="5131" width="13.44140625" style="153" customWidth="1"/>
    <col min="5132" max="5132" width="13" style="153" customWidth="1"/>
    <col min="5133" max="5134" width="9" style="153"/>
    <col min="5135" max="5135" width="9" style="153" customWidth="1"/>
    <col min="5136" max="5376" width="9" style="153"/>
    <col min="5377" max="5377" width="9.109375" style="153" customWidth="1"/>
    <col min="5378" max="5378" width="2.33203125" style="153" customWidth="1"/>
    <col min="5379" max="5379" width="18" style="153" customWidth="1"/>
    <col min="5380" max="5380" width="13.6640625" style="153" customWidth="1"/>
    <col min="5381" max="5381" width="13.44140625" style="153" customWidth="1"/>
    <col min="5382" max="5383" width="13.6640625" style="153" customWidth="1"/>
    <col min="5384" max="5385" width="13.44140625" style="153" customWidth="1"/>
    <col min="5386" max="5386" width="13.6640625" style="153" customWidth="1"/>
    <col min="5387" max="5387" width="13.44140625" style="153" customWidth="1"/>
    <col min="5388" max="5388" width="13" style="153" customWidth="1"/>
    <col min="5389" max="5390" width="9" style="153"/>
    <col min="5391" max="5391" width="9" style="153" customWidth="1"/>
    <col min="5392" max="5632" width="9" style="153"/>
    <col min="5633" max="5633" width="9.109375" style="153" customWidth="1"/>
    <col min="5634" max="5634" width="2.33203125" style="153" customWidth="1"/>
    <col min="5635" max="5635" width="18" style="153" customWidth="1"/>
    <col min="5636" max="5636" width="13.6640625" style="153" customWidth="1"/>
    <col min="5637" max="5637" width="13.44140625" style="153" customWidth="1"/>
    <col min="5638" max="5639" width="13.6640625" style="153" customWidth="1"/>
    <col min="5640" max="5641" width="13.44140625" style="153" customWidth="1"/>
    <col min="5642" max="5642" width="13.6640625" style="153" customWidth="1"/>
    <col min="5643" max="5643" width="13.44140625" style="153" customWidth="1"/>
    <col min="5644" max="5644" width="13" style="153" customWidth="1"/>
    <col min="5645" max="5646" width="9" style="153"/>
    <col min="5647" max="5647" width="9" style="153" customWidth="1"/>
    <col min="5648" max="5888" width="9" style="153"/>
    <col min="5889" max="5889" width="9.109375" style="153" customWidth="1"/>
    <col min="5890" max="5890" width="2.33203125" style="153" customWidth="1"/>
    <col min="5891" max="5891" width="18" style="153" customWidth="1"/>
    <col min="5892" max="5892" width="13.6640625" style="153" customWidth="1"/>
    <col min="5893" max="5893" width="13.44140625" style="153" customWidth="1"/>
    <col min="5894" max="5895" width="13.6640625" style="153" customWidth="1"/>
    <col min="5896" max="5897" width="13.44140625" style="153" customWidth="1"/>
    <col min="5898" max="5898" width="13.6640625" style="153" customWidth="1"/>
    <col min="5899" max="5899" width="13.44140625" style="153" customWidth="1"/>
    <col min="5900" max="5900" width="13" style="153" customWidth="1"/>
    <col min="5901" max="5902" width="9" style="153"/>
    <col min="5903" max="5903" width="9" style="153" customWidth="1"/>
    <col min="5904" max="6144" width="9" style="153"/>
    <col min="6145" max="6145" width="9.109375" style="153" customWidth="1"/>
    <col min="6146" max="6146" width="2.33203125" style="153" customWidth="1"/>
    <col min="6147" max="6147" width="18" style="153" customWidth="1"/>
    <col min="6148" max="6148" width="13.6640625" style="153" customWidth="1"/>
    <col min="6149" max="6149" width="13.44140625" style="153" customWidth="1"/>
    <col min="6150" max="6151" width="13.6640625" style="153" customWidth="1"/>
    <col min="6152" max="6153" width="13.44140625" style="153" customWidth="1"/>
    <col min="6154" max="6154" width="13.6640625" style="153" customWidth="1"/>
    <col min="6155" max="6155" width="13.44140625" style="153" customWidth="1"/>
    <col min="6156" max="6156" width="13" style="153" customWidth="1"/>
    <col min="6157" max="6158" width="9" style="153"/>
    <col min="6159" max="6159" width="9" style="153" customWidth="1"/>
    <col min="6160" max="6400" width="9" style="153"/>
    <col min="6401" max="6401" width="9.109375" style="153" customWidth="1"/>
    <col min="6402" max="6402" width="2.33203125" style="153" customWidth="1"/>
    <col min="6403" max="6403" width="18" style="153" customWidth="1"/>
    <col min="6404" max="6404" width="13.6640625" style="153" customWidth="1"/>
    <col min="6405" max="6405" width="13.44140625" style="153" customWidth="1"/>
    <col min="6406" max="6407" width="13.6640625" style="153" customWidth="1"/>
    <col min="6408" max="6409" width="13.44140625" style="153" customWidth="1"/>
    <col min="6410" max="6410" width="13.6640625" style="153" customWidth="1"/>
    <col min="6411" max="6411" width="13.44140625" style="153" customWidth="1"/>
    <col min="6412" max="6412" width="13" style="153" customWidth="1"/>
    <col min="6413" max="6414" width="9" style="153"/>
    <col min="6415" max="6415" width="9" style="153" customWidth="1"/>
    <col min="6416" max="6656" width="9" style="153"/>
    <col min="6657" max="6657" width="9.109375" style="153" customWidth="1"/>
    <col min="6658" max="6658" width="2.33203125" style="153" customWidth="1"/>
    <col min="6659" max="6659" width="18" style="153" customWidth="1"/>
    <col min="6660" max="6660" width="13.6640625" style="153" customWidth="1"/>
    <col min="6661" max="6661" width="13.44140625" style="153" customWidth="1"/>
    <col min="6662" max="6663" width="13.6640625" style="153" customWidth="1"/>
    <col min="6664" max="6665" width="13.44140625" style="153" customWidth="1"/>
    <col min="6666" max="6666" width="13.6640625" style="153" customWidth="1"/>
    <col min="6667" max="6667" width="13.44140625" style="153" customWidth="1"/>
    <col min="6668" max="6668" width="13" style="153" customWidth="1"/>
    <col min="6669" max="6670" width="9" style="153"/>
    <col min="6671" max="6671" width="9" style="153" customWidth="1"/>
    <col min="6672" max="6912" width="9" style="153"/>
    <col min="6913" max="6913" width="9.109375" style="153" customWidth="1"/>
    <col min="6914" max="6914" width="2.33203125" style="153" customWidth="1"/>
    <col min="6915" max="6915" width="18" style="153" customWidth="1"/>
    <col min="6916" max="6916" width="13.6640625" style="153" customWidth="1"/>
    <col min="6917" max="6917" width="13.44140625" style="153" customWidth="1"/>
    <col min="6918" max="6919" width="13.6640625" style="153" customWidth="1"/>
    <col min="6920" max="6921" width="13.44140625" style="153" customWidth="1"/>
    <col min="6922" max="6922" width="13.6640625" style="153" customWidth="1"/>
    <col min="6923" max="6923" width="13.44140625" style="153" customWidth="1"/>
    <col min="6924" max="6924" width="13" style="153" customWidth="1"/>
    <col min="6925" max="6926" width="9" style="153"/>
    <col min="6927" max="6927" width="9" style="153" customWidth="1"/>
    <col min="6928" max="7168" width="9" style="153"/>
    <col min="7169" max="7169" width="9.109375" style="153" customWidth="1"/>
    <col min="7170" max="7170" width="2.33203125" style="153" customWidth="1"/>
    <col min="7171" max="7171" width="18" style="153" customWidth="1"/>
    <col min="7172" max="7172" width="13.6640625" style="153" customWidth="1"/>
    <col min="7173" max="7173" width="13.44140625" style="153" customWidth="1"/>
    <col min="7174" max="7175" width="13.6640625" style="153" customWidth="1"/>
    <col min="7176" max="7177" width="13.44140625" style="153" customWidth="1"/>
    <col min="7178" max="7178" width="13.6640625" style="153" customWidth="1"/>
    <col min="7179" max="7179" width="13.44140625" style="153" customWidth="1"/>
    <col min="7180" max="7180" width="13" style="153" customWidth="1"/>
    <col min="7181" max="7182" width="9" style="153"/>
    <col min="7183" max="7183" width="9" style="153" customWidth="1"/>
    <col min="7184" max="7424" width="9" style="153"/>
    <col min="7425" max="7425" width="9.109375" style="153" customWidth="1"/>
    <col min="7426" max="7426" width="2.33203125" style="153" customWidth="1"/>
    <col min="7427" max="7427" width="18" style="153" customWidth="1"/>
    <col min="7428" max="7428" width="13.6640625" style="153" customWidth="1"/>
    <col min="7429" max="7429" width="13.44140625" style="153" customWidth="1"/>
    <col min="7430" max="7431" width="13.6640625" style="153" customWidth="1"/>
    <col min="7432" max="7433" width="13.44140625" style="153" customWidth="1"/>
    <col min="7434" max="7434" width="13.6640625" style="153" customWidth="1"/>
    <col min="7435" max="7435" width="13.44140625" style="153" customWidth="1"/>
    <col min="7436" max="7436" width="13" style="153" customWidth="1"/>
    <col min="7437" max="7438" width="9" style="153"/>
    <col min="7439" max="7439" width="9" style="153" customWidth="1"/>
    <col min="7440" max="7680" width="9" style="153"/>
    <col min="7681" max="7681" width="9.109375" style="153" customWidth="1"/>
    <col min="7682" max="7682" width="2.33203125" style="153" customWidth="1"/>
    <col min="7683" max="7683" width="18" style="153" customWidth="1"/>
    <col min="7684" max="7684" width="13.6640625" style="153" customWidth="1"/>
    <col min="7685" max="7685" width="13.44140625" style="153" customWidth="1"/>
    <col min="7686" max="7687" width="13.6640625" style="153" customWidth="1"/>
    <col min="7688" max="7689" width="13.44140625" style="153" customWidth="1"/>
    <col min="7690" max="7690" width="13.6640625" style="153" customWidth="1"/>
    <col min="7691" max="7691" width="13.44140625" style="153" customWidth="1"/>
    <col min="7692" max="7692" width="13" style="153" customWidth="1"/>
    <col min="7693" max="7694" width="9" style="153"/>
    <col min="7695" max="7695" width="9" style="153" customWidth="1"/>
    <col min="7696" max="7936" width="9" style="153"/>
    <col min="7937" max="7937" width="9.109375" style="153" customWidth="1"/>
    <col min="7938" max="7938" width="2.33203125" style="153" customWidth="1"/>
    <col min="7939" max="7939" width="18" style="153" customWidth="1"/>
    <col min="7940" max="7940" width="13.6640625" style="153" customWidth="1"/>
    <col min="7941" max="7941" width="13.44140625" style="153" customWidth="1"/>
    <col min="7942" max="7943" width="13.6640625" style="153" customWidth="1"/>
    <col min="7944" max="7945" width="13.44140625" style="153" customWidth="1"/>
    <col min="7946" max="7946" width="13.6640625" style="153" customWidth="1"/>
    <col min="7947" max="7947" width="13.44140625" style="153" customWidth="1"/>
    <col min="7948" max="7948" width="13" style="153" customWidth="1"/>
    <col min="7949" max="7950" width="9" style="153"/>
    <col min="7951" max="7951" width="9" style="153" customWidth="1"/>
    <col min="7952" max="8192" width="9" style="153"/>
    <col min="8193" max="8193" width="9.109375" style="153" customWidth="1"/>
    <col min="8194" max="8194" width="2.33203125" style="153" customWidth="1"/>
    <col min="8195" max="8195" width="18" style="153" customWidth="1"/>
    <col min="8196" max="8196" width="13.6640625" style="153" customWidth="1"/>
    <col min="8197" max="8197" width="13.44140625" style="153" customWidth="1"/>
    <col min="8198" max="8199" width="13.6640625" style="153" customWidth="1"/>
    <col min="8200" max="8201" width="13.44140625" style="153" customWidth="1"/>
    <col min="8202" max="8202" width="13.6640625" style="153" customWidth="1"/>
    <col min="8203" max="8203" width="13.44140625" style="153" customWidth="1"/>
    <col min="8204" max="8204" width="13" style="153" customWidth="1"/>
    <col min="8205" max="8206" width="9" style="153"/>
    <col min="8207" max="8207" width="9" style="153" customWidth="1"/>
    <col min="8208" max="8448" width="9" style="153"/>
    <col min="8449" max="8449" width="9.109375" style="153" customWidth="1"/>
    <col min="8450" max="8450" width="2.33203125" style="153" customWidth="1"/>
    <col min="8451" max="8451" width="18" style="153" customWidth="1"/>
    <col min="8452" max="8452" width="13.6640625" style="153" customWidth="1"/>
    <col min="8453" max="8453" width="13.44140625" style="153" customWidth="1"/>
    <col min="8454" max="8455" width="13.6640625" style="153" customWidth="1"/>
    <col min="8456" max="8457" width="13.44140625" style="153" customWidth="1"/>
    <col min="8458" max="8458" width="13.6640625" style="153" customWidth="1"/>
    <col min="8459" max="8459" width="13.44140625" style="153" customWidth="1"/>
    <col min="8460" max="8460" width="13" style="153" customWidth="1"/>
    <col min="8461" max="8462" width="9" style="153"/>
    <col min="8463" max="8463" width="9" style="153" customWidth="1"/>
    <col min="8464" max="8704" width="9" style="153"/>
    <col min="8705" max="8705" width="9.109375" style="153" customWidth="1"/>
    <col min="8706" max="8706" width="2.33203125" style="153" customWidth="1"/>
    <col min="8707" max="8707" width="18" style="153" customWidth="1"/>
    <col min="8708" max="8708" width="13.6640625" style="153" customWidth="1"/>
    <col min="8709" max="8709" width="13.44140625" style="153" customWidth="1"/>
    <col min="8710" max="8711" width="13.6640625" style="153" customWidth="1"/>
    <col min="8712" max="8713" width="13.44140625" style="153" customWidth="1"/>
    <col min="8714" max="8714" width="13.6640625" style="153" customWidth="1"/>
    <col min="8715" max="8715" width="13.44140625" style="153" customWidth="1"/>
    <col min="8716" max="8716" width="13" style="153" customWidth="1"/>
    <col min="8717" max="8718" width="9" style="153"/>
    <col min="8719" max="8719" width="9" style="153" customWidth="1"/>
    <col min="8720" max="8960" width="9" style="153"/>
    <col min="8961" max="8961" width="9.109375" style="153" customWidth="1"/>
    <col min="8962" max="8962" width="2.33203125" style="153" customWidth="1"/>
    <col min="8963" max="8963" width="18" style="153" customWidth="1"/>
    <col min="8964" max="8964" width="13.6640625" style="153" customWidth="1"/>
    <col min="8965" max="8965" width="13.44140625" style="153" customWidth="1"/>
    <col min="8966" max="8967" width="13.6640625" style="153" customWidth="1"/>
    <col min="8968" max="8969" width="13.44140625" style="153" customWidth="1"/>
    <col min="8970" max="8970" width="13.6640625" style="153" customWidth="1"/>
    <col min="8971" max="8971" width="13.44140625" style="153" customWidth="1"/>
    <col min="8972" max="8972" width="13" style="153" customWidth="1"/>
    <col min="8973" max="8974" width="9" style="153"/>
    <col min="8975" max="8975" width="9" style="153" customWidth="1"/>
    <col min="8976" max="9216" width="9" style="153"/>
    <col min="9217" max="9217" width="9.109375" style="153" customWidth="1"/>
    <col min="9218" max="9218" width="2.33203125" style="153" customWidth="1"/>
    <col min="9219" max="9219" width="18" style="153" customWidth="1"/>
    <col min="9220" max="9220" width="13.6640625" style="153" customWidth="1"/>
    <col min="9221" max="9221" width="13.44140625" style="153" customWidth="1"/>
    <col min="9222" max="9223" width="13.6640625" style="153" customWidth="1"/>
    <col min="9224" max="9225" width="13.44140625" style="153" customWidth="1"/>
    <col min="9226" max="9226" width="13.6640625" style="153" customWidth="1"/>
    <col min="9227" max="9227" width="13.44140625" style="153" customWidth="1"/>
    <col min="9228" max="9228" width="13" style="153" customWidth="1"/>
    <col min="9229" max="9230" width="9" style="153"/>
    <col min="9231" max="9231" width="9" style="153" customWidth="1"/>
    <col min="9232" max="9472" width="9" style="153"/>
    <col min="9473" max="9473" width="9.109375" style="153" customWidth="1"/>
    <col min="9474" max="9474" width="2.33203125" style="153" customWidth="1"/>
    <col min="9475" max="9475" width="18" style="153" customWidth="1"/>
    <col min="9476" max="9476" width="13.6640625" style="153" customWidth="1"/>
    <col min="9477" max="9477" width="13.44140625" style="153" customWidth="1"/>
    <col min="9478" max="9479" width="13.6640625" style="153" customWidth="1"/>
    <col min="9480" max="9481" width="13.44140625" style="153" customWidth="1"/>
    <col min="9482" max="9482" width="13.6640625" style="153" customWidth="1"/>
    <col min="9483" max="9483" width="13.44140625" style="153" customWidth="1"/>
    <col min="9484" max="9484" width="13" style="153" customWidth="1"/>
    <col min="9485" max="9486" width="9" style="153"/>
    <col min="9487" max="9487" width="9" style="153" customWidth="1"/>
    <col min="9488" max="9728" width="9" style="153"/>
    <col min="9729" max="9729" width="9.109375" style="153" customWidth="1"/>
    <col min="9730" max="9730" width="2.33203125" style="153" customWidth="1"/>
    <col min="9731" max="9731" width="18" style="153" customWidth="1"/>
    <col min="9732" max="9732" width="13.6640625" style="153" customWidth="1"/>
    <col min="9733" max="9733" width="13.44140625" style="153" customWidth="1"/>
    <col min="9734" max="9735" width="13.6640625" style="153" customWidth="1"/>
    <col min="9736" max="9737" width="13.44140625" style="153" customWidth="1"/>
    <col min="9738" max="9738" width="13.6640625" style="153" customWidth="1"/>
    <col min="9739" max="9739" width="13.44140625" style="153" customWidth="1"/>
    <col min="9740" max="9740" width="13" style="153" customWidth="1"/>
    <col min="9741" max="9742" width="9" style="153"/>
    <col min="9743" max="9743" width="9" style="153" customWidth="1"/>
    <col min="9744" max="9984" width="9" style="153"/>
    <col min="9985" max="9985" width="9.109375" style="153" customWidth="1"/>
    <col min="9986" max="9986" width="2.33203125" style="153" customWidth="1"/>
    <col min="9987" max="9987" width="18" style="153" customWidth="1"/>
    <col min="9988" max="9988" width="13.6640625" style="153" customWidth="1"/>
    <col min="9989" max="9989" width="13.44140625" style="153" customWidth="1"/>
    <col min="9990" max="9991" width="13.6640625" style="153" customWidth="1"/>
    <col min="9992" max="9993" width="13.44140625" style="153" customWidth="1"/>
    <col min="9994" max="9994" width="13.6640625" style="153" customWidth="1"/>
    <col min="9995" max="9995" width="13.44140625" style="153" customWidth="1"/>
    <col min="9996" max="9996" width="13" style="153" customWidth="1"/>
    <col min="9997" max="9998" width="9" style="153"/>
    <col min="9999" max="9999" width="9" style="153" customWidth="1"/>
    <col min="10000" max="10240" width="9" style="153"/>
    <col min="10241" max="10241" width="9.109375" style="153" customWidth="1"/>
    <col min="10242" max="10242" width="2.33203125" style="153" customWidth="1"/>
    <col min="10243" max="10243" width="18" style="153" customWidth="1"/>
    <col min="10244" max="10244" width="13.6640625" style="153" customWidth="1"/>
    <col min="10245" max="10245" width="13.44140625" style="153" customWidth="1"/>
    <col min="10246" max="10247" width="13.6640625" style="153" customWidth="1"/>
    <col min="10248" max="10249" width="13.44140625" style="153" customWidth="1"/>
    <col min="10250" max="10250" width="13.6640625" style="153" customWidth="1"/>
    <col min="10251" max="10251" width="13.44140625" style="153" customWidth="1"/>
    <col min="10252" max="10252" width="13" style="153" customWidth="1"/>
    <col min="10253" max="10254" width="9" style="153"/>
    <col min="10255" max="10255" width="9" style="153" customWidth="1"/>
    <col min="10256" max="10496" width="9" style="153"/>
    <col min="10497" max="10497" width="9.109375" style="153" customWidth="1"/>
    <col min="10498" max="10498" width="2.33203125" style="153" customWidth="1"/>
    <col min="10499" max="10499" width="18" style="153" customWidth="1"/>
    <col min="10500" max="10500" width="13.6640625" style="153" customWidth="1"/>
    <col min="10501" max="10501" width="13.44140625" style="153" customWidth="1"/>
    <col min="10502" max="10503" width="13.6640625" style="153" customWidth="1"/>
    <col min="10504" max="10505" width="13.44140625" style="153" customWidth="1"/>
    <col min="10506" max="10506" width="13.6640625" style="153" customWidth="1"/>
    <col min="10507" max="10507" width="13.44140625" style="153" customWidth="1"/>
    <col min="10508" max="10508" width="13" style="153" customWidth="1"/>
    <col min="10509" max="10510" width="9" style="153"/>
    <col min="10511" max="10511" width="9" style="153" customWidth="1"/>
    <col min="10512" max="10752" width="9" style="153"/>
    <col min="10753" max="10753" width="9.109375" style="153" customWidth="1"/>
    <col min="10754" max="10754" width="2.33203125" style="153" customWidth="1"/>
    <col min="10755" max="10755" width="18" style="153" customWidth="1"/>
    <col min="10756" max="10756" width="13.6640625" style="153" customWidth="1"/>
    <col min="10757" max="10757" width="13.44140625" style="153" customWidth="1"/>
    <col min="10758" max="10759" width="13.6640625" style="153" customWidth="1"/>
    <col min="10760" max="10761" width="13.44140625" style="153" customWidth="1"/>
    <col min="10762" max="10762" width="13.6640625" style="153" customWidth="1"/>
    <col min="10763" max="10763" width="13.44140625" style="153" customWidth="1"/>
    <col min="10764" max="10764" width="13" style="153" customWidth="1"/>
    <col min="10765" max="10766" width="9" style="153"/>
    <col min="10767" max="10767" width="9" style="153" customWidth="1"/>
    <col min="10768" max="11008" width="9" style="153"/>
    <col min="11009" max="11009" width="9.109375" style="153" customWidth="1"/>
    <col min="11010" max="11010" width="2.33203125" style="153" customWidth="1"/>
    <col min="11011" max="11011" width="18" style="153" customWidth="1"/>
    <col min="11012" max="11012" width="13.6640625" style="153" customWidth="1"/>
    <col min="11013" max="11013" width="13.44140625" style="153" customWidth="1"/>
    <col min="11014" max="11015" width="13.6640625" style="153" customWidth="1"/>
    <col min="11016" max="11017" width="13.44140625" style="153" customWidth="1"/>
    <col min="11018" max="11018" width="13.6640625" style="153" customWidth="1"/>
    <col min="11019" max="11019" width="13.44140625" style="153" customWidth="1"/>
    <col min="11020" max="11020" width="13" style="153" customWidth="1"/>
    <col min="11021" max="11022" width="9" style="153"/>
    <col min="11023" max="11023" width="9" style="153" customWidth="1"/>
    <col min="11024" max="11264" width="9" style="153"/>
    <col min="11265" max="11265" width="9.109375" style="153" customWidth="1"/>
    <col min="11266" max="11266" width="2.33203125" style="153" customWidth="1"/>
    <col min="11267" max="11267" width="18" style="153" customWidth="1"/>
    <col min="11268" max="11268" width="13.6640625" style="153" customWidth="1"/>
    <col min="11269" max="11269" width="13.44140625" style="153" customWidth="1"/>
    <col min="11270" max="11271" width="13.6640625" style="153" customWidth="1"/>
    <col min="11272" max="11273" width="13.44140625" style="153" customWidth="1"/>
    <col min="11274" max="11274" width="13.6640625" style="153" customWidth="1"/>
    <col min="11275" max="11275" width="13.44140625" style="153" customWidth="1"/>
    <col min="11276" max="11276" width="13" style="153" customWidth="1"/>
    <col min="11277" max="11278" width="9" style="153"/>
    <col min="11279" max="11279" width="9" style="153" customWidth="1"/>
    <col min="11280" max="11520" width="9" style="153"/>
    <col min="11521" max="11521" width="9.109375" style="153" customWidth="1"/>
    <col min="11522" max="11522" width="2.33203125" style="153" customWidth="1"/>
    <col min="11523" max="11523" width="18" style="153" customWidth="1"/>
    <col min="11524" max="11524" width="13.6640625" style="153" customWidth="1"/>
    <col min="11525" max="11525" width="13.44140625" style="153" customWidth="1"/>
    <col min="11526" max="11527" width="13.6640625" style="153" customWidth="1"/>
    <col min="11528" max="11529" width="13.44140625" style="153" customWidth="1"/>
    <col min="11530" max="11530" width="13.6640625" style="153" customWidth="1"/>
    <col min="11531" max="11531" width="13.44140625" style="153" customWidth="1"/>
    <col min="11532" max="11532" width="13" style="153" customWidth="1"/>
    <col min="11533" max="11534" width="9" style="153"/>
    <col min="11535" max="11535" width="9" style="153" customWidth="1"/>
    <col min="11536" max="11776" width="9" style="153"/>
    <col min="11777" max="11777" width="9.109375" style="153" customWidth="1"/>
    <col min="11778" max="11778" width="2.33203125" style="153" customWidth="1"/>
    <col min="11779" max="11779" width="18" style="153" customWidth="1"/>
    <col min="11780" max="11780" width="13.6640625" style="153" customWidth="1"/>
    <col min="11781" max="11781" width="13.44140625" style="153" customWidth="1"/>
    <col min="11782" max="11783" width="13.6640625" style="153" customWidth="1"/>
    <col min="11784" max="11785" width="13.44140625" style="153" customWidth="1"/>
    <col min="11786" max="11786" width="13.6640625" style="153" customWidth="1"/>
    <col min="11787" max="11787" width="13.44140625" style="153" customWidth="1"/>
    <col min="11788" max="11788" width="13" style="153" customWidth="1"/>
    <col min="11789" max="11790" width="9" style="153"/>
    <col min="11791" max="11791" width="9" style="153" customWidth="1"/>
    <col min="11792" max="12032" width="9" style="153"/>
    <col min="12033" max="12033" width="9.109375" style="153" customWidth="1"/>
    <col min="12034" max="12034" width="2.33203125" style="153" customWidth="1"/>
    <col min="12035" max="12035" width="18" style="153" customWidth="1"/>
    <col min="12036" max="12036" width="13.6640625" style="153" customWidth="1"/>
    <col min="12037" max="12037" width="13.44140625" style="153" customWidth="1"/>
    <col min="12038" max="12039" width="13.6640625" style="153" customWidth="1"/>
    <col min="12040" max="12041" width="13.44140625" style="153" customWidth="1"/>
    <col min="12042" max="12042" width="13.6640625" style="153" customWidth="1"/>
    <col min="12043" max="12043" width="13.44140625" style="153" customWidth="1"/>
    <col min="12044" max="12044" width="13" style="153" customWidth="1"/>
    <col min="12045" max="12046" width="9" style="153"/>
    <col min="12047" max="12047" width="9" style="153" customWidth="1"/>
    <col min="12048" max="12288" width="9" style="153"/>
    <col min="12289" max="12289" width="9.109375" style="153" customWidth="1"/>
    <col min="12290" max="12290" width="2.33203125" style="153" customWidth="1"/>
    <col min="12291" max="12291" width="18" style="153" customWidth="1"/>
    <col min="12292" max="12292" width="13.6640625" style="153" customWidth="1"/>
    <col min="12293" max="12293" width="13.44140625" style="153" customWidth="1"/>
    <col min="12294" max="12295" width="13.6640625" style="153" customWidth="1"/>
    <col min="12296" max="12297" width="13.44140625" style="153" customWidth="1"/>
    <col min="12298" max="12298" width="13.6640625" style="153" customWidth="1"/>
    <col min="12299" max="12299" width="13.44140625" style="153" customWidth="1"/>
    <col min="12300" max="12300" width="13" style="153" customWidth="1"/>
    <col min="12301" max="12302" width="9" style="153"/>
    <col min="12303" max="12303" width="9" style="153" customWidth="1"/>
    <col min="12304" max="12544" width="9" style="153"/>
    <col min="12545" max="12545" width="9.109375" style="153" customWidth="1"/>
    <col min="12546" max="12546" width="2.33203125" style="153" customWidth="1"/>
    <col min="12547" max="12547" width="18" style="153" customWidth="1"/>
    <col min="12548" max="12548" width="13.6640625" style="153" customWidth="1"/>
    <col min="12549" max="12549" width="13.44140625" style="153" customWidth="1"/>
    <col min="12550" max="12551" width="13.6640625" style="153" customWidth="1"/>
    <col min="12552" max="12553" width="13.44140625" style="153" customWidth="1"/>
    <col min="12554" max="12554" width="13.6640625" style="153" customWidth="1"/>
    <col min="12555" max="12555" width="13.44140625" style="153" customWidth="1"/>
    <col min="12556" max="12556" width="13" style="153" customWidth="1"/>
    <col min="12557" max="12558" width="9" style="153"/>
    <col min="12559" max="12559" width="9" style="153" customWidth="1"/>
    <col min="12560" max="12800" width="9" style="153"/>
    <col min="12801" max="12801" width="9.109375" style="153" customWidth="1"/>
    <col min="12802" max="12802" width="2.33203125" style="153" customWidth="1"/>
    <col min="12803" max="12803" width="18" style="153" customWidth="1"/>
    <col min="12804" max="12804" width="13.6640625" style="153" customWidth="1"/>
    <col min="12805" max="12805" width="13.44140625" style="153" customWidth="1"/>
    <col min="12806" max="12807" width="13.6640625" style="153" customWidth="1"/>
    <col min="12808" max="12809" width="13.44140625" style="153" customWidth="1"/>
    <col min="12810" max="12810" width="13.6640625" style="153" customWidth="1"/>
    <col min="12811" max="12811" width="13.44140625" style="153" customWidth="1"/>
    <col min="12812" max="12812" width="13" style="153" customWidth="1"/>
    <col min="12813" max="12814" width="9" style="153"/>
    <col min="12815" max="12815" width="9" style="153" customWidth="1"/>
    <col min="12816" max="13056" width="9" style="153"/>
    <col min="13057" max="13057" width="9.109375" style="153" customWidth="1"/>
    <col min="13058" max="13058" width="2.33203125" style="153" customWidth="1"/>
    <col min="13059" max="13059" width="18" style="153" customWidth="1"/>
    <col min="13060" max="13060" width="13.6640625" style="153" customWidth="1"/>
    <col min="13061" max="13061" width="13.44140625" style="153" customWidth="1"/>
    <col min="13062" max="13063" width="13.6640625" style="153" customWidth="1"/>
    <col min="13064" max="13065" width="13.44140625" style="153" customWidth="1"/>
    <col min="13066" max="13066" width="13.6640625" style="153" customWidth="1"/>
    <col min="13067" max="13067" width="13.44140625" style="153" customWidth="1"/>
    <col min="13068" max="13068" width="13" style="153" customWidth="1"/>
    <col min="13069" max="13070" width="9" style="153"/>
    <col min="13071" max="13071" width="9" style="153" customWidth="1"/>
    <col min="13072" max="13312" width="9" style="153"/>
    <col min="13313" max="13313" width="9.109375" style="153" customWidth="1"/>
    <col min="13314" max="13314" width="2.33203125" style="153" customWidth="1"/>
    <col min="13315" max="13315" width="18" style="153" customWidth="1"/>
    <col min="13316" max="13316" width="13.6640625" style="153" customWidth="1"/>
    <col min="13317" max="13317" width="13.44140625" style="153" customWidth="1"/>
    <col min="13318" max="13319" width="13.6640625" style="153" customWidth="1"/>
    <col min="13320" max="13321" width="13.44140625" style="153" customWidth="1"/>
    <col min="13322" max="13322" width="13.6640625" style="153" customWidth="1"/>
    <col min="13323" max="13323" width="13.44140625" style="153" customWidth="1"/>
    <col min="13324" max="13324" width="13" style="153" customWidth="1"/>
    <col min="13325" max="13326" width="9" style="153"/>
    <col min="13327" max="13327" width="9" style="153" customWidth="1"/>
    <col min="13328" max="13568" width="9" style="153"/>
    <col min="13569" max="13569" width="9.109375" style="153" customWidth="1"/>
    <col min="13570" max="13570" width="2.33203125" style="153" customWidth="1"/>
    <col min="13571" max="13571" width="18" style="153" customWidth="1"/>
    <col min="13572" max="13572" width="13.6640625" style="153" customWidth="1"/>
    <col min="13573" max="13573" width="13.44140625" style="153" customWidth="1"/>
    <col min="13574" max="13575" width="13.6640625" style="153" customWidth="1"/>
    <col min="13576" max="13577" width="13.44140625" style="153" customWidth="1"/>
    <col min="13578" max="13578" width="13.6640625" style="153" customWidth="1"/>
    <col min="13579" max="13579" width="13.44140625" style="153" customWidth="1"/>
    <col min="13580" max="13580" width="13" style="153" customWidth="1"/>
    <col min="13581" max="13582" width="9" style="153"/>
    <col min="13583" max="13583" width="9" style="153" customWidth="1"/>
    <col min="13584" max="13824" width="9" style="153"/>
    <col min="13825" max="13825" width="9.109375" style="153" customWidth="1"/>
    <col min="13826" max="13826" width="2.33203125" style="153" customWidth="1"/>
    <col min="13827" max="13827" width="18" style="153" customWidth="1"/>
    <col min="13828" max="13828" width="13.6640625" style="153" customWidth="1"/>
    <col min="13829" max="13829" width="13.44140625" style="153" customWidth="1"/>
    <col min="13830" max="13831" width="13.6640625" style="153" customWidth="1"/>
    <col min="13832" max="13833" width="13.44140625" style="153" customWidth="1"/>
    <col min="13834" max="13834" width="13.6640625" style="153" customWidth="1"/>
    <col min="13835" max="13835" width="13.44140625" style="153" customWidth="1"/>
    <col min="13836" max="13836" width="13" style="153" customWidth="1"/>
    <col min="13837" max="13838" width="9" style="153"/>
    <col min="13839" max="13839" width="9" style="153" customWidth="1"/>
    <col min="13840" max="14080" width="9" style="153"/>
    <col min="14081" max="14081" width="9.109375" style="153" customWidth="1"/>
    <col min="14082" max="14082" width="2.33203125" style="153" customWidth="1"/>
    <col min="14083" max="14083" width="18" style="153" customWidth="1"/>
    <col min="14084" max="14084" width="13.6640625" style="153" customWidth="1"/>
    <col min="14085" max="14085" width="13.44140625" style="153" customWidth="1"/>
    <col min="14086" max="14087" width="13.6640625" style="153" customWidth="1"/>
    <col min="14088" max="14089" width="13.44140625" style="153" customWidth="1"/>
    <col min="14090" max="14090" width="13.6640625" style="153" customWidth="1"/>
    <col min="14091" max="14091" width="13.44140625" style="153" customWidth="1"/>
    <col min="14092" max="14092" width="13" style="153" customWidth="1"/>
    <col min="14093" max="14094" width="9" style="153"/>
    <col min="14095" max="14095" width="9" style="153" customWidth="1"/>
    <col min="14096" max="14336" width="9" style="153"/>
    <col min="14337" max="14337" width="9.109375" style="153" customWidth="1"/>
    <col min="14338" max="14338" width="2.33203125" style="153" customWidth="1"/>
    <col min="14339" max="14339" width="18" style="153" customWidth="1"/>
    <col min="14340" max="14340" width="13.6640625" style="153" customWidth="1"/>
    <col min="14341" max="14341" width="13.44140625" style="153" customWidth="1"/>
    <col min="14342" max="14343" width="13.6640625" style="153" customWidth="1"/>
    <col min="14344" max="14345" width="13.44140625" style="153" customWidth="1"/>
    <col min="14346" max="14346" width="13.6640625" style="153" customWidth="1"/>
    <col min="14347" max="14347" width="13.44140625" style="153" customWidth="1"/>
    <col min="14348" max="14348" width="13" style="153" customWidth="1"/>
    <col min="14349" max="14350" width="9" style="153"/>
    <col min="14351" max="14351" width="9" style="153" customWidth="1"/>
    <col min="14352" max="14592" width="9" style="153"/>
    <col min="14593" max="14593" width="9.109375" style="153" customWidth="1"/>
    <col min="14594" max="14594" width="2.33203125" style="153" customWidth="1"/>
    <col min="14595" max="14595" width="18" style="153" customWidth="1"/>
    <col min="14596" max="14596" width="13.6640625" style="153" customWidth="1"/>
    <col min="14597" max="14597" width="13.44140625" style="153" customWidth="1"/>
    <col min="14598" max="14599" width="13.6640625" style="153" customWidth="1"/>
    <col min="14600" max="14601" width="13.44140625" style="153" customWidth="1"/>
    <col min="14602" max="14602" width="13.6640625" style="153" customWidth="1"/>
    <col min="14603" max="14603" width="13.44140625" style="153" customWidth="1"/>
    <col min="14604" max="14604" width="13" style="153" customWidth="1"/>
    <col min="14605" max="14606" width="9" style="153"/>
    <col min="14607" max="14607" width="9" style="153" customWidth="1"/>
    <col min="14608" max="14848" width="9" style="153"/>
    <col min="14849" max="14849" width="9.109375" style="153" customWidth="1"/>
    <col min="14850" max="14850" width="2.33203125" style="153" customWidth="1"/>
    <col min="14851" max="14851" width="18" style="153" customWidth="1"/>
    <col min="14852" max="14852" width="13.6640625" style="153" customWidth="1"/>
    <col min="14853" max="14853" width="13.44140625" style="153" customWidth="1"/>
    <col min="14854" max="14855" width="13.6640625" style="153" customWidth="1"/>
    <col min="14856" max="14857" width="13.44140625" style="153" customWidth="1"/>
    <col min="14858" max="14858" width="13.6640625" style="153" customWidth="1"/>
    <col min="14859" max="14859" width="13.44140625" style="153" customWidth="1"/>
    <col min="14860" max="14860" width="13" style="153" customWidth="1"/>
    <col min="14861" max="14862" width="9" style="153"/>
    <col min="14863" max="14863" width="9" style="153" customWidth="1"/>
    <col min="14864" max="15104" width="9" style="153"/>
    <col min="15105" max="15105" width="9.109375" style="153" customWidth="1"/>
    <col min="15106" max="15106" width="2.33203125" style="153" customWidth="1"/>
    <col min="15107" max="15107" width="18" style="153" customWidth="1"/>
    <col min="15108" max="15108" width="13.6640625" style="153" customWidth="1"/>
    <col min="15109" max="15109" width="13.44140625" style="153" customWidth="1"/>
    <col min="15110" max="15111" width="13.6640625" style="153" customWidth="1"/>
    <col min="15112" max="15113" width="13.44140625" style="153" customWidth="1"/>
    <col min="15114" max="15114" width="13.6640625" style="153" customWidth="1"/>
    <col min="15115" max="15115" width="13.44140625" style="153" customWidth="1"/>
    <col min="15116" max="15116" width="13" style="153" customWidth="1"/>
    <col min="15117" max="15118" width="9" style="153"/>
    <col min="15119" max="15119" width="9" style="153" customWidth="1"/>
    <col min="15120" max="15360" width="9" style="153"/>
    <col min="15361" max="15361" width="9.109375" style="153" customWidth="1"/>
    <col min="15362" max="15362" width="2.33203125" style="153" customWidth="1"/>
    <col min="15363" max="15363" width="18" style="153" customWidth="1"/>
    <col min="15364" max="15364" width="13.6640625" style="153" customWidth="1"/>
    <col min="15365" max="15365" width="13.44140625" style="153" customWidth="1"/>
    <col min="15366" max="15367" width="13.6640625" style="153" customWidth="1"/>
    <col min="15368" max="15369" width="13.44140625" style="153" customWidth="1"/>
    <col min="15370" max="15370" width="13.6640625" style="153" customWidth="1"/>
    <col min="15371" max="15371" width="13.44140625" style="153" customWidth="1"/>
    <col min="15372" max="15372" width="13" style="153" customWidth="1"/>
    <col min="15373" max="15374" width="9" style="153"/>
    <col min="15375" max="15375" width="9" style="153" customWidth="1"/>
    <col min="15376" max="15616" width="9" style="153"/>
    <col min="15617" max="15617" width="9.109375" style="153" customWidth="1"/>
    <col min="15618" max="15618" width="2.33203125" style="153" customWidth="1"/>
    <col min="15619" max="15619" width="18" style="153" customWidth="1"/>
    <col min="15620" max="15620" width="13.6640625" style="153" customWidth="1"/>
    <col min="15621" max="15621" width="13.44140625" style="153" customWidth="1"/>
    <col min="15622" max="15623" width="13.6640625" style="153" customWidth="1"/>
    <col min="15624" max="15625" width="13.44140625" style="153" customWidth="1"/>
    <col min="15626" max="15626" width="13.6640625" style="153" customWidth="1"/>
    <col min="15627" max="15627" width="13.44140625" style="153" customWidth="1"/>
    <col min="15628" max="15628" width="13" style="153" customWidth="1"/>
    <col min="15629" max="15630" width="9" style="153"/>
    <col min="15631" max="15631" width="9" style="153" customWidth="1"/>
    <col min="15632" max="15872" width="9" style="153"/>
    <col min="15873" max="15873" width="9.109375" style="153" customWidth="1"/>
    <col min="15874" max="15874" width="2.33203125" style="153" customWidth="1"/>
    <col min="15875" max="15875" width="18" style="153" customWidth="1"/>
    <col min="15876" max="15876" width="13.6640625" style="153" customWidth="1"/>
    <col min="15877" max="15877" width="13.44140625" style="153" customWidth="1"/>
    <col min="15878" max="15879" width="13.6640625" style="153" customWidth="1"/>
    <col min="15880" max="15881" width="13.44140625" style="153" customWidth="1"/>
    <col min="15882" max="15882" width="13.6640625" style="153" customWidth="1"/>
    <col min="15883" max="15883" width="13.44140625" style="153" customWidth="1"/>
    <col min="15884" max="15884" width="13" style="153" customWidth="1"/>
    <col min="15885" max="15886" width="9" style="153"/>
    <col min="15887" max="15887" width="9" style="153" customWidth="1"/>
    <col min="15888" max="16128" width="9" style="153"/>
    <col min="16129" max="16129" width="9.109375" style="153" customWidth="1"/>
    <col min="16130" max="16130" width="2.33203125" style="153" customWidth="1"/>
    <col min="16131" max="16131" width="18" style="153" customWidth="1"/>
    <col min="16132" max="16132" width="13.6640625" style="153" customWidth="1"/>
    <col min="16133" max="16133" width="13.44140625" style="153" customWidth="1"/>
    <col min="16134" max="16135" width="13.6640625" style="153" customWidth="1"/>
    <col min="16136" max="16137" width="13.44140625" style="153" customWidth="1"/>
    <col min="16138" max="16138" width="13.6640625" style="153" customWidth="1"/>
    <col min="16139" max="16139" width="13.44140625" style="153" customWidth="1"/>
    <col min="16140" max="16140" width="13" style="153" customWidth="1"/>
    <col min="16141" max="16142" width="9" style="153"/>
    <col min="16143" max="16143" width="9" style="153" customWidth="1"/>
    <col min="16144" max="16384" width="9" style="153"/>
  </cols>
  <sheetData>
    <row r="1" spans="1:12" ht="18" customHeight="1" x14ac:dyDescent="0.2">
      <c r="A1" s="2286" t="s">
        <v>284</v>
      </c>
      <c r="B1" s="2286"/>
      <c r="C1" s="2286"/>
      <c r="D1" s="2286"/>
      <c r="E1" s="2286"/>
      <c r="F1" s="2286"/>
      <c r="G1" s="2286"/>
      <c r="H1" s="2286"/>
      <c r="I1" s="2286"/>
      <c r="J1" s="2286"/>
      <c r="K1" s="2286"/>
      <c r="L1" s="2286"/>
    </row>
    <row r="2" spans="1:12" ht="19.8" thickBot="1" x14ac:dyDescent="0.25">
      <c r="A2" s="2183" t="s">
        <v>433</v>
      </c>
      <c r="B2" s="2183"/>
      <c r="C2" s="2183"/>
      <c r="D2" s="2183"/>
      <c r="E2" s="2183"/>
      <c r="F2" s="2183"/>
      <c r="G2" s="2183"/>
      <c r="H2" s="2183"/>
      <c r="I2" s="2183"/>
      <c r="J2" s="2183"/>
      <c r="K2" s="2183"/>
      <c r="L2" s="2183"/>
    </row>
    <row r="3" spans="1:12" ht="30" customHeight="1" thickBot="1" x14ac:dyDescent="0.25">
      <c r="A3" s="1596" t="s">
        <v>305</v>
      </c>
      <c r="B3" s="1597"/>
      <c r="C3" s="2184"/>
      <c r="D3" s="2185" t="s">
        <v>321</v>
      </c>
      <c r="E3" s="2186"/>
      <c r="F3" s="2186"/>
      <c r="G3" s="2186"/>
      <c r="H3" s="2186"/>
      <c r="I3" s="2186"/>
      <c r="J3" s="2186"/>
      <c r="K3" s="2186"/>
      <c r="L3" s="2187"/>
    </row>
    <row r="4" spans="1:12" ht="30" customHeight="1" x14ac:dyDescent="0.2">
      <c r="A4" s="2188" t="s">
        <v>306</v>
      </c>
      <c r="B4" s="2189"/>
      <c r="C4" s="2190"/>
      <c r="D4" s="2191" t="s">
        <v>404</v>
      </c>
      <c r="E4" s="2192"/>
      <c r="F4" s="2192"/>
      <c r="G4" s="2192"/>
      <c r="H4" s="2192"/>
      <c r="I4" s="2192"/>
      <c r="J4" s="2192"/>
      <c r="K4" s="2192"/>
      <c r="L4" s="2193"/>
    </row>
    <row r="5" spans="1:12" ht="30" customHeight="1" x14ac:dyDescent="0.2">
      <c r="A5" s="1606" t="s">
        <v>126</v>
      </c>
      <c r="B5" s="1607"/>
      <c r="C5" s="2196"/>
      <c r="D5" s="2191" t="s">
        <v>322</v>
      </c>
      <c r="E5" s="2192"/>
      <c r="F5" s="2192"/>
      <c r="G5" s="2192"/>
      <c r="H5" s="2192"/>
      <c r="I5" s="2192"/>
      <c r="J5" s="2192"/>
      <c r="K5" s="2192"/>
      <c r="L5" s="2193"/>
    </row>
    <row r="6" spans="1:12" ht="30" customHeight="1" x14ac:dyDescent="0.2">
      <c r="A6" s="1611" t="s">
        <v>127</v>
      </c>
      <c r="B6" s="1612"/>
      <c r="C6" s="190" t="s">
        <v>128</v>
      </c>
      <c r="D6" s="2197" t="s">
        <v>323</v>
      </c>
      <c r="E6" s="2198"/>
      <c r="F6" s="2198"/>
      <c r="G6" s="2199"/>
      <c r="H6" s="2200" t="s">
        <v>129</v>
      </c>
      <c r="I6" s="2221" t="s">
        <v>324</v>
      </c>
      <c r="J6" s="2222"/>
      <c r="K6" s="2222"/>
      <c r="L6" s="2223"/>
    </row>
    <row r="7" spans="1:12" ht="30" customHeight="1" thickBot="1" x14ac:dyDescent="0.25">
      <c r="A7" s="1613"/>
      <c r="B7" s="1614"/>
      <c r="C7" s="492" t="s">
        <v>130</v>
      </c>
      <c r="D7" s="2224" t="s">
        <v>323</v>
      </c>
      <c r="E7" s="2225"/>
      <c r="F7" s="2225"/>
      <c r="G7" s="2226"/>
      <c r="H7" s="2201"/>
      <c r="I7" s="2221"/>
      <c r="J7" s="2222"/>
      <c r="K7" s="2222"/>
      <c r="L7" s="2223"/>
    </row>
    <row r="8" spans="1:12" ht="30" customHeight="1" thickTop="1" thickBot="1" x14ac:dyDescent="0.25">
      <c r="A8" s="1625" t="s">
        <v>307</v>
      </c>
      <c r="B8" s="159">
        <v>1</v>
      </c>
      <c r="C8" s="491" t="s">
        <v>213</v>
      </c>
      <c r="D8" s="2206" t="s">
        <v>395</v>
      </c>
      <c r="E8" s="2207"/>
      <c r="F8" s="2207"/>
      <c r="G8" s="2207"/>
      <c r="H8" s="2207"/>
      <c r="I8" s="2207"/>
      <c r="J8" s="2207"/>
      <c r="K8" s="2207"/>
      <c r="L8" s="2208"/>
    </row>
    <row r="9" spans="1:12" ht="30" customHeight="1" x14ac:dyDescent="0.2">
      <c r="A9" s="1626"/>
      <c r="B9" s="1629">
        <v>2</v>
      </c>
      <c r="C9" s="2227" t="s">
        <v>308</v>
      </c>
      <c r="D9" s="2228" t="s">
        <v>309</v>
      </c>
      <c r="E9" s="2229"/>
      <c r="F9" s="2232" t="s">
        <v>808</v>
      </c>
      <c r="G9" s="1633" t="s">
        <v>311</v>
      </c>
      <c r="H9" s="1634"/>
      <c r="I9" s="1634"/>
      <c r="J9" s="1634"/>
      <c r="K9" s="1635"/>
      <c r="L9" s="2234" t="s">
        <v>807</v>
      </c>
    </row>
    <row r="10" spans="1:12" ht="30" customHeight="1" x14ac:dyDescent="0.2">
      <c r="A10" s="1626"/>
      <c r="B10" s="1629"/>
      <c r="C10" s="2227"/>
      <c r="D10" s="2230"/>
      <c r="E10" s="2231"/>
      <c r="F10" s="2233"/>
      <c r="G10" s="162" t="s">
        <v>829</v>
      </c>
      <c r="H10" s="163" t="s">
        <v>828</v>
      </c>
      <c r="I10" s="490" t="s">
        <v>827</v>
      </c>
      <c r="J10" s="489" t="s">
        <v>826</v>
      </c>
      <c r="K10" s="488" t="s">
        <v>805</v>
      </c>
      <c r="L10" s="2235"/>
    </row>
    <row r="11" spans="1:12" ht="27.9" customHeight="1" x14ac:dyDescent="0.2">
      <c r="A11" s="1626"/>
      <c r="B11" s="1629"/>
      <c r="C11" s="2227"/>
      <c r="D11" s="2194" t="s">
        <v>349</v>
      </c>
      <c r="E11" s="2202"/>
      <c r="F11" s="194">
        <v>5</v>
      </c>
      <c r="G11" s="195">
        <v>5</v>
      </c>
      <c r="H11" s="196"/>
      <c r="I11" s="487"/>
      <c r="J11" s="486"/>
      <c r="K11" s="485"/>
      <c r="L11" s="478" t="s">
        <v>326</v>
      </c>
    </row>
    <row r="12" spans="1:12" ht="27.9" customHeight="1" x14ac:dyDescent="0.2">
      <c r="A12" s="1626"/>
      <c r="B12" s="1629"/>
      <c r="C12" s="2227"/>
      <c r="D12" s="2194" t="s">
        <v>352</v>
      </c>
      <c r="E12" s="2202"/>
      <c r="F12" s="194">
        <v>6</v>
      </c>
      <c r="G12" s="195"/>
      <c r="H12" s="196">
        <v>6</v>
      </c>
      <c r="I12" s="487"/>
      <c r="J12" s="486"/>
      <c r="K12" s="485"/>
      <c r="L12" s="478" t="s">
        <v>329</v>
      </c>
    </row>
    <row r="13" spans="1:12" ht="27.9" customHeight="1" x14ac:dyDescent="0.2">
      <c r="A13" s="1626"/>
      <c r="B13" s="1629"/>
      <c r="C13" s="2227"/>
      <c r="D13" s="2194" t="s">
        <v>354</v>
      </c>
      <c r="E13" s="2202"/>
      <c r="F13" s="194">
        <v>4</v>
      </c>
      <c r="G13" s="195"/>
      <c r="H13" s="196"/>
      <c r="I13" s="487">
        <v>4</v>
      </c>
      <c r="J13" s="486"/>
      <c r="K13" s="485"/>
      <c r="L13" s="478" t="s">
        <v>329</v>
      </c>
    </row>
    <row r="14" spans="1:12" ht="27.9" customHeight="1" x14ac:dyDescent="0.2">
      <c r="A14" s="1626"/>
      <c r="B14" s="1629"/>
      <c r="C14" s="2227"/>
      <c r="D14" s="2194" t="s">
        <v>436</v>
      </c>
      <c r="E14" s="2195"/>
      <c r="F14" s="484">
        <v>5</v>
      </c>
      <c r="G14" s="483"/>
      <c r="H14" s="482"/>
      <c r="I14" s="481"/>
      <c r="J14" s="480">
        <v>5</v>
      </c>
      <c r="K14" s="485"/>
      <c r="L14" s="478" t="s">
        <v>329</v>
      </c>
    </row>
    <row r="15" spans="1:12" ht="27.9" customHeight="1" x14ac:dyDescent="0.2">
      <c r="A15" s="1626"/>
      <c r="B15" s="1629"/>
      <c r="C15" s="2227"/>
      <c r="D15" s="2194" t="s">
        <v>825</v>
      </c>
      <c r="E15" s="2195"/>
      <c r="F15" s="484">
        <v>4</v>
      </c>
      <c r="G15" s="483"/>
      <c r="H15" s="482"/>
      <c r="I15" s="481"/>
      <c r="J15" s="480">
        <v>1</v>
      </c>
      <c r="K15" s="479">
        <v>3</v>
      </c>
      <c r="L15" s="478" t="s">
        <v>329</v>
      </c>
    </row>
    <row r="16" spans="1:12" ht="30" customHeight="1" thickBot="1" x14ac:dyDescent="0.25">
      <c r="A16" s="1626"/>
      <c r="B16" s="1629"/>
      <c r="C16" s="2227"/>
      <c r="D16" s="2242" t="s">
        <v>63</v>
      </c>
      <c r="E16" s="2243"/>
      <c r="F16" s="477">
        <v>15</v>
      </c>
      <c r="G16" s="476">
        <v>5</v>
      </c>
      <c r="H16" s="475">
        <v>5</v>
      </c>
      <c r="I16" s="474">
        <v>5</v>
      </c>
      <c r="J16" s="473">
        <v>5</v>
      </c>
      <c r="K16" s="472">
        <v>4</v>
      </c>
      <c r="L16" s="471"/>
    </row>
    <row r="17" spans="1:12" ht="30" customHeight="1" x14ac:dyDescent="0.2">
      <c r="A17" s="1626"/>
      <c r="B17" s="2236">
        <v>3</v>
      </c>
      <c r="C17" s="2244" t="s">
        <v>804</v>
      </c>
      <c r="D17" s="256" t="s">
        <v>312</v>
      </c>
      <c r="E17" s="2249" t="s">
        <v>349</v>
      </c>
      <c r="F17" s="2250"/>
      <c r="G17" s="2250"/>
      <c r="H17" s="2250"/>
      <c r="I17" s="2250"/>
      <c r="J17" s="2250"/>
      <c r="K17" s="2250"/>
      <c r="L17" s="2251"/>
    </row>
    <row r="18" spans="1:12" ht="30" customHeight="1" x14ac:dyDescent="0.2">
      <c r="A18" s="1626"/>
      <c r="B18" s="2237"/>
      <c r="C18" s="2245"/>
      <c r="D18" s="256" t="s">
        <v>313</v>
      </c>
      <c r="E18" s="2203" t="s">
        <v>352</v>
      </c>
      <c r="F18" s="2204"/>
      <c r="G18" s="2204"/>
      <c r="H18" s="2204"/>
      <c r="I18" s="2204"/>
      <c r="J18" s="2204"/>
      <c r="K18" s="2204"/>
      <c r="L18" s="2205"/>
    </row>
    <row r="19" spans="1:12" ht="30" customHeight="1" x14ac:dyDescent="0.2">
      <c r="A19" s="1626"/>
      <c r="B19" s="2237"/>
      <c r="C19" s="2245"/>
      <c r="D19" s="256" t="s">
        <v>314</v>
      </c>
      <c r="E19" s="2203" t="s">
        <v>354</v>
      </c>
      <c r="F19" s="2204"/>
      <c r="G19" s="2204"/>
      <c r="H19" s="2204"/>
      <c r="I19" s="2204"/>
      <c r="J19" s="2204"/>
      <c r="K19" s="2204"/>
      <c r="L19" s="2205"/>
    </row>
    <row r="20" spans="1:12" ht="30" customHeight="1" x14ac:dyDescent="0.2">
      <c r="A20" s="1626"/>
      <c r="B20" s="2237"/>
      <c r="C20" s="2245"/>
      <c r="D20" s="256" t="s">
        <v>803</v>
      </c>
      <c r="E20" s="2203" t="s">
        <v>436</v>
      </c>
      <c r="F20" s="2204"/>
      <c r="G20" s="2204"/>
      <c r="H20" s="2204"/>
      <c r="I20" s="2204"/>
      <c r="J20" s="2204"/>
      <c r="K20" s="2204"/>
      <c r="L20" s="2205"/>
    </row>
    <row r="21" spans="1:12" ht="30" customHeight="1" x14ac:dyDescent="0.2">
      <c r="A21" s="1626"/>
      <c r="B21" s="2238"/>
      <c r="C21" s="2246"/>
      <c r="D21" s="256" t="s">
        <v>802</v>
      </c>
      <c r="E21" s="2203" t="s">
        <v>437</v>
      </c>
      <c r="F21" s="2204"/>
      <c r="G21" s="2204"/>
      <c r="H21" s="2204"/>
      <c r="I21" s="2204"/>
      <c r="J21" s="2204"/>
      <c r="K21" s="2204"/>
      <c r="L21" s="2205"/>
    </row>
    <row r="22" spans="1:12" ht="30" customHeight="1" x14ac:dyDescent="0.2">
      <c r="A22" s="1626"/>
      <c r="B22" s="2236">
        <v>4</v>
      </c>
      <c r="C22" s="2239" t="s">
        <v>315</v>
      </c>
      <c r="D22" s="256" t="s">
        <v>312</v>
      </c>
      <c r="E22" s="2203" t="s">
        <v>822</v>
      </c>
      <c r="F22" s="2204"/>
      <c r="G22" s="2204"/>
      <c r="H22" s="2204"/>
      <c r="I22" s="2204"/>
      <c r="J22" s="2204"/>
      <c r="K22" s="2204"/>
      <c r="L22" s="2205"/>
    </row>
    <row r="23" spans="1:12" ht="30" customHeight="1" x14ac:dyDescent="0.2">
      <c r="A23" s="1626"/>
      <c r="B23" s="2237"/>
      <c r="C23" s="2240"/>
      <c r="D23" s="256" t="s">
        <v>313</v>
      </c>
      <c r="E23" s="2203" t="s">
        <v>822</v>
      </c>
      <c r="F23" s="2204"/>
      <c r="G23" s="2204"/>
      <c r="H23" s="2204"/>
      <c r="I23" s="2204"/>
      <c r="J23" s="2204"/>
      <c r="K23" s="2204"/>
      <c r="L23" s="2205"/>
    </row>
    <row r="24" spans="1:12" ht="30" customHeight="1" x14ac:dyDescent="0.2">
      <c r="A24" s="1626"/>
      <c r="B24" s="2237"/>
      <c r="C24" s="2240"/>
      <c r="D24" s="256" t="s">
        <v>314</v>
      </c>
      <c r="E24" s="2203" t="s">
        <v>822</v>
      </c>
      <c r="F24" s="2204"/>
      <c r="G24" s="2204"/>
      <c r="H24" s="2204"/>
      <c r="I24" s="2204"/>
      <c r="J24" s="2204"/>
      <c r="K24" s="2204"/>
      <c r="L24" s="2205"/>
    </row>
    <row r="25" spans="1:12" ht="30" customHeight="1" x14ac:dyDescent="0.2">
      <c r="A25" s="1626"/>
      <c r="B25" s="2237"/>
      <c r="C25" s="2240"/>
      <c r="D25" s="256" t="s">
        <v>803</v>
      </c>
      <c r="E25" s="2203" t="s">
        <v>824</v>
      </c>
      <c r="F25" s="2204"/>
      <c r="G25" s="2204"/>
      <c r="H25" s="2204"/>
      <c r="I25" s="2204"/>
      <c r="J25" s="2204"/>
      <c r="K25" s="2204"/>
      <c r="L25" s="2205"/>
    </row>
    <row r="26" spans="1:12" ht="30" customHeight="1" x14ac:dyDescent="0.2">
      <c r="A26" s="1626"/>
      <c r="B26" s="2238"/>
      <c r="C26" s="2241"/>
      <c r="D26" s="256" t="s">
        <v>802</v>
      </c>
      <c r="E26" s="2203" t="s">
        <v>822</v>
      </c>
      <c r="F26" s="2204"/>
      <c r="G26" s="2204"/>
      <c r="H26" s="2204"/>
      <c r="I26" s="2204"/>
      <c r="J26" s="2204"/>
      <c r="K26" s="2204"/>
      <c r="L26" s="2205"/>
    </row>
    <row r="27" spans="1:12" ht="30" customHeight="1" x14ac:dyDescent="0.2">
      <c r="A27" s="1626"/>
      <c r="B27" s="2236">
        <v>5</v>
      </c>
      <c r="C27" s="2239" t="s">
        <v>316</v>
      </c>
      <c r="D27" s="256" t="s">
        <v>312</v>
      </c>
      <c r="E27" s="2203" t="s">
        <v>822</v>
      </c>
      <c r="F27" s="2204"/>
      <c r="G27" s="2204"/>
      <c r="H27" s="2204"/>
      <c r="I27" s="2204"/>
      <c r="J27" s="2204"/>
      <c r="K27" s="2204"/>
      <c r="L27" s="2205"/>
    </row>
    <row r="28" spans="1:12" ht="30" customHeight="1" x14ac:dyDescent="0.2">
      <c r="A28" s="1626"/>
      <c r="B28" s="2237"/>
      <c r="C28" s="2240"/>
      <c r="D28" s="256" t="s">
        <v>313</v>
      </c>
      <c r="E28" s="2203" t="s">
        <v>822</v>
      </c>
      <c r="F28" s="2204"/>
      <c r="G28" s="2204"/>
      <c r="H28" s="2204"/>
      <c r="I28" s="2204"/>
      <c r="J28" s="2204"/>
      <c r="K28" s="2204"/>
      <c r="L28" s="2205"/>
    </row>
    <row r="29" spans="1:12" ht="30" customHeight="1" x14ac:dyDescent="0.2">
      <c r="A29" s="1626"/>
      <c r="B29" s="2237"/>
      <c r="C29" s="2240"/>
      <c r="D29" s="256" t="s">
        <v>314</v>
      </c>
      <c r="E29" s="2203" t="s">
        <v>822</v>
      </c>
      <c r="F29" s="2204"/>
      <c r="G29" s="2204"/>
      <c r="H29" s="2204"/>
      <c r="I29" s="2204"/>
      <c r="J29" s="2204"/>
      <c r="K29" s="2204"/>
      <c r="L29" s="2205"/>
    </row>
    <row r="30" spans="1:12" ht="30" customHeight="1" x14ac:dyDescent="0.2">
      <c r="A30" s="1626"/>
      <c r="B30" s="2237"/>
      <c r="C30" s="2240"/>
      <c r="D30" s="256" t="s">
        <v>803</v>
      </c>
      <c r="E30" s="2203" t="s">
        <v>823</v>
      </c>
      <c r="F30" s="2204"/>
      <c r="G30" s="2204"/>
      <c r="H30" s="2204"/>
      <c r="I30" s="2204"/>
      <c r="J30" s="2204"/>
      <c r="K30" s="2204"/>
      <c r="L30" s="2205"/>
    </row>
    <row r="31" spans="1:12" ht="30" customHeight="1" x14ac:dyDescent="0.2">
      <c r="A31" s="1626"/>
      <c r="B31" s="2238"/>
      <c r="C31" s="2241"/>
      <c r="D31" s="256" t="s">
        <v>802</v>
      </c>
      <c r="E31" s="2203" t="s">
        <v>822</v>
      </c>
      <c r="F31" s="2204"/>
      <c r="G31" s="2204"/>
      <c r="H31" s="2204"/>
      <c r="I31" s="2204"/>
      <c r="J31" s="2204"/>
      <c r="K31" s="2204"/>
      <c r="L31" s="2205"/>
    </row>
    <row r="32" spans="1:12" ht="19.5" customHeight="1" x14ac:dyDescent="0.2">
      <c r="A32" s="1626"/>
      <c r="B32" s="1629">
        <v>6</v>
      </c>
      <c r="C32" s="2252" t="s">
        <v>317</v>
      </c>
      <c r="D32" s="2209" t="s">
        <v>330</v>
      </c>
      <c r="E32" s="2210"/>
      <c r="F32" s="2210"/>
      <c r="G32" s="2210"/>
      <c r="H32" s="2210"/>
      <c r="I32" s="2210"/>
      <c r="J32" s="2210"/>
      <c r="K32" s="2210"/>
      <c r="L32" s="2211"/>
    </row>
    <row r="33" spans="1:12" ht="19.5" customHeight="1" x14ac:dyDescent="0.2">
      <c r="A33" s="1626"/>
      <c r="B33" s="1629"/>
      <c r="C33" s="2252"/>
      <c r="D33" s="2212"/>
      <c r="E33" s="2213"/>
      <c r="F33" s="2213"/>
      <c r="G33" s="2213"/>
      <c r="H33" s="2213"/>
      <c r="I33" s="2213"/>
      <c r="J33" s="2213"/>
      <c r="K33" s="2213"/>
      <c r="L33" s="2214"/>
    </row>
    <row r="34" spans="1:12" ht="19.5" customHeight="1" x14ac:dyDescent="0.2">
      <c r="A34" s="1626"/>
      <c r="B34" s="2215">
        <v>7</v>
      </c>
      <c r="C34" s="2216" t="s">
        <v>200</v>
      </c>
      <c r="D34" s="2218"/>
      <c r="E34" s="2219"/>
      <c r="F34" s="2219"/>
      <c r="G34" s="2219"/>
      <c r="H34" s="2219"/>
      <c r="I34" s="2219"/>
      <c r="J34" s="2219"/>
      <c r="K34" s="2219"/>
      <c r="L34" s="2220"/>
    </row>
    <row r="35" spans="1:12" ht="19.5" customHeight="1" thickBot="1" x14ac:dyDescent="0.25">
      <c r="A35" s="1653"/>
      <c r="B35" s="2215"/>
      <c r="C35" s="2217"/>
      <c r="D35" s="2218"/>
      <c r="E35" s="2219"/>
      <c r="F35" s="2219"/>
      <c r="G35" s="2219"/>
      <c r="H35" s="2219"/>
      <c r="I35" s="2219"/>
      <c r="J35" s="2219"/>
      <c r="K35" s="2219"/>
      <c r="L35" s="2220"/>
    </row>
    <row r="36" spans="1:12" ht="36" customHeight="1" x14ac:dyDescent="0.2">
      <c r="A36" s="2263" t="s">
        <v>318</v>
      </c>
      <c r="B36" s="144">
        <v>1</v>
      </c>
      <c r="C36" s="191" t="s">
        <v>434</v>
      </c>
      <c r="D36" s="2253" t="s">
        <v>821</v>
      </c>
      <c r="E36" s="2253"/>
      <c r="F36" s="2253" t="s">
        <v>820</v>
      </c>
      <c r="G36" s="2253"/>
      <c r="H36" s="2253" t="s">
        <v>819</v>
      </c>
      <c r="I36" s="2253"/>
      <c r="J36" s="2254"/>
      <c r="K36" s="2254"/>
      <c r="L36" s="2255"/>
    </row>
    <row r="37" spans="1:12" ht="36" customHeight="1" x14ac:dyDescent="0.2">
      <c r="A37" s="2264"/>
      <c r="B37" s="143">
        <v>2</v>
      </c>
      <c r="C37" s="143" t="s">
        <v>225</v>
      </c>
      <c r="D37" s="2203" t="s">
        <v>818</v>
      </c>
      <c r="E37" s="2258"/>
      <c r="F37" s="2203" t="s">
        <v>817</v>
      </c>
      <c r="G37" s="2258"/>
      <c r="H37" s="2259"/>
      <c r="I37" s="1629"/>
      <c r="J37" s="2259"/>
      <c r="K37" s="1629"/>
      <c r="L37" s="2256"/>
    </row>
    <row r="38" spans="1:12" ht="36" customHeight="1" x14ac:dyDescent="0.2">
      <c r="A38" s="2264"/>
      <c r="B38" s="143">
        <v>3</v>
      </c>
      <c r="C38" s="192" t="s">
        <v>214</v>
      </c>
      <c r="D38" s="2259"/>
      <c r="E38" s="1629"/>
      <c r="F38" s="2259"/>
      <c r="G38" s="1629"/>
      <c r="H38" s="2203" t="s">
        <v>438</v>
      </c>
      <c r="I38" s="2258"/>
      <c r="J38" s="2259"/>
      <c r="K38" s="1629"/>
      <c r="L38" s="2257"/>
    </row>
    <row r="39" spans="1:12" ht="36" customHeight="1" thickBot="1" x14ac:dyDescent="0.25">
      <c r="A39" s="2265"/>
      <c r="B39" s="193">
        <v>4</v>
      </c>
      <c r="C39" s="193" t="s">
        <v>200</v>
      </c>
      <c r="D39" s="2260"/>
      <c r="E39" s="2261"/>
      <c r="F39" s="2261"/>
      <c r="G39" s="2261"/>
      <c r="H39" s="2261"/>
      <c r="I39" s="2261"/>
      <c r="J39" s="2261"/>
      <c r="K39" s="2261"/>
      <c r="L39" s="2262"/>
    </row>
    <row r="40" spans="1:12" ht="36" customHeight="1" x14ac:dyDescent="0.2">
      <c r="A40" s="1652" t="s">
        <v>816</v>
      </c>
      <c r="B40" s="2272">
        <v>1</v>
      </c>
      <c r="C40" s="2274" t="s">
        <v>800</v>
      </c>
      <c r="D40" s="470"/>
      <c r="E40" s="2277" t="s">
        <v>434</v>
      </c>
      <c r="F40" s="2278"/>
      <c r="G40" s="170" t="s">
        <v>799</v>
      </c>
      <c r="H40" s="2277" t="s">
        <v>434</v>
      </c>
      <c r="I40" s="2278"/>
      <c r="J40" s="469" t="s">
        <v>798</v>
      </c>
      <c r="K40" s="468" t="s">
        <v>797</v>
      </c>
      <c r="L40" s="2279"/>
    </row>
    <row r="41" spans="1:12" ht="30" customHeight="1" x14ac:dyDescent="0.2">
      <c r="A41" s="1626"/>
      <c r="B41" s="2248"/>
      <c r="C41" s="2275"/>
      <c r="D41" s="2236" t="s">
        <v>796</v>
      </c>
      <c r="E41" s="2203" t="s">
        <v>815</v>
      </c>
      <c r="F41" s="2258"/>
      <c r="G41" s="259" t="s">
        <v>814</v>
      </c>
      <c r="H41" s="2203" t="s">
        <v>354</v>
      </c>
      <c r="I41" s="2258"/>
      <c r="J41" s="258" t="s">
        <v>813</v>
      </c>
      <c r="K41" s="2282" t="s">
        <v>812</v>
      </c>
      <c r="L41" s="2280"/>
    </row>
    <row r="42" spans="1:12" ht="30" customHeight="1" x14ac:dyDescent="0.2">
      <c r="A42" s="1626"/>
      <c r="B42" s="2248"/>
      <c r="C42" s="2275"/>
      <c r="D42" s="2238"/>
      <c r="E42" s="2203" t="s">
        <v>436</v>
      </c>
      <c r="F42" s="2258"/>
      <c r="G42" s="259" t="s">
        <v>811</v>
      </c>
      <c r="H42" s="2259"/>
      <c r="I42" s="1629"/>
      <c r="J42" s="467"/>
      <c r="K42" s="2283"/>
      <c r="L42" s="2280"/>
    </row>
    <row r="43" spans="1:12" ht="30" customHeight="1" x14ac:dyDescent="0.2">
      <c r="A43" s="1626"/>
      <c r="B43" s="2248"/>
      <c r="C43" s="2275"/>
      <c r="D43" s="2236" t="s">
        <v>795</v>
      </c>
      <c r="E43" s="2203" t="s">
        <v>437</v>
      </c>
      <c r="F43" s="2258"/>
      <c r="G43" s="259" t="s">
        <v>809</v>
      </c>
      <c r="H43" s="2259"/>
      <c r="I43" s="1629"/>
      <c r="J43" s="467"/>
      <c r="K43" s="2282" t="s">
        <v>810</v>
      </c>
      <c r="L43" s="2280"/>
    </row>
    <row r="44" spans="1:12" ht="30" customHeight="1" x14ac:dyDescent="0.2">
      <c r="A44" s="1626"/>
      <c r="B44" s="2273"/>
      <c r="C44" s="2276"/>
      <c r="D44" s="2238"/>
      <c r="E44" s="2259"/>
      <c r="F44" s="1629"/>
      <c r="G44" s="256"/>
      <c r="H44" s="2259"/>
      <c r="I44" s="1629"/>
      <c r="J44" s="467"/>
      <c r="K44" s="2283"/>
      <c r="L44" s="2281"/>
    </row>
    <row r="45" spans="1:12" ht="30" customHeight="1" x14ac:dyDescent="0.2">
      <c r="A45" s="1626"/>
      <c r="B45" s="2247">
        <v>2</v>
      </c>
      <c r="C45" s="2267" t="s">
        <v>794</v>
      </c>
      <c r="D45" s="466" t="s">
        <v>792</v>
      </c>
      <c r="E45" s="2203" t="s">
        <v>354</v>
      </c>
      <c r="F45" s="2204"/>
      <c r="G45" s="2204"/>
      <c r="H45" s="2204"/>
      <c r="I45" s="2204"/>
      <c r="J45" s="2204"/>
      <c r="K45" s="2204"/>
      <c r="L45" s="2205"/>
    </row>
    <row r="46" spans="1:12" ht="30" customHeight="1" x14ac:dyDescent="0.2">
      <c r="A46" s="1626"/>
      <c r="B46" s="2248"/>
      <c r="C46" s="2275"/>
      <c r="D46" s="465" t="s">
        <v>791</v>
      </c>
      <c r="E46" s="2209" t="s">
        <v>437</v>
      </c>
      <c r="F46" s="2210"/>
      <c r="G46" s="2210"/>
      <c r="H46" s="2210"/>
      <c r="I46" s="2210"/>
      <c r="J46" s="2210"/>
      <c r="K46" s="2210"/>
      <c r="L46" s="2211"/>
    </row>
    <row r="47" spans="1:12" ht="30" customHeight="1" x14ac:dyDescent="0.2">
      <c r="A47" s="1626"/>
      <c r="B47" s="2247">
        <v>3</v>
      </c>
      <c r="C47" s="2267" t="s">
        <v>793</v>
      </c>
      <c r="D47" s="256" t="s">
        <v>792</v>
      </c>
      <c r="E47" s="2203" t="s">
        <v>330</v>
      </c>
      <c r="F47" s="2204"/>
      <c r="G47" s="2204"/>
      <c r="H47" s="2204"/>
      <c r="I47" s="2204"/>
      <c r="J47" s="2204"/>
      <c r="K47" s="2204"/>
      <c r="L47" s="2205"/>
    </row>
    <row r="48" spans="1:12" ht="30" customHeight="1" thickBot="1" x14ac:dyDescent="0.25">
      <c r="A48" s="1653"/>
      <c r="B48" s="2266"/>
      <c r="C48" s="2268"/>
      <c r="D48" s="257" t="s">
        <v>791</v>
      </c>
      <c r="E48" s="1658" t="s">
        <v>809</v>
      </c>
      <c r="F48" s="1659"/>
      <c r="G48" s="1659"/>
      <c r="H48" s="1659"/>
      <c r="I48" s="1659"/>
      <c r="J48" s="1659"/>
      <c r="K48" s="1659"/>
      <c r="L48" s="1660"/>
    </row>
    <row r="49" spans="1:12" ht="21" customHeight="1" x14ac:dyDescent="0.2">
      <c r="A49" s="2269" t="s">
        <v>319</v>
      </c>
      <c r="B49" s="2269"/>
      <c r="C49" s="2269"/>
      <c r="D49" s="2269"/>
      <c r="E49" s="2269"/>
      <c r="F49" s="2269"/>
      <c r="G49" s="2269"/>
      <c r="H49" s="2269"/>
      <c r="I49" s="2269"/>
      <c r="J49" s="2269"/>
      <c r="K49" s="2269"/>
      <c r="L49" s="2269"/>
    </row>
    <row r="50" spans="1:12" ht="25.5" customHeight="1" x14ac:dyDescent="0.2">
      <c r="A50" s="1650" t="s">
        <v>790</v>
      </c>
      <c r="B50" s="1650"/>
      <c r="C50" s="1650"/>
      <c r="D50" s="1650"/>
      <c r="E50" s="1650"/>
      <c r="F50" s="1650"/>
      <c r="G50" s="1650"/>
      <c r="H50" s="1650"/>
      <c r="I50" s="1650"/>
      <c r="J50" s="1650"/>
      <c r="K50" s="1650"/>
      <c r="L50" s="1650"/>
    </row>
    <row r="51" spans="1:12" ht="39.75" customHeight="1" x14ac:dyDescent="0.2">
      <c r="A51" s="1650" t="s">
        <v>789</v>
      </c>
      <c r="B51" s="1650"/>
      <c r="C51" s="1650"/>
      <c r="D51" s="1650"/>
      <c r="E51" s="1650"/>
      <c r="F51" s="1650"/>
      <c r="G51" s="1650"/>
      <c r="H51" s="1650"/>
      <c r="I51" s="1650"/>
      <c r="J51" s="1650"/>
      <c r="K51" s="1650"/>
      <c r="L51" s="1650"/>
    </row>
    <row r="52" spans="1:12" ht="35.25" customHeight="1" x14ac:dyDescent="0.2">
      <c r="A52" s="1650" t="s">
        <v>788</v>
      </c>
      <c r="B52" s="1650"/>
      <c r="C52" s="1650"/>
      <c r="D52" s="1650"/>
      <c r="E52" s="1650"/>
      <c r="F52" s="1650"/>
      <c r="G52" s="1650"/>
      <c r="H52" s="1650"/>
      <c r="I52" s="1650"/>
      <c r="J52" s="1650"/>
      <c r="K52" s="1650"/>
      <c r="L52" s="1650"/>
    </row>
    <row r="53" spans="1:12" ht="24.75" customHeight="1" x14ac:dyDescent="0.2">
      <c r="A53" s="1650" t="s">
        <v>787</v>
      </c>
      <c r="B53" s="1650"/>
      <c r="C53" s="1650"/>
      <c r="D53" s="1650"/>
      <c r="E53" s="1650"/>
      <c r="F53" s="1650"/>
      <c r="G53" s="1650"/>
      <c r="H53" s="1650"/>
      <c r="I53" s="1650"/>
      <c r="J53" s="1650"/>
      <c r="K53" s="1650"/>
      <c r="L53" s="1650"/>
    </row>
    <row r="54" spans="1:12" ht="21" customHeight="1" x14ac:dyDescent="0.2">
      <c r="A54" s="2271" t="s">
        <v>435</v>
      </c>
      <c r="B54" s="2271"/>
      <c r="C54" s="2271"/>
      <c r="D54" s="2271"/>
      <c r="E54" s="2271"/>
      <c r="F54" s="2271"/>
      <c r="G54" s="2271"/>
      <c r="H54" s="2271"/>
      <c r="I54" s="2271"/>
      <c r="J54" s="2271"/>
      <c r="K54" s="2271"/>
      <c r="L54" s="2271"/>
    </row>
    <row r="55" spans="1:12" ht="13.5" customHeight="1" x14ac:dyDescent="0.2">
      <c r="A55" s="2271" t="s">
        <v>320</v>
      </c>
      <c r="B55" s="2271"/>
      <c r="C55" s="2271"/>
      <c r="D55" s="2271"/>
      <c r="E55" s="2271"/>
      <c r="F55" s="2271"/>
      <c r="G55" s="2271"/>
      <c r="H55" s="2271"/>
      <c r="I55" s="2271"/>
      <c r="J55" s="2271"/>
      <c r="K55" s="2271"/>
      <c r="L55" s="2271"/>
    </row>
    <row r="56" spans="1:12" x14ac:dyDescent="0.2">
      <c r="A56" s="2270" t="s">
        <v>786</v>
      </c>
      <c r="B56" s="2270"/>
      <c r="C56" s="2270"/>
      <c r="D56" s="2270"/>
      <c r="E56" s="2270"/>
      <c r="F56" s="2270"/>
      <c r="G56" s="2270"/>
      <c r="H56" s="2270"/>
      <c r="I56" s="2270"/>
      <c r="J56" s="2270"/>
      <c r="K56" s="2270"/>
      <c r="L56" s="2270"/>
    </row>
    <row r="57" spans="1:12" ht="13.5" customHeight="1" x14ac:dyDescent="0.2">
      <c r="A57" s="1651" t="s">
        <v>785</v>
      </c>
      <c r="B57" s="2270"/>
      <c r="C57" s="2270"/>
      <c r="D57" s="2270"/>
      <c r="E57" s="2270"/>
      <c r="F57" s="2270"/>
      <c r="G57" s="2270"/>
      <c r="H57" s="2270"/>
      <c r="I57" s="2270"/>
      <c r="J57" s="2270"/>
      <c r="K57" s="2270"/>
      <c r="L57" s="2270"/>
    </row>
    <row r="58" spans="1:12" x14ac:dyDescent="0.2">
      <c r="A58" s="464" t="s">
        <v>784</v>
      </c>
    </row>
  </sheetData>
  <customSheetViews>
    <customSheetView guid="{FA98832E-F01A-4598-9960-E27C2FDAB118}" scale="80" showPageBreaks="1" view="pageBreakPreview">
      <selection activeCell="J20" sqref="J20"/>
      <pageMargins left="0.7" right="0.7" top="0.75" bottom="0.75" header="0.3" footer="0.3"/>
      <pageSetup paperSize="9" scale="58" orientation="portrait" r:id="rId1"/>
    </customSheetView>
    <customSheetView guid="{8494577A-77FB-45FD-BD2B-C737BCFAD5B3}" scale="80" showPageBreaks="1" view="pageBreakPreview">
      <selection activeCell="J20" sqref="J20"/>
      <pageMargins left="0.7" right="0.7" top="0.75" bottom="0.75" header="0.3" footer="0.3"/>
      <pageSetup paperSize="9" scale="58" orientation="portrait" r:id="rId2"/>
    </customSheetView>
  </customSheetViews>
  <mergeCells count="104">
    <mergeCell ref="B47:B48"/>
    <mergeCell ref="C47:C48"/>
    <mergeCell ref="E47:L47"/>
    <mergeCell ref="E48:L48"/>
    <mergeCell ref="A49:L49"/>
    <mergeCell ref="A50:L50"/>
    <mergeCell ref="A57:L57"/>
    <mergeCell ref="A51:L51"/>
    <mergeCell ref="A52:L52"/>
    <mergeCell ref="A53:L53"/>
    <mergeCell ref="A54:L54"/>
    <mergeCell ref="A55:L55"/>
    <mergeCell ref="A56:L56"/>
    <mergeCell ref="A40:A48"/>
    <mergeCell ref="B40:B44"/>
    <mergeCell ref="C40:C44"/>
    <mergeCell ref="E40:F40"/>
    <mergeCell ref="H40:I40"/>
    <mergeCell ref="C45:C46"/>
    <mergeCell ref="E45:L45"/>
    <mergeCell ref="E46:L46"/>
    <mergeCell ref="L40:L44"/>
    <mergeCell ref="K41:K42"/>
    <mergeCell ref="K43:K44"/>
    <mergeCell ref="E24:L24"/>
    <mergeCell ref="E25:L25"/>
    <mergeCell ref="E26:L26"/>
    <mergeCell ref="A36:A39"/>
    <mergeCell ref="D36:E36"/>
    <mergeCell ref="F36:G36"/>
    <mergeCell ref="D43:D44"/>
    <mergeCell ref="E43:F43"/>
    <mergeCell ref="H43:I43"/>
    <mergeCell ref="D38:E38"/>
    <mergeCell ref="F38:G38"/>
    <mergeCell ref="H38:I38"/>
    <mergeCell ref="D41:D42"/>
    <mergeCell ref="E41:F41"/>
    <mergeCell ref="H41:I41"/>
    <mergeCell ref="E42:F42"/>
    <mergeCell ref="H42:I42"/>
    <mergeCell ref="E44:F44"/>
    <mergeCell ref="H44:I44"/>
    <mergeCell ref="D15:E15"/>
    <mergeCell ref="D16:E16"/>
    <mergeCell ref="B17:B21"/>
    <mergeCell ref="C17:C21"/>
    <mergeCell ref="B45:B46"/>
    <mergeCell ref="E17:L17"/>
    <mergeCell ref="E18:L18"/>
    <mergeCell ref="E19:L19"/>
    <mergeCell ref="E20:L20"/>
    <mergeCell ref="B32:B33"/>
    <mergeCell ref="C32:C33"/>
    <mergeCell ref="H36:I36"/>
    <mergeCell ref="J36:K36"/>
    <mergeCell ref="L36:L38"/>
    <mergeCell ref="D37:E37"/>
    <mergeCell ref="F37:G37"/>
    <mergeCell ref="H37:I37"/>
    <mergeCell ref="J37:K37"/>
    <mergeCell ref="J38:K38"/>
    <mergeCell ref="D39:L39"/>
    <mergeCell ref="B22:B26"/>
    <mergeCell ref="C22:C26"/>
    <mergeCell ref="E22:L22"/>
    <mergeCell ref="E23:L23"/>
    <mergeCell ref="E21:L21"/>
    <mergeCell ref="A8:A35"/>
    <mergeCell ref="D8:L8"/>
    <mergeCell ref="D32:L33"/>
    <mergeCell ref="B34:B35"/>
    <mergeCell ref="C34:C35"/>
    <mergeCell ref="D34:L35"/>
    <mergeCell ref="I6:L7"/>
    <mergeCell ref="D7:G7"/>
    <mergeCell ref="D13:E13"/>
    <mergeCell ref="E31:L31"/>
    <mergeCell ref="B9:B16"/>
    <mergeCell ref="C9:C16"/>
    <mergeCell ref="D9:E10"/>
    <mergeCell ref="F9:F10"/>
    <mergeCell ref="G9:K9"/>
    <mergeCell ref="L9:L10"/>
    <mergeCell ref="D11:E11"/>
    <mergeCell ref="B27:B31"/>
    <mergeCell ref="C27:C31"/>
    <mergeCell ref="E27:L27"/>
    <mergeCell ref="E28:L28"/>
    <mergeCell ref="E29:L29"/>
    <mergeCell ref="E30:L30"/>
    <mergeCell ref="A1:L1"/>
    <mergeCell ref="A2:L2"/>
    <mergeCell ref="A3:C3"/>
    <mergeCell ref="D3:L3"/>
    <mergeCell ref="A4:C4"/>
    <mergeCell ref="D4:L4"/>
    <mergeCell ref="D14:E14"/>
    <mergeCell ref="A5:C5"/>
    <mergeCell ref="D5:L5"/>
    <mergeCell ref="A6:B7"/>
    <mergeCell ref="D6:G6"/>
    <mergeCell ref="H6:H7"/>
    <mergeCell ref="D12:E12"/>
  </mergeCells>
  <phoneticPr fontId="6"/>
  <pageMargins left="0.7" right="0.7" top="0.75" bottom="0.75" header="0.3" footer="0.3"/>
  <pageSetup paperSize="9" scale="58" orientation="portrait" r:id="rId3"/>
  <drawing r:id="rId4"/>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E71"/>
  <sheetViews>
    <sheetView view="pageBreakPreview" zoomScale="96" zoomScaleNormal="110" zoomScaleSheetLayoutView="96" workbookViewId="0">
      <selection activeCell="D22" sqref="D22:T23"/>
    </sheetView>
  </sheetViews>
  <sheetFormatPr defaultColWidth="4.44140625" defaultRowHeight="13.2" x14ac:dyDescent="0.2"/>
  <cols>
    <col min="1" max="1" width="3.21875" style="836" customWidth="1"/>
    <col min="2" max="2" width="2.88671875" style="836" customWidth="1"/>
    <col min="3" max="3" width="11.77734375" style="836" customWidth="1"/>
    <col min="4" max="8" width="5.109375" style="836" customWidth="1"/>
    <col min="9" max="9" width="8.44140625" style="836" customWidth="1"/>
    <col min="10" max="18" width="5.109375" style="836" customWidth="1"/>
    <col min="19" max="20" width="8.44140625" style="836" customWidth="1"/>
    <col min="21" max="25" width="5.109375" style="836" customWidth="1"/>
    <col min="26" max="26" width="2.21875" style="836" customWidth="1"/>
    <col min="27" max="257" width="4.44140625" style="836"/>
    <col min="258" max="258" width="3.21875" style="836" customWidth="1"/>
    <col min="259" max="259" width="2.6640625" style="836" customWidth="1"/>
    <col min="260" max="260" width="8.21875" style="836" customWidth="1"/>
    <col min="261" max="263" width="4.44140625" style="836"/>
    <col min="264" max="264" width="4" style="836" customWidth="1"/>
    <col min="265" max="265" width="4.44140625" style="836"/>
    <col min="266" max="266" width="8.21875" style="836" customWidth="1"/>
    <col min="267" max="275" width="4.44140625" style="836"/>
    <col min="276" max="277" width="7.6640625" style="836" customWidth="1"/>
    <col min="278" max="279" width="4.44140625" style="836"/>
    <col min="280" max="280" width="4.44140625" style="836" customWidth="1"/>
    <col min="281" max="281" width="2.6640625" style="836" customWidth="1"/>
    <col min="282" max="282" width="3.77734375" style="836" customWidth="1"/>
    <col min="283" max="513" width="4.44140625" style="836"/>
    <col min="514" max="514" width="3.21875" style="836" customWidth="1"/>
    <col min="515" max="515" width="2.6640625" style="836" customWidth="1"/>
    <col min="516" max="516" width="8.21875" style="836" customWidth="1"/>
    <col min="517" max="519" width="4.44140625" style="836"/>
    <col min="520" max="520" width="4" style="836" customWidth="1"/>
    <col min="521" max="521" width="4.44140625" style="836"/>
    <col min="522" max="522" width="8.21875" style="836" customWidth="1"/>
    <col min="523" max="531" width="4.44140625" style="836"/>
    <col min="532" max="533" width="7.6640625" style="836" customWidth="1"/>
    <col min="534" max="535" width="4.44140625" style="836"/>
    <col min="536" max="536" width="4.44140625" style="836" customWidth="1"/>
    <col min="537" max="537" width="2.6640625" style="836" customWidth="1"/>
    <col min="538" max="538" width="3.77734375" style="836" customWidth="1"/>
    <col min="539" max="769" width="4.44140625" style="836"/>
    <col min="770" max="770" width="3.21875" style="836" customWidth="1"/>
    <col min="771" max="771" width="2.6640625" style="836" customWidth="1"/>
    <col min="772" max="772" width="8.21875" style="836" customWidth="1"/>
    <col min="773" max="775" width="4.44140625" style="836"/>
    <col min="776" max="776" width="4" style="836" customWidth="1"/>
    <col min="777" max="777" width="4.44140625" style="836"/>
    <col min="778" max="778" width="8.21875" style="836" customWidth="1"/>
    <col min="779" max="787" width="4.44140625" style="836"/>
    <col min="788" max="789" width="7.6640625" style="836" customWidth="1"/>
    <col min="790" max="791" width="4.44140625" style="836"/>
    <col min="792" max="792" width="4.44140625" style="836" customWidth="1"/>
    <col min="793" max="793" width="2.6640625" style="836" customWidth="1"/>
    <col min="794" max="794" width="3.77734375" style="836" customWidth="1"/>
    <col min="795" max="1025" width="4.44140625" style="836"/>
    <col min="1026" max="1026" width="3.21875" style="836" customWidth="1"/>
    <col min="1027" max="1027" width="2.6640625" style="836" customWidth="1"/>
    <col min="1028" max="1028" width="8.21875" style="836" customWidth="1"/>
    <col min="1029" max="1031" width="4.44140625" style="836"/>
    <col min="1032" max="1032" width="4" style="836" customWidth="1"/>
    <col min="1033" max="1033" width="4.44140625" style="836"/>
    <col min="1034" max="1034" width="8.21875" style="836" customWidth="1"/>
    <col min="1035" max="1043" width="4.44140625" style="836"/>
    <col min="1044" max="1045" width="7.6640625" style="836" customWidth="1"/>
    <col min="1046" max="1047" width="4.44140625" style="836"/>
    <col min="1048" max="1048" width="4.44140625" style="836" customWidth="1"/>
    <col min="1049" max="1049" width="2.6640625" style="836" customWidth="1"/>
    <col min="1050" max="1050" width="3.77734375" style="836" customWidth="1"/>
    <col min="1051" max="1281" width="4.44140625" style="836"/>
    <col min="1282" max="1282" width="3.21875" style="836" customWidth="1"/>
    <col min="1283" max="1283" width="2.6640625" style="836" customWidth="1"/>
    <col min="1284" max="1284" width="8.21875" style="836" customWidth="1"/>
    <col min="1285" max="1287" width="4.44140625" style="836"/>
    <col min="1288" max="1288" width="4" style="836" customWidth="1"/>
    <col min="1289" max="1289" width="4.44140625" style="836"/>
    <col min="1290" max="1290" width="8.21875" style="836" customWidth="1"/>
    <col min="1291" max="1299" width="4.44140625" style="836"/>
    <col min="1300" max="1301" width="7.6640625" style="836" customWidth="1"/>
    <col min="1302" max="1303" width="4.44140625" style="836"/>
    <col min="1304" max="1304" width="4.44140625" style="836" customWidth="1"/>
    <col min="1305" max="1305" width="2.6640625" style="836" customWidth="1"/>
    <col min="1306" max="1306" width="3.77734375" style="836" customWidth="1"/>
    <col min="1307" max="1537" width="4.44140625" style="836"/>
    <col min="1538" max="1538" width="3.21875" style="836" customWidth="1"/>
    <col min="1539" max="1539" width="2.6640625" style="836" customWidth="1"/>
    <col min="1540" max="1540" width="8.21875" style="836" customWidth="1"/>
    <col min="1541" max="1543" width="4.44140625" style="836"/>
    <col min="1544" max="1544" width="4" style="836" customWidth="1"/>
    <col min="1545" max="1545" width="4.44140625" style="836"/>
    <col min="1546" max="1546" width="8.21875" style="836" customWidth="1"/>
    <col min="1547" max="1555" width="4.44140625" style="836"/>
    <col min="1556" max="1557" width="7.6640625" style="836" customWidth="1"/>
    <col min="1558" max="1559" width="4.44140625" style="836"/>
    <col min="1560" max="1560" width="4.44140625" style="836" customWidth="1"/>
    <col min="1561" max="1561" width="2.6640625" style="836" customWidth="1"/>
    <col min="1562" max="1562" width="3.77734375" style="836" customWidth="1"/>
    <col min="1563" max="1793" width="4.44140625" style="836"/>
    <col min="1794" max="1794" width="3.21875" style="836" customWidth="1"/>
    <col min="1795" max="1795" width="2.6640625" style="836" customWidth="1"/>
    <col min="1796" max="1796" width="8.21875" style="836" customWidth="1"/>
    <col min="1797" max="1799" width="4.44140625" style="836"/>
    <col min="1800" max="1800" width="4" style="836" customWidth="1"/>
    <col min="1801" max="1801" width="4.44140625" style="836"/>
    <col min="1802" max="1802" width="8.21875" style="836" customWidth="1"/>
    <col min="1803" max="1811" width="4.44140625" style="836"/>
    <col min="1812" max="1813" width="7.6640625" style="836" customWidth="1"/>
    <col min="1814" max="1815" width="4.44140625" style="836"/>
    <col min="1816" max="1816" width="4.44140625" style="836" customWidth="1"/>
    <col min="1817" max="1817" width="2.6640625" style="836" customWidth="1"/>
    <col min="1818" max="1818" width="3.77734375" style="836" customWidth="1"/>
    <col min="1819" max="2049" width="4.44140625" style="836"/>
    <col min="2050" max="2050" width="3.21875" style="836" customWidth="1"/>
    <col min="2051" max="2051" width="2.6640625" style="836" customWidth="1"/>
    <col min="2052" max="2052" width="8.21875" style="836" customWidth="1"/>
    <col min="2053" max="2055" width="4.44140625" style="836"/>
    <col min="2056" max="2056" width="4" style="836" customWidth="1"/>
    <col min="2057" max="2057" width="4.44140625" style="836"/>
    <col min="2058" max="2058" width="8.21875" style="836" customWidth="1"/>
    <col min="2059" max="2067" width="4.44140625" style="836"/>
    <col min="2068" max="2069" width="7.6640625" style="836" customWidth="1"/>
    <col min="2070" max="2071" width="4.44140625" style="836"/>
    <col min="2072" max="2072" width="4.44140625" style="836" customWidth="1"/>
    <col min="2073" max="2073" width="2.6640625" style="836" customWidth="1"/>
    <col min="2074" max="2074" width="3.77734375" style="836" customWidth="1"/>
    <col min="2075" max="2305" width="4.44140625" style="836"/>
    <col min="2306" max="2306" width="3.21875" style="836" customWidth="1"/>
    <col min="2307" max="2307" width="2.6640625" style="836" customWidth="1"/>
    <col min="2308" max="2308" width="8.21875" style="836" customWidth="1"/>
    <col min="2309" max="2311" width="4.44140625" style="836"/>
    <col min="2312" max="2312" width="4" style="836" customWidth="1"/>
    <col min="2313" max="2313" width="4.44140625" style="836"/>
    <col min="2314" max="2314" width="8.21875" style="836" customWidth="1"/>
    <col min="2315" max="2323" width="4.44140625" style="836"/>
    <col min="2324" max="2325" width="7.6640625" style="836" customWidth="1"/>
    <col min="2326" max="2327" width="4.44140625" style="836"/>
    <col min="2328" max="2328" width="4.44140625" style="836" customWidth="1"/>
    <col min="2329" max="2329" width="2.6640625" style="836" customWidth="1"/>
    <col min="2330" max="2330" width="3.77734375" style="836" customWidth="1"/>
    <col min="2331" max="2561" width="4.44140625" style="836"/>
    <col min="2562" max="2562" width="3.21875" style="836" customWidth="1"/>
    <col min="2563" max="2563" width="2.6640625" style="836" customWidth="1"/>
    <col min="2564" max="2564" width="8.21875" style="836" customWidth="1"/>
    <col min="2565" max="2567" width="4.44140625" style="836"/>
    <col min="2568" max="2568" width="4" style="836" customWidth="1"/>
    <col min="2569" max="2569" width="4.44140625" style="836"/>
    <col min="2570" max="2570" width="8.21875" style="836" customWidth="1"/>
    <col min="2571" max="2579" width="4.44140625" style="836"/>
    <col min="2580" max="2581" width="7.6640625" style="836" customWidth="1"/>
    <col min="2582" max="2583" width="4.44140625" style="836"/>
    <col min="2584" max="2584" width="4.44140625" style="836" customWidth="1"/>
    <col min="2585" max="2585" width="2.6640625" style="836" customWidth="1"/>
    <col min="2586" max="2586" width="3.77734375" style="836" customWidth="1"/>
    <col min="2587" max="2817" width="4.44140625" style="836"/>
    <col min="2818" max="2818" width="3.21875" style="836" customWidth="1"/>
    <col min="2819" max="2819" width="2.6640625" style="836" customWidth="1"/>
    <col min="2820" max="2820" width="8.21875" style="836" customWidth="1"/>
    <col min="2821" max="2823" width="4.44140625" style="836"/>
    <col min="2824" max="2824" width="4" style="836" customWidth="1"/>
    <col min="2825" max="2825" width="4.44140625" style="836"/>
    <col min="2826" max="2826" width="8.21875" style="836" customWidth="1"/>
    <col min="2827" max="2835" width="4.44140625" style="836"/>
    <col min="2836" max="2837" width="7.6640625" style="836" customWidth="1"/>
    <col min="2838" max="2839" width="4.44140625" style="836"/>
    <col min="2840" max="2840" width="4.44140625" style="836" customWidth="1"/>
    <col min="2841" max="2841" width="2.6640625" style="836" customWidth="1"/>
    <col min="2842" max="2842" width="3.77734375" style="836" customWidth="1"/>
    <col min="2843" max="3073" width="4.44140625" style="836"/>
    <col min="3074" max="3074" width="3.21875" style="836" customWidth="1"/>
    <col min="3075" max="3075" width="2.6640625" style="836" customWidth="1"/>
    <col min="3076" max="3076" width="8.21875" style="836" customWidth="1"/>
    <col min="3077" max="3079" width="4.44140625" style="836"/>
    <col min="3080" max="3080" width="4" style="836" customWidth="1"/>
    <col min="3081" max="3081" width="4.44140625" style="836"/>
    <col min="3082" max="3082" width="8.21875" style="836" customWidth="1"/>
    <col min="3083" max="3091" width="4.44140625" style="836"/>
    <col min="3092" max="3093" width="7.6640625" style="836" customWidth="1"/>
    <col min="3094" max="3095" width="4.44140625" style="836"/>
    <col min="3096" max="3096" width="4.44140625" style="836" customWidth="1"/>
    <col min="3097" max="3097" width="2.6640625" style="836" customWidth="1"/>
    <col min="3098" max="3098" width="3.77734375" style="836" customWidth="1"/>
    <col min="3099" max="3329" width="4.44140625" style="836"/>
    <col min="3330" max="3330" width="3.21875" style="836" customWidth="1"/>
    <col min="3331" max="3331" width="2.6640625" style="836" customWidth="1"/>
    <col min="3332" max="3332" width="8.21875" style="836" customWidth="1"/>
    <col min="3333" max="3335" width="4.44140625" style="836"/>
    <col min="3336" max="3336" width="4" style="836" customWidth="1"/>
    <col min="3337" max="3337" width="4.44140625" style="836"/>
    <col min="3338" max="3338" width="8.21875" style="836" customWidth="1"/>
    <col min="3339" max="3347" width="4.44140625" style="836"/>
    <col min="3348" max="3349" width="7.6640625" style="836" customWidth="1"/>
    <col min="3350" max="3351" width="4.44140625" style="836"/>
    <col min="3352" max="3352" width="4.44140625" style="836" customWidth="1"/>
    <col min="3353" max="3353" width="2.6640625" style="836" customWidth="1"/>
    <col min="3354" max="3354" width="3.77734375" style="836" customWidth="1"/>
    <col min="3355" max="3585" width="4.44140625" style="836"/>
    <col min="3586" max="3586" width="3.21875" style="836" customWidth="1"/>
    <col min="3587" max="3587" width="2.6640625" style="836" customWidth="1"/>
    <col min="3588" max="3588" width="8.21875" style="836" customWidth="1"/>
    <col min="3589" max="3591" width="4.44140625" style="836"/>
    <col min="3592" max="3592" width="4" style="836" customWidth="1"/>
    <col min="3593" max="3593" width="4.44140625" style="836"/>
    <col min="3594" max="3594" width="8.21875" style="836" customWidth="1"/>
    <col min="3595" max="3603" width="4.44140625" style="836"/>
    <col min="3604" max="3605" width="7.6640625" style="836" customWidth="1"/>
    <col min="3606" max="3607" width="4.44140625" style="836"/>
    <col min="3608" max="3608" width="4.44140625" style="836" customWidth="1"/>
    <col min="3609" max="3609" width="2.6640625" style="836" customWidth="1"/>
    <col min="3610" max="3610" width="3.77734375" style="836" customWidth="1"/>
    <col min="3611" max="3841" width="4.44140625" style="836"/>
    <col min="3842" max="3842" width="3.21875" style="836" customWidth="1"/>
    <col min="3843" max="3843" width="2.6640625" style="836" customWidth="1"/>
    <col min="3844" max="3844" width="8.21875" style="836" customWidth="1"/>
    <col min="3845" max="3847" width="4.44140625" style="836"/>
    <col min="3848" max="3848" width="4" style="836" customWidth="1"/>
    <col min="3849" max="3849" width="4.44140625" style="836"/>
    <col min="3850" max="3850" width="8.21875" style="836" customWidth="1"/>
    <col min="3851" max="3859" width="4.44140625" style="836"/>
    <col min="3860" max="3861" width="7.6640625" style="836" customWidth="1"/>
    <col min="3862" max="3863" width="4.44140625" style="836"/>
    <col min="3864" max="3864" width="4.44140625" style="836" customWidth="1"/>
    <col min="3865" max="3865" width="2.6640625" style="836" customWidth="1"/>
    <col min="3866" max="3866" width="3.77734375" style="836" customWidth="1"/>
    <col min="3867" max="4097" width="4.44140625" style="836"/>
    <col min="4098" max="4098" width="3.21875" style="836" customWidth="1"/>
    <col min="4099" max="4099" width="2.6640625" style="836" customWidth="1"/>
    <col min="4100" max="4100" width="8.21875" style="836" customWidth="1"/>
    <col min="4101" max="4103" width="4.44140625" style="836"/>
    <col min="4104" max="4104" width="4" style="836" customWidth="1"/>
    <col min="4105" max="4105" width="4.44140625" style="836"/>
    <col min="4106" max="4106" width="8.21875" style="836" customWidth="1"/>
    <col min="4107" max="4115" width="4.44140625" style="836"/>
    <col min="4116" max="4117" width="7.6640625" style="836" customWidth="1"/>
    <col min="4118" max="4119" width="4.44140625" style="836"/>
    <col min="4120" max="4120" width="4.44140625" style="836" customWidth="1"/>
    <col min="4121" max="4121" width="2.6640625" style="836" customWidth="1"/>
    <col min="4122" max="4122" width="3.77734375" style="836" customWidth="1"/>
    <col min="4123" max="4353" width="4.44140625" style="836"/>
    <col min="4354" max="4354" width="3.21875" style="836" customWidth="1"/>
    <col min="4355" max="4355" width="2.6640625" style="836" customWidth="1"/>
    <col min="4356" max="4356" width="8.21875" style="836" customWidth="1"/>
    <col min="4357" max="4359" width="4.44140625" style="836"/>
    <col min="4360" max="4360" width="4" style="836" customWidth="1"/>
    <col min="4361" max="4361" width="4.44140625" style="836"/>
    <col min="4362" max="4362" width="8.21875" style="836" customWidth="1"/>
    <col min="4363" max="4371" width="4.44140625" style="836"/>
    <col min="4372" max="4373" width="7.6640625" style="836" customWidth="1"/>
    <col min="4374" max="4375" width="4.44140625" style="836"/>
    <col min="4376" max="4376" width="4.44140625" style="836" customWidth="1"/>
    <col min="4377" max="4377" width="2.6640625" style="836" customWidth="1"/>
    <col min="4378" max="4378" width="3.77734375" style="836" customWidth="1"/>
    <col min="4379" max="4609" width="4.44140625" style="836"/>
    <col min="4610" max="4610" width="3.21875" style="836" customWidth="1"/>
    <col min="4611" max="4611" width="2.6640625" style="836" customWidth="1"/>
    <col min="4612" max="4612" width="8.21875" style="836" customWidth="1"/>
    <col min="4613" max="4615" width="4.44140625" style="836"/>
    <col min="4616" max="4616" width="4" style="836" customWidth="1"/>
    <col min="4617" max="4617" width="4.44140625" style="836"/>
    <col min="4618" max="4618" width="8.21875" style="836" customWidth="1"/>
    <col min="4619" max="4627" width="4.44140625" style="836"/>
    <col min="4628" max="4629" width="7.6640625" style="836" customWidth="1"/>
    <col min="4630" max="4631" width="4.44140625" style="836"/>
    <col min="4632" max="4632" width="4.44140625" style="836" customWidth="1"/>
    <col min="4633" max="4633" width="2.6640625" style="836" customWidth="1"/>
    <col min="4634" max="4634" width="3.77734375" style="836" customWidth="1"/>
    <col min="4635" max="4865" width="4.44140625" style="836"/>
    <col min="4866" max="4866" width="3.21875" style="836" customWidth="1"/>
    <col min="4867" max="4867" width="2.6640625" style="836" customWidth="1"/>
    <col min="4868" max="4868" width="8.21875" style="836" customWidth="1"/>
    <col min="4869" max="4871" width="4.44140625" style="836"/>
    <col min="4872" max="4872" width="4" style="836" customWidth="1"/>
    <col min="4873" max="4873" width="4.44140625" style="836"/>
    <col min="4874" max="4874" width="8.21875" style="836" customWidth="1"/>
    <col min="4875" max="4883" width="4.44140625" style="836"/>
    <col min="4884" max="4885" width="7.6640625" style="836" customWidth="1"/>
    <col min="4886" max="4887" width="4.44140625" style="836"/>
    <col min="4888" max="4888" width="4.44140625" style="836" customWidth="1"/>
    <col min="4889" max="4889" width="2.6640625" style="836" customWidth="1"/>
    <col min="4890" max="4890" width="3.77734375" style="836" customWidth="1"/>
    <col min="4891" max="5121" width="4.44140625" style="836"/>
    <col min="5122" max="5122" width="3.21875" style="836" customWidth="1"/>
    <col min="5123" max="5123" width="2.6640625" style="836" customWidth="1"/>
    <col min="5124" max="5124" width="8.21875" style="836" customWidth="1"/>
    <col min="5125" max="5127" width="4.44140625" style="836"/>
    <col min="5128" max="5128" width="4" style="836" customWidth="1"/>
    <col min="5129" max="5129" width="4.44140625" style="836"/>
    <col min="5130" max="5130" width="8.21875" style="836" customWidth="1"/>
    <col min="5131" max="5139" width="4.44140625" style="836"/>
    <col min="5140" max="5141" width="7.6640625" style="836" customWidth="1"/>
    <col min="5142" max="5143" width="4.44140625" style="836"/>
    <col min="5144" max="5144" width="4.44140625" style="836" customWidth="1"/>
    <col min="5145" max="5145" width="2.6640625" style="836" customWidth="1"/>
    <col min="5146" max="5146" width="3.77734375" style="836" customWidth="1"/>
    <col min="5147" max="5377" width="4.44140625" style="836"/>
    <col min="5378" max="5378" width="3.21875" style="836" customWidth="1"/>
    <col min="5379" max="5379" width="2.6640625" style="836" customWidth="1"/>
    <col min="5380" max="5380" width="8.21875" style="836" customWidth="1"/>
    <col min="5381" max="5383" width="4.44140625" style="836"/>
    <col min="5384" max="5384" width="4" style="836" customWidth="1"/>
    <col min="5385" max="5385" width="4.44140625" style="836"/>
    <col min="5386" max="5386" width="8.21875" style="836" customWidth="1"/>
    <col min="5387" max="5395" width="4.44140625" style="836"/>
    <col min="5396" max="5397" width="7.6640625" style="836" customWidth="1"/>
    <col min="5398" max="5399" width="4.44140625" style="836"/>
    <col min="5400" max="5400" width="4.44140625" style="836" customWidth="1"/>
    <col min="5401" max="5401" width="2.6640625" style="836" customWidth="1"/>
    <col min="5402" max="5402" width="3.77734375" style="836" customWidth="1"/>
    <col min="5403" max="5633" width="4.44140625" style="836"/>
    <col min="5634" max="5634" width="3.21875" style="836" customWidth="1"/>
    <col min="5635" max="5635" width="2.6640625" style="836" customWidth="1"/>
    <col min="5636" max="5636" width="8.21875" style="836" customWidth="1"/>
    <col min="5637" max="5639" width="4.44140625" style="836"/>
    <col min="5640" max="5640" width="4" style="836" customWidth="1"/>
    <col min="5641" max="5641" width="4.44140625" style="836"/>
    <col min="5642" max="5642" width="8.21875" style="836" customWidth="1"/>
    <col min="5643" max="5651" width="4.44140625" style="836"/>
    <col min="5652" max="5653" width="7.6640625" style="836" customWidth="1"/>
    <col min="5654" max="5655" width="4.44140625" style="836"/>
    <col min="5656" max="5656" width="4.44140625" style="836" customWidth="1"/>
    <col min="5657" max="5657" width="2.6640625" style="836" customWidth="1"/>
    <col min="5658" max="5658" width="3.77734375" style="836" customWidth="1"/>
    <col min="5659" max="5889" width="4.44140625" style="836"/>
    <col min="5890" max="5890" width="3.21875" style="836" customWidth="1"/>
    <col min="5891" max="5891" width="2.6640625" style="836" customWidth="1"/>
    <col min="5892" max="5892" width="8.21875" style="836" customWidth="1"/>
    <col min="5893" max="5895" width="4.44140625" style="836"/>
    <col min="5896" max="5896" width="4" style="836" customWidth="1"/>
    <col min="5897" max="5897" width="4.44140625" style="836"/>
    <col min="5898" max="5898" width="8.21875" style="836" customWidth="1"/>
    <col min="5899" max="5907" width="4.44140625" style="836"/>
    <col min="5908" max="5909" width="7.6640625" style="836" customWidth="1"/>
    <col min="5910" max="5911" width="4.44140625" style="836"/>
    <col min="5912" max="5912" width="4.44140625" style="836" customWidth="1"/>
    <col min="5913" max="5913" width="2.6640625" style="836" customWidth="1"/>
    <col min="5914" max="5914" width="3.77734375" style="836" customWidth="1"/>
    <col min="5915" max="6145" width="4.44140625" style="836"/>
    <col min="6146" max="6146" width="3.21875" style="836" customWidth="1"/>
    <col min="6147" max="6147" width="2.6640625" style="836" customWidth="1"/>
    <col min="6148" max="6148" width="8.21875" style="836" customWidth="1"/>
    <col min="6149" max="6151" width="4.44140625" style="836"/>
    <col min="6152" max="6152" width="4" style="836" customWidth="1"/>
    <col min="6153" max="6153" width="4.44140625" style="836"/>
    <col min="6154" max="6154" width="8.21875" style="836" customWidth="1"/>
    <col min="6155" max="6163" width="4.44140625" style="836"/>
    <col min="6164" max="6165" width="7.6640625" style="836" customWidth="1"/>
    <col min="6166" max="6167" width="4.44140625" style="836"/>
    <col min="6168" max="6168" width="4.44140625" style="836" customWidth="1"/>
    <col min="6169" max="6169" width="2.6640625" style="836" customWidth="1"/>
    <col min="6170" max="6170" width="3.77734375" style="836" customWidth="1"/>
    <col min="6171" max="6401" width="4.44140625" style="836"/>
    <col min="6402" max="6402" width="3.21875" style="836" customWidth="1"/>
    <col min="6403" max="6403" width="2.6640625" style="836" customWidth="1"/>
    <col min="6404" max="6404" width="8.21875" style="836" customWidth="1"/>
    <col min="6405" max="6407" width="4.44140625" style="836"/>
    <col min="6408" max="6408" width="4" style="836" customWidth="1"/>
    <col min="6409" max="6409" width="4.44140625" style="836"/>
    <col min="6410" max="6410" width="8.21875" style="836" customWidth="1"/>
    <col min="6411" max="6419" width="4.44140625" style="836"/>
    <col min="6420" max="6421" width="7.6640625" style="836" customWidth="1"/>
    <col min="6422" max="6423" width="4.44140625" style="836"/>
    <col min="6424" max="6424" width="4.44140625" style="836" customWidth="1"/>
    <col min="6425" max="6425" width="2.6640625" style="836" customWidth="1"/>
    <col min="6426" max="6426" width="3.77734375" style="836" customWidth="1"/>
    <col min="6427" max="6657" width="4.44140625" style="836"/>
    <col min="6658" max="6658" width="3.21875" style="836" customWidth="1"/>
    <col min="6659" max="6659" width="2.6640625" style="836" customWidth="1"/>
    <col min="6660" max="6660" width="8.21875" style="836" customWidth="1"/>
    <col min="6661" max="6663" width="4.44140625" style="836"/>
    <col min="6664" max="6664" width="4" style="836" customWidth="1"/>
    <col min="6665" max="6665" width="4.44140625" style="836"/>
    <col min="6666" max="6666" width="8.21875" style="836" customWidth="1"/>
    <col min="6667" max="6675" width="4.44140625" style="836"/>
    <col min="6676" max="6677" width="7.6640625" style="836" customWidth="1"/>
    <col min="6678" max="6679" width="4.44140625" style="836"/>
    <col min="6680" max="6680" width="4.44140625" style="836" customWidth="1"/>
    <col min="6681" max="6681" width="2.6640625" style="836" customWidth="1"/>
    <col min="6682" max="6682" width="3.77734375" style="836" customWidth="1"/>
    <col min="6683" max="6913" width="4.44140625" style="836"/>
    <col min="6914" max="6914" width="3.21875" style="836" customWidth="1"/>
    <col min="6915" max="6915" width="2.6640625" style="836" customWidth="1"/>
    <col min="6916" max="6916" width="8.21875" style="836" customWidth="1"/>
    <col min="6917" max="6919" width="4.44140625" style="836"/>
    <col min="6920" max="6920" width="4" style="836" customWidth="1"/>
    <col min="6921" max="6921" width="4.44140625" style="836"/>
    <col min="6922" max="6922" width="8.21875" style="836" customWidth="1"/>
    <col min="6923" max="6931" width="4.44140625" style="836"/>
    <col min="6932" max="6933" width="7.6640625" style="836" customWidth="1"/>
    <col min="6934" max="6935" width="4.44140625" style="836"/>
    <col min="6936" max="6936" width="4.44140625" style="836" customWidth="1"/>
    <col min="6937" max="6937" width="2.6640625" style="836" customWidth="1"/>
    <col min="6938" max="6938" width="3.77734375" style="836" customWidth="1"/>
    <col min="6939" max="7169" width="4.44140625" style="836"/>
    <col min="7170" max="7170" width="3.21875" style="836" customWidth="1"/>
    <col min="7171" max="7171" width="2.6640625" style="836" customWidth="1"/>
    <col min="7172" max="7172" width="8.21875" style="836" customWidth="1"/>
    <col min="7173" max="7175" width="4.44140625" style="836"/>
    <col min="7176" max="7176" width="4" style="836" customWidth="1"/>
    <col min="7177" max="7177" width="4.44140625" style="836"/>
    <col min="7178" max="7178" width="8.21875" style="836" customWidth="1"/>
    <col min="7179" max="7187" width="4.44140625" style="836"/>
    <col min="7188" max="7189" width="7.6640625" style="836" customWidth="1"/>
    <col min="7190" max="7191" width="4.44140625" style="836"/>
    <col min="7192" max="7192" width="4.44140625" style="836" customWidth="1"/>
    <col min="7193" max="7193" width="2.6640625" style="836" customWidth="1"/>
    <col min="7194" max="7194" width="3.77734375" style="836" customWidth="1"/>
    <col min="7195" max="7425" width="4.44140625" style="836"/>
    <col min="7426" max="7426" width="3.21875" style="836" customWidth="1"/>
    <col min="7427" max="7427" width="2.6640625" style="836" customWidth="1"/>
    <col min="7428" max="7428" width="8.21875" style="836" customWidth="1"/>
    <col min="7429" max="7431" width="4.44140625" style="836"/>
    <col min="7432" max="7432" width="4" style="836" customWidth="1"/>
    <col min="7433" max="7433" width="4.44140625" style="836"/>
    <col min="7434" max="7434" width="8.21875" style="836" customWidth="1"/>
    <col min="7435" max="7443" width="4.44140625" style="836"/>
    <col min="7444" max="7445" width="7.6640625" style="836" customWidth="1"/>
    <col min="7446" max="7447" width="4.44140625" style="836"/>
    <col min="7448" max="7448" width="4.44140625" style="836" customWidth="1"/>
    <col min="7449" max="7449" width="2.6640625" style="836" customWidth="1"/>
    <col min="7450" max="7450" width="3.77734375" style="836" customWidth="1"/>
    <col min="7451" max="7681" width="4.44140625" style="836"/>
    <col min="7682" max="7682" width="3.21875" style="836" customWidth="1"/>
    <col min="7683" max="7683" width="2.6640625" style="836" customWidth="1"/>
    <col min="7684" max="7684" width="8.21875" style="836" customWidth="1"/>
    <col min="7685" max="7687" width="4.44140625" style="836"/>
    <col min="7688" max="7688" width="4" style="836" customWidth="1"/>
    <col min="7689" max="7689" width="4.44140625" style="836"/>
    <col min="7690" max="7690" width="8.21875" style="836" customWidth="1"/>
    <col min="7691" max="7699" width="4.44140625" style="836"/>
    <col min="7700" max="7701" width="7.6640625" style="836" customWidth="1"/>
    <col min="7702" max="7703" width="4.44140625" style="836"/>
    <col min="7704" max="7704" width="4.44140625" style="836" customWidth="1"/>
    <col min="7705" max="7705" width="2.6640625" style="836" customWidth="1"/>
    <col min="7706" max="7706" width="3.77734375" style="836" customWidth="1"/>
    <col min="7707" max="7937" width="4.44140625" style="836"/>
    <col min="7938" max="7938" width="3.21875" style="836" customWidth="1"/>
    <col min="7939" max="7939" width="2.6640625" style="836" customWidth="1"/>
    <col min="7940" max="7940" width="8.21875" style="836" customWidth="1"/>
    <col min="7941" max="7943" width="4.44140625" style="836"/>
    <col min="7944" max="7944" width="4" style="836" customWidth="1"/>
    <col min="7945" max="7945" width="4.44140625" style="836"/>
    <col min="7946" max="7946" width="8.21875" style="836" customWidth="1"/>
    <col min="7947" max="7955" width="4.44140625" style="836"/>
    <col min="7956" max="7957" width="7.6640625" style="836" customWidth="1"/>
    <col min="7958" max="7959" width="4.44140625" style="836"/>
    <col min="7960" max="7960" width="4.44140625" style="836" customWidth="1"/>
    <col min="7961" max="7961" width="2.6640625" style="836" customWidth="1"/>
    <col min="7962" max="7962" width="3.77734375" style="836" customWidth="1"/>
    <col min="7963" max="8193" width="4.44140625" style="836"/>
    <col min="8194" max="8194" width="3.21875" style="836" customWidth="1"/>
    <col min="8195" max="8195" width="2.6640625" style="836" customWidth="1"/>
    <col min="8196" max="8196" width="8.21875" style="836" customWidth="1"/>
    <col min="8197" max="8199" width="4.44140625" style="836"/>
    <col min="8200" max="8200" width="4" style="836" customWidth="1"/>
    <col min="8201" max="8201" width="4.44140625" style="836"/>
    <col min="8202" max="8202" width="8.21875" style="836" customWidth="1"/>
    <col min="8203" max="8211" width="4.44140625" style="836"/>
    <col min="8212" max="8213" width="7.6640625" style="836" customWidth="1"/>
    <col min="8214" max="8215" width="4.44140625" style="836"/>
    <col min="8216" max="8216" width="4.44140625" style="836" customWidth="1"/>
    <col min="8217" max="8217" width="2.6640625" style="836" customWidth="1"/>
    <col min="8218" max="8218" width="3.77734375" style="836" customWidth="1"/>
    <col min="8219" max="8449" width="4.44140625" style="836"/>
    <col min="8450" max="8450" width="3.21875" style="836" customWidth="1"/>
    <col min="8451" max="8451" width="2.6640625" style="836" customWidth="1"/>
    <col min="8452" max="8452" width="8.21875" style="836" customWidth="1"/>
    <col min="8453" max="8455" width="4.44140625" style="836"/>
    <col min="8456" max="8456" width="4" style="836" customWidth="1"/>
    <col min="8457" max="8457" width="4.44140625" style="836"/>
    <col min="8458" max="8458" width="8.21875" style="836" customWidth="1"/>
    <col min="8459" max="8467" width="4.44140625" style="836"/>
    <col min="8468" max="8469" width="7.6640625" style="836" customWidth="1"/>
    <col min="8470" max="8471" width="4.44140625" style="836"/>
    <col min="8472" max="8472" width="4.44140625" style="836" customWidth="1"/>
    <col min="8473" max="8473" width="2.6640625" style="836" customWidth="1"/>
    <col min="8474" max="8474" width="3.77734375" style="836" customWidth="1"/>
    <col min="8475" max="8705" width="4.44140625" style="836"/>
    <col min="8706" max="8706" width="3.21875" style="836" customWidth="1"/>
    <col min="8707" max="8707" width="2.6640625" style="836" customWidth="1"/>
    <col min="8708" max="8708" width="8.21875" style="836" customWidth="1"/>
    <col min="8709" max="8711" width="4.44140625" style="836"/>
    <col min="8712" max="8712" width="4" style="836" customWidth="1"/>
    <col min="8713" max="8713" width="4.44140625" style="836"/>
    <col min="8714" max="8714" width="8.21875" style="836" customWidth="1"/>
    <col min="8715" max="8723" width="4.44140625" style="836"/>
    <col min="8724" max="8725" width="7.6640625" style="836" customWidth="1"/>
    <col min="8726" max="8727" width="4.44140625" style="836"/>
    <col min="8728" max="8728" width="4.44140625" style="836" customWidth="1"/>
    <col min="8729" max="8729" width="2.6640625" style="836" customWidth="1"/>
    <col min="8730" max="8730" width="3.77734375" style="836" customWidth="1"/>
    <col min="8731" max="8961" width="4.44140625" style="836"/>
    <col min="8962" max="8962" width="3.21875" style="836" customWidth="1"/>
    <col min="8963" max="8963" width="2.6640625" style="836" customWidth="1"/>
    <col min="8964" max="8964" width="8.21875" style="836" customWidth="1"/>
    <col min="8965" max="8967" width="4.44140625" style="836"/>
    <col min="8968" max="8968" width="4" style="836" customWidth="1"/>
    <col min="8969" max="8969" width="4.44140625" style="836"/>
    <col min="8970" max="8970" width="8.21875" style="836" customWidth="1"/>
    <col min="8971" max="8979" width="4.44140625" style="836"/>
    <col min="8980" max="8981" width="7.6640625" style="836" customWidth="1"/>
    <col min="8982" max="8983" width="4.44140625" style="836"/>
    <col min="8984" max="8984" width="4.44140625" style="836" customWidth="1"/>
    <col min="8985" max="8985" width="2.6640625" style="836" customWidth="1"/>
    <col min="8986" max="8986" width="3.77734375" style="836" customWidth="1"/>
    <col min="8987" max="9217" width="4.44140625" style="836"/>
    <col min="9218" max="9218" width="3.21875" style="836" customWidth="1"/>
    <col min="9219" max="9219" width="2.6640625" style="836" customWidth="1"/>
    <col min="9220" max="9220" width="8.21875" style="836" customWidth="1"/>
    <col min="9221" max="9223" width="4.44140625" style="836"/>
    <col min="9224" max="9224" width="4" style="836" customWidth="1"/>
    <col min="9225" max="9225" width="4.44140625" style="836"/>
    <col min="9226" max="9226" width="8.21875" style="836" customWidth="1"/>
    <col min="9227" max="9235" width="4.44140625" style="836"/>
    <col min="9236" max="9237" width="7.6640625" style="836" customWidth="1"/>
    <col min="9238" max="9239" width="4.44140625" style="836"/>
    <col min="9240" max="9240" width="4.44140625" style="836" customWidth="1"/>
    <col min="9241" max="9241" width="2.6640625" style="836" customWidth="1"/>
    <col min="9242" max="9242" width="3.77734375" style="836" customWidth="1"/>
    <col min="9243" max="9473" width="4.44140625" style="836"/>
    <col min="9474" max="9474" width="3.21875" style="836" customWidth="1"/>
    <col min="9475" max="9475" width="2.6640625" style="836" customWidth="1"/>
    <col min="9476" max="9476" width="8.21875" style="836" customWidth="1"/>
    <col min="9477" max="9479" width="4.44140625" style="836"/>
    <col min="9480" max="9480" width="4" style="836" customWidth="1"/>
    <col min="9481" max="9481" width="4.44140625" style="836"/>
    <col min="9482" max="9482" width="8.21875" style="836" customWidth="1"/>
    <col min="9483" max="9491" width="4.44140625" style="836"/>
    <col min="9492" max="9493" width="7.6640625" style="836" customWidth="1"/>
    <col min="9494" max="9495" width="4.44140625" style="836"/>
    <col min="9496" max="9496" width="4.44140625" style="836" customWidth="1"/>
    <col min="9497" max="9497" width="2.6640625" style="836" customWidth="1"/>
    <col min="9498" max="9498" width="3.77734375" style="836" customWidth="1"/>
    <col min="9499" max="9729" width="4.44140625" style="836"/>
    <col min="9730" max="9730" width="3.21875" style="836" customWidth="1"/>
    <col min="9731" max="9731" width="2.6640625" style="836" customWidth="1"/>
    <col min="9732" max="9732" width="8.21875" style="836" customWidth="1"/>
    <col min="9733" max="9735" width="4.44140625" style="836"/>
    <col min="9736" max="9736" width="4" style="836" customWidth="1"/>
    <col min="9737" max="9737" width="4.44140625" style="836"/>
    <col min="9738" max="9738" width="8.21875" style="836" customWidth="1"/>
    <col min="9739" max="9747" width="4.44140625" style="836"/>
    <col min="9748" max="9749" width="7.6640625" style="836" customWidth="1"/>
    <col min="9750" max="9751" width="4.44140625" style="836"/>
    <col min="9752" max="9752" width="4.44140625" style="836" customWidth="1"/>
    <col min="9753" max="9753" width="2.6640625" style="836" customWidth="1"/>
    <col min="9754" max="9754" width="3.77734375" style="836" customWidth="1"/>
    <col min="9755" max="9985" width="4.44140625" style="836"/>
    <col min="9986" max="9986" width="3.21875" style="836" customWidth="1"/>
    <col min="9987" max="9987" width="2.6640625" style="836" customWidth="1"/>
    <col min="9988" max="9988" width="8.21875" style="836" customWidth="1"/>
    <col min="9989" max="9991" width="4.44140625" style="836"/>
    <col min="9992" max="9992" width="4" style="836" customWidth="1"/>
    <col min="9993" max="9993" width="4.44140625" style="836"/>
    <col min="9994" max="9994" width="8.21875" style="836" customWidth="1"/>
    <col min="9995" max="10003" width="4.44140625" style="836"/>
    <col min="10004" max="10005" width="7.6640625" style="836" customWidth="1"/>
    <col min="10006" max="10007" width="4.44140625" style="836"/>
    <col min="10008" max="10008" width="4.44140625" style="836" customWidth="1"/>
    <col min="10009" max="10009" width="2.6640625" style="836" customWidth="1"/>
    <col min="10010" max="10010" width="3.77734375" style="836" customWidth="1"/>
    <col min="10011" max="10241" width="4.44140625" style="836"/>
    <col min="10242" max="10242" width="3.21875" style="836" customWidth="1"/>
    <col min="10243" max="10243" width="2.6640625" style="836" customWidth="1"/>
    <col min="10244" max="10244" width="8.21875" style="836" customWidth="1"/>
    <col min="10245" max="10247" width="4.44140625" style="836"/>
    <col min="10248" max="10248" width="4" style="836" customWidth="1"/>
    <col min="10249" max="10249" width="4.44140625" style="836"/>
    <col min="10250" max="10250" width="8.21875" style="836" customWidth="1"/>
    <col min="10251" max="10259" width="4.44140625" style="836"/>
    <col min="10260" max="10261" width="7.6640625" style="836" customWidth="1"/>
    <col min="10262" max="10263" width="4.44140625" style="836"/>
    <col min="10264" max="10264" width="4.44140625" style="836" customWidth="1"/>
    <col min="10265" max="10265" width="2.6640625" style="836" customWidth="1"/>
    <col min="10266" max="10266" width="3.77734375" style="836" customWidth="1"/>
    <col min="10267" max="10497" width="4.44140625" style="836"/>
    <col min="10498" max="10498" width="3.21875" style="836" customWidth="1"/>
    <col min="10499" max="10499" width="2.6640625" style="836" customWidth="1"/>
    <col min="10500" max="10500" width="8.21875" style="836" customWidth="1"/>
    <col min="10501" max="10503" width="4.44140625" style="836"/>
    <col min="10504" max="10504" width="4" style="836" customWidth="1"/>
    <col min="10505" max="10505" width="4.44140625" style="836"/>
    <col min="10506" max="10506" width="8.21875" style="836" customWidth="1"/>
    <col min="10507" max="10515" width="4.44140625" style="836"/>
    <col min="10516" max="10517" width="7.6640625" style="836" customWidth="1"/>
    <col min="10518" max="10519" width="4.44140625" style="836"/>
    <col min="10520" max="10520" width="4.44140625" style="836" customWidth="1"/>
    <col min="10521" max="10521" width="2.6640625" style="836" customWidth="1"/>
    <col min="10522" max="10522" width="3.77734375" style="836" customWidth="1"/>
    <col min="10523" max="10753" width="4.44140625" style="836"/>
    <col min="10754" max="10754" width="3.21875" style="836" customWidth="1"/>
    <col min="10755" max="10755" width="2.6640625" style="836" customWidth="1"/>
    <col min="10756" max="10756" width="8.21875" style="836" customWidth="1"/>
    <col min="10757" max="10759" width="4.44140625" style="836"/>
    <col min="10760" max="10760" width="4" style="836" customWidth="1"/>
    <col min="10761" max="10761" width="4.44140625" style="836"/>
    <col min="10762" max="10762" width="8.21875" style="836" customWidth="1"/>
    <col min="10763" max="10771" width="4.44140625" style="836"/>
    <col min="10772" max="10773" width="7.6640625" style="836" customWidth="1"/>
    <col min="10774" max="10775" width="4.44140625" style="836"/>
    <col min="10776" max="10776" width="4.44140625" style="836" customWidth="1"/>
    <col min="10777" max="10777" width="2.6640625" style="836" customWidth="1"/>
    <col min="10778" max="10778" width="3.77734375" style="836" customWidth="1"/>
    <col min="10779" max="11009" width="4.44140625" style="836"/>
    <col min="11010" max="11010" width="3.21875" style="836" customWidth="1"/>
    <col min="11011" max="11011" width="2.6640625" style="836" customWidth="1"/>
    <col min="11012" max="11012" width="8.21875" style="836" customWidth="1"/>
    <col min="11013" max="11015" width="4.44140625" style="836"/>
    <col min="11016" max="11016" width="4" style="836" customWidth="1"/>
    <col min="11017" max="11017" width="4.44140625" style="836"/>
    <col min="11018" max="11018" width="8.21875" style="836" customWidth="1"/>
    <col min="11019" max="11027" width="4.44140625" style="836"/>
    <col min="11028" max="11029" width="7.6640625" style="836" customWidth="1"/>
    <col min="11030" max="11031" width="4.44140625" style="836"/>
    <col min="11032" max="11032" width="4.44140625" style="836" customWidth="1"/>
    <col min="11033" max="11033" width="2.6640625" style="836" customWidth="1"/>
    <col min="11034" max="11034" width="3.77734375" style="836" customWidth="1"/>
    <col min="11035" max="11265" width="4.44140625" style="836"/>
    <col min="11266" max="11266" width="3.21875" style="836" customWidth="1"/>
    <col min="11267" max="11267" width="2.6640625" style="836" customWidth="1"/>
    <col min="11268" max="11268" width="8.21875" style="836" customWidth="1"/>
    <col min="11269" max="11271" width="4.44140625" style="836"/>
    <col min="11272" max="11272" width="4" style="836" customWidth="1"/>
    <col min="11273" max="11273" width="4.44140625" style="836"/>
    <col min="11274" max="11274" width="8.21875" style="836" customWidth="1"/>
    <col min="11275" max="11283" width="4.44140625" style="836"/>
    <col min="11284" max="11285" width="7.6640625" style="836" customWidth="1"/>
    <col min="11286" max="11287" width="4.44140625" style="836"/>
    <col min="11288" max="11288" width="4.44140625" style="836" customWidth="1"/>
    <col min="11289" max="11289" width="2.6640625" style="836" customWidth="1"/>
    <col min="11290" max="11290" width="3.77734375" style="836" customWidth="1"/>
    <col min="11291" max="11521" width="4.44140625" style="836"/>
    <col min="11522" max="11522" width="3.21875" style="836" customWidth="1"/>
    <col min="11523" max="11523" width="2.6640625" style="836" customWidth="1"/>
    <col min="11524" max="11524" width="8.21875" style="836" customWidth="1"/>
    <col min="11525" max="11527" width="4.44140625" style="836"/>
    <col min="11528" max="11528" width="4" style="836" customWidth="1"/>
    <col min="11529" max="11529" width="4.44140625" style="836"/>
    <col min="11530" max="11530" width="8.21875" style="836" customWidth="1"/>
    <col min="11531" max="11539" width="4.44140625" style="836"/>
    <col min="11540" max="11541" width="7.6640625" style="836" customWidth="1"/>
    <col min="11542" max="11543" width="4.44140625" style="836"/>
    <col min="11544" max="11544" width="4.44140625" style="836" customWidth="1"/>
    <col min="11545" max="11545" width="2.6640625" style="836" customWidth="1"/>
    <col min="11546" max="11546" width="3.77734375" style="836" customWidth="1"/>
    <col min="11547" max="11777" width="4.44140625" style="836"/>
    <col min="11778" max="11778" width="3.21875" style="836" customWidth="1"/>
    <col min="11779" max="11779" width="2.6640625" style="836" customWidth="1"/>
    <col min="11780" max="11780" width="8.21875" style="836" customWidth="1"/>
    <col min="11781" max="11783" width="4.44140625" style="836"/>
    <col min="11784" max="11784" width="4" style="836" customWidth="1"/>
    <col min="11785" max="11785" width="4.44140625" style="836"/>
    <col min="11786" max="11786" width="8.21875" style="836" customWidth="1"/>
    <col min="11787" max="11795" width="4.44140625" style="836"/>
    <col min="11796" max="11797" width="7.6640625" style="836" customWidth="1"/>
    <col min="11798" max="11799" width="4.44140625" style="836"/>
    <col min="11800" max="11800" width="4.44140625" style="836" customWidth="1"/>
    <col min="11801" max="11801" width="2.6640625" style="836" customWidth="1"/>
    <col min="11802" max="11802" width="3.77734375" style="836" customWidth="1"/>
    <col min="11803" max="12033" width="4.44140625" style="836"/>
    <col min="12034" max="12034" width="3.21875" style="836" customWidth="1"/>
    <col min="12035" max="12035" width="2.6640625" style="836" customWidth="1"/>
    <col min="12036" max="12036" width="8.21875" style="836" customWidth="1"/>
    <col min="12037" max="12039" width="4.44140625" style="836"/>
    <col min="12040" max="12040" width="4" style="836" customWidth="1"/>
    <col min="12041" max="12041" width="4.44140625" style="836"/>
    <col min="12042" max="12042" width="8.21875" style="836" customWidth="1"/>
    <col min="12043" max="12051" width="4.44140625" style="836"/>
    <col min="12052" max="12053" width="7.6640625" style="836" customWidth="1"/>
    <col min="12054" max="12055" width="4.44140625" style="836"/>
    <col min="12056" max="12056" width="4.44140625" style="836" customWidth="1"/>
    <col min="12057" max="12057" width="2.6640625" style="836" customWidth="1"/>
    <col min="12058" max="12058" width="3.77734375" style="836" customWidth="1"/>
    <col min="12059" max="12289" width="4.44140625" style="836"/>
    <col min="12290" max="12290" width="3.21875" style="836" customWidth="1"/>
    <col min="12291" max="12291" width="2.6640625" style="836" customWidth="1"/>
    <col min="12292" max="12292" width="8.21875" style="836" customWidth="1"/>
    <col min="12293" max="12295" width="4.44140625" style="836"/>
    <col min="12296" max="12296" width="4" style="836" customWidth="1"/>
    <col min="12297" max="12297" width="4.44140625" style="836"/>
    <col min="12298" max="12298" width="8.21875" style="836" customWidth="1"/>
    <col min="12299" max="12307" width="4.44140625" style="836"/>
    <col min="12308" max="12309" width="7.6640625" style="836" customWidth="1"/>
    <col min="12310" max="12311" width="4.44140625" style="836"/>
    <col min="12312" max="12312" width="4.44140625" style="836" customWidth="1"/>
    <col min="12313" max="12313" width="2.6640625" style="836" customWidth="1"/>
    <col min="12314" max="12314" width="3.77734375" style="836" customWidth="1"/>
    <col min="12315" max="12545" width="4.44140625" style="836"/>
    <col min="12546" max="12546" width="3.21875" style="836" customWidth="1"/>
    <col min="12547" max="12547" width="2.6640625" style="836" customWidth="1"/>
    <col min="12548" max="12548" width="8.21875" style="836" customWidth="1"/>
    <col min="12549" max="12551" width="4.44140625" style="836"/>
    <col min="12552" max="12552" width="4" style="836" customWidth="1"/>
    <col min="12553" max="12553" width="4.44140625" style="836"/>
    <col min="12554" max="12554" width="8.21875" style="836" customWidth="1"/>
    <col min="12555" max="12563" width="4.44140625" style="836"/>
    <col min="12564" max="12565" width="7.6640625" style="836" customWidth="1"/>
    <col min="12566" max="12567" width="4.44140625" style="836"/>
    <col min="12568" max="12568" width="4.44140625" style="836" customWidth="1"/>
    <col min="12569" max="12569" width="2.6640625" style="836" customWidth="1"/>
    <col min="12570" max="12570" width="3.77734375" style="836" customWidth="1"/>
    <col min="12571" max="12801" width="4.44140625" style="836"/>
    <col min="12802" max="12802" width="3.21875" style="836" customWidth="1"/>
    <col min="12803" max="12803" width="2.6640625" style="836" customWidth="1"/>
    <col min="12804" max="12804" width="8.21875" style="836" customWidth="1"/>
    <col min="12805" max="12807" width="4.44140625" style="836"/>
    <col min="12808" max="12808" width="4" style="836" customWidth="1"/>
    <col min="12809" max="12809" width="4.44140625" style="836"/>
    <col min="12810" max="12810" width="8.21875" style="836" customWidth="1"/>
    <col min="12811" max="12819" width="4.44140625" style="836"/>
    <col min="12820" max="12821" width="7.6640625" style="836" customWidth="1"/>
    <col min="12822" max="12823" width="4.44140625" style="836"/>
    <col min="12824" max="12824" width="4.44140625" style="836" customWidth="1"/>
    <col min="12825" max="12825" width="2.6640625" style="836" customWidth="1"/>
    <col min="12826" max="12826" width="3.77734375" style="836" customWidth="1"/>
    <col min="12827" max="13057" width="4.44140625" style="836"/>
    <col min="13058" max="13058" width="3.21875" style="836" customWidth="1"/>
    <col min="13059" max="13059" width="2.6640625" style="836" customWidth="1"/>
    <col min="13060" max="13060" width="8.21875" style="836" customWidth="1"/>
    <col min="13061" max="13063" width="4.44140625" style="836"/>
    <col min="13064" max="13064" width="4" style="836" customWidth="1"/>
    <col min="13065" max="13065" width="4.44140625" style="836"/>
    <col min="13066" max="13066" width="8.21875" style="836" customWidth="1"/>
    <col min="13067" max="13075" width="4.44140625" style="836"/>
    <col min="13076" max="13077" width="7.6640625" style="836" customWidth="1"/>
    <col min="13078" max="13079" width="4.44140625" style="836"/>
    <col min="13080" max="13080" width="4.44140625" style="836" customWidth="1"/>
    <col min="13081" max="13081" width="2.6640625" style="836" customWidth="1"/>
    <col min="13082" max="13082" width="3.77734375" style="836" customWidth="1"/>
    <col min="13083" max="13313" width="4.44140625" style="836"/>
    <col min="13314" max="13314" width="3.21875" style="836" customWidth="1"/>
    <col min="13315" max="13315" width="2.6640625" style="836" customWidth="1"/>
    <col min="13316" max="13316" width="8.21875" style="836" customWidth="1"/>
    <col min="13317" max="13319" width="4.44140625" style="836"/>
    <col min="13320" max="13320" width="4" style="836" customWidth="1"/>
    <col min="13321" max="13321" width="4.44140625" style="836"/>
    <col min="13322" max="13322" width="8.21875" style="836" customWidth="1"/>
    <col min="13323" max="13331" width="4.44140625" style="836"/>
    <col min="13332" max="13333" width="7.6640625" style="836" customWidth="1"/>
    <col min="13334" max="13335" width="4.44140625" style="836"/>
    <col min="13336" max="13336" width="4.44140625" style="836" customWidth="1"/>
    <col min="13337" max="13337" width="2.6640625" style="836" customWidth="1"/>
    <col min="13338" max="13338" width="3.77734375" style="836" customWidth="1"/>
    <col min="13339" max="13569" width="4.44140625" style="836"/>
    <col min="13570" max="13570" width="3.21875" style="836" customWidth="1"/>
    <col min="13571" max="13571" width="2.6640625" style="836" customWidth="1"/>
    <col min="13572" max="13572" width="8.21875" style="836" customWidth="1"/>
    <col min="13573" max="13575" width="4.44140625" style="836"/>
    <col min="13576" max="13576" width="4" style="836" customWidth="1"/>
    <col min="13577" max="13577" width="4.44140625" style="836"/>
    <col min="13578" max="13578" width="8.21875" style="836" customWidth="1"/>
    <col min="13579" max="13587" width="4.44140625" style="836"/>
    <col min="13588" max="13589" width="7.6640625" style="836" customWidth="1"/>
    <col min="13590" max="13591" width="4.44140625" style="836"/>
    <col min="13592" max="13592" width="4.44140625" style="836" customWidth="1"/>
    <col min="13593" max="13593" width="2.6640625" style="836" customWidth="1"/>
    <col min="13594" max="13594" width="3.77734375" style="836" customWidth="1"/>
    <col min="13595" max="13825" width="4.44140625" style="836"/>
    <col min="13826" max="13826" width="3.21875" style="836" customWidth="1"/>
    <col min="13827" max="13827" width="2.6640625" style="836" customWidth="1"/>
    <col min="13828" max="13828" width="8.21875" style="836" customWidth="1"/>
    <col min="13829" max="13831" width="4.44140625" style="836"/>
    <col min="13832" max="13832" width="4" style="836" customWidth="1"/>
    <col min="13833" max="13833" width="4.44140625" style="836"/>
    <col min="13834" max="13834" width="8.21875" style="836" customWidth="1"/>
    <col min="13835" max="13843" width="4.44140625" style="836"/>
    <col min="13844" max="13845" width="7.6640625" style="836" customWidth="1"/>
    <col min="13846" max="13847" width="4.44140625" style="836"/>
    <col min="13848" max="13848" width="4.44140625" style="836" customWidth="1"/>
    <col min="13849" max="13849" width="2.6640625" style="836" customWidth="1"/>
    <col min="13850" max="13850" width="3.77734375" style="836" customWidth="1"/>
    <col min="13851" max="14081" width="4.44140625" style="836"/>
    <col min="14082" max="14082" width="3.21875" style="836" customWidth="1"/>
    <col min="14083" max="14083" width="2.6640625" style="836" customWidth="1"/>
    <col min="14084" max="14084" width="8.21875" style="836" customWidth="1"/>
    <col min="14085" max="14087" width="4.44140625" style="836"/>
    <col min="14088" max="14088" width="4" style="836" customWidth="1"/>
    <col min="14089" max="14089" width="4.44140625" style="836"/>
    <col min="14090" max="14090" width="8.21875" style="836" customWidth="1"/>
    <col min="14091" max="14099" width="4.44140625" style="836"/>
    <col min="14100" max="14101" width="7.6640625" style="836" customWidth="1"/>
    <col min="14102" max="14103" width="4.44140625" style="836"/>
    <col min="14104" max="14104" width="4.44140625" style="836" customWidth="1"/>
    <col min="14105" max="14105" width="2.6640625" style="836" customWidth="1"/>
    <col min="14106" max="14106" width="3.77734375" style="836" customWidth="1"/>
    <col min="14107" max="14337" width="4.44140625" style="836"/>
    <col min="14338" max="14338" width="3.21875" style="836" customWidth="1"/>
    <col min="14339" max="14339" width="2.6640625" style="836" customWidth="1"/>
    <col min="14340" max="14340" width="8.21875" style="836" customWidth="1"/>
    <col min="14341" max="14343" width="4.44140625" style="836"/>
    <col min="14344" max="14344" width="4" style="836" customWidth="1"/>
    <col min="14345" max="14345" width="4.44140625" style="836"/>
    <col min="14346" max="14346" width="8.21875" style="836" customWidth="1"/>
    <col min="14347" max="14355" width="4.44140625" style="836"/>
    <col min="14356" max="14357" width="7.6640625" style="836" customWidth="1"/>
    <col min="14358" max="14359" width="4.44140625" style="836"/>
    <col min="14360" max="14360" width="4.44140625" style="836" customWidth="1"/>
    <col min="14361" max="14361" width="2.6640625" style="836" customWidth="1"/>
    <col min="14362" max="14362" width="3.77734375" style="836" customWidth="1"/>
    <col min="14363" max="14593" width="4.44140625" style="836"/>
    <col min="14594" max="14594" width="3.21875" style="836" customWidth="1"/>
    <col min="14595" max="14595" width="2.6640625" style="836" customWidth="1"/>
    <col min="14596" max="14596" width="8.21875" style="836" customWidth="1"/>
    <col min="14597" max="14599" width="4.44140625" style="836"/>
    <col min="14600" max="14600" width="4" style="836" customWidth="1"/>
    <col min="14601" max="14601" width="4.44140625" style="836"/>
    <col min="14602" max="14602" width="8.21875" style="836" customWidth="1"/>
    <col min="14603" max="14611" width="4.44140625" style="836"/>
    <col min="14612" max="14613" width="7.6640625" style="836" customWidth="1"/>
    <col min="14614" max="14615" width="4.44140625" style="836"/>
    <col min="14616" max="14616" width="4.44140625" style="836" customWidth="1"/>
    <col min="14617" max="14617" width="2.6640625" style="836" customWidth="1"/>
    <col min="14618" max="14618" width="3.77734375" style="836" customWidth="1"/>
    <col min="14619" max="14849" width="4.44140625" style="836"/>
    <col min="14850" max="14850" width="3.21875" style="836" customWidth="1"/>
    <col min="14851" max="14851" width="2.6640625" style="836" customWidth="1"/>
    <col min="14852" max="14852" width="8.21875" style="836" customWidth="1"/>
    <col min="14853" max="14855" width="4.44140625" style="836"/>
    <col min="14856" max="14856" width="4" style="836" customWidth="1"/>
    <col min="14857" max="14857" width="4.44140625" style="836"/>
    <col min="14858" max="14858" width="8.21875" style="836" customWidth="1"/>
    <col min="14859" max="14867" width="4.44140625" style="836"/>
    <col min="14868" max="14869" width="7.6640625" style="836" customWidth="1"/>
    <col min="14870" max="14871" width="4.44140625" style="836"/>
    <col min="14872" max="14872" width="4.44140625" style="836" customWidth="1"/>
    <col min="14873" max="14873" width="2.6640625" style="836" customWidth="1"/>
    <col min="14874" max="14874" width="3.77734375" style="836" customWidth="1"/>
    <col min="14875" max="15105" width="4.44140625" style="836"/>
    <col min="15106" max="15106" width="3.21875" style="836" customWidth="1"/>
    <col min="15107" max="15107" width="2.6640625" style="836" customWidth="1"/>
    <col min="15108" max="15108" width="8.21875" style="836" customWidth="1"/>
    <col min="15109" max="15111" width="4.44140625" style="836"/>
    <col min="15112" max="15112" width="4" style="836" customWidth="1"/>
    <col min="15113" max="15113" width="4.44140625" style="836"/>
    <col min="15114" max="15114" width="8.21875" style="836" customWidth="1"/>
    <col min="15115" max="15123" width="4.44140625" style="836"/>
    <col min="15124" max="15125" width="7.6640625" style="836" customWidth="1"/>
    <col min="15126" max="15127" width="4.44140625" style="836"/>
    <col min="15128" max="15128" width="4.44140625" style="836" customWidth="1"/>
    <col min="15129" max="15129" width="2.6640625" style="836" customWidth="1"/>
    <col min="15130" max="15130" width="3.77734375" style="836" customWidth="1"/>
    <col min="15131" max="15361" width="4.44140625" style="836"/>
    <col min="15362" max="15362" width="3.21875" style="836" customWidth="1"/>
    <col min="15363" max="15363" width="2.6640625" style="836" customWidth="1"/>
    <col min="15364" max="15364" width="8.21875" style="836" customWidth="1"/>
    <col min="15365" max="15367" width="4.44140625" style="836"/>
    <col min="15368" max="15368" width="4" style="836" customWidth="1"/>
    <col min="15369" max="15369" width="4.44140625" style="836"/>
    <col min="15370" max="15370" width="8.21875" style="836" customWidth="1"/>
    <col min="15371" max="15379" width="4.44140625" style="836"/>
    <col min="15380" max="15381" width="7.6640625" style="836" customWidth="1"/>
    <col min="15382" max="15383" width="4.44140625" style="836"/>
    <col min="15384" max="15384" width="4.44140625" style="836" customWidth="1"/>
    <col min="15385" max="15385" width="2.6640625" style="836" customWidth="1"/>
    <col min="15386" max="15386" width="3.77734375" style="836" customWidth="1"/>
    <col min="15387" max="15617" width="4.44140625" style="836"/>
    <col min="15618" max="15618" width="3.21875" style="836" customWidth="1"/>
    <col min="15619" max="15619" width="2.6640625" style="836" customWidth="1"/>
    <col min="15620" max="15620" width="8.21875" style="836" customWidth="1"/>
    <col min="15621" max="15623" width="4.44140625" style="836"/>
    <col min="15624" max="15624" width="4" style="836" customWidth="1"/>
    <col min="15625" max="15625" width="4.44140625" style="836"/>
    <col min="15626" max="15626" width="8.21875" style="836" customWidth="1"/>
    <col min="15627" max="15635" width="4.44140625" style="836"/>
    <col min="15636" max="15637" width="7.6640625" style="836" customWidth="1"/>
    <col min="15638" max="15639" width="4.44140625" style="836"/>
    <col min="15640" max="15640" width="4.44140625" style="836" customWidth="1"/>
    <col min="15641" max="15641" width="2.6640625" style="836" customWidth="1"/>
    <col min="15642" max="15642" width="3.77734375" style="836" customWidth="1"/>
    <col min="15643" max="15873" width="4.44140625" style="836"/>
    <col min="15874" max="15874" width="3.21875" style="836" customWidth="1"/>
    <col min="15875" max="15875" width="2.6640625" style="836" customWidth="1"/>
    <col min="15876" max="15876" width="8.21875" style="836" customWidth="1"/>
    <col min="15877" max="15879" width="4.44140625" style="836"/>
    <col min="15880" max="15880" width="4" style="836" customWidth="1"/>
    <col min="15881" max="15881" width="4.44140625" style="836"/>
    <col min="15882" max="15882" width="8.21875" style="836" customWidth="1"/>
    <col min="15883" max="15891" width="4.44140625" style="836"/>
    <col min="15892" max="15893" width="7.6640625" style="836" customWidth="1"/>
    <col min="15894" max="15895" width="4.44140625" style="836"/>
    <col min="15896" max="15896" width="4.44140625" style="836" customWidth="1"/>
    <col min="15897" max="15897" width="2.6640625" style="836" customWidth="1"/>
    <col min="15898" max="15898" width="3.77734375" style="836" customWidth="1"/>
    <col min="15899" max="16129" width="4.44140625" style="836"/>
    <col min="16130" max="16130" width="3.21875" style="836" customWidth="1"/>
    <col min="16131" max="16131" width="2.6640625" style="836" customWidth="1"/>
    <col min="16132" max="16132" width="8.21875" style="836" customWidth="1"/>
    <col min="16133" max="16135" width="4.44140625" style="836"/>
    <col min="16136" max="16136" width="4" style="836" customWidth="1"/>
    <col min="16137" max="16137" width="4.44140625" style="836"/>
    <col min="16138" max="16138" width="8.21875" style="836" customWidth="1"/>
    <col min="16139" max="16147" width="4.44140625" style="836"/>
    <col min="16148" max="16149" width="7.6640625" style="836" customWidth="1"/>
    <col min="16150" max="16151" width="4.44140625" style="836"/>
    <col min="16152" max="16152" width="4.44140625" style="836" customWidth="1"/>
    <col min="16153" max="16153" width="2.6640625" style="836" customWidth="1"/>
    <col min="16154" max="16154" width="3.77734375" style="836" customWidth="1"/>
    <col min="16155" max="16384" width="4.44140625" style="836"/>
  </cols>
  <sheetData>
    <row r="1" spans="1:26" x14ac:dyDescent="0.2">
      <c r="A1" s="627"/>
      <c r="B1" s="627"/>
      <c r="C1" s="627"/>
      <c r="D1" s="627"/>
      <c r="E1" s="627"/>
      <c r="F1" s="627"/>
      <c r="G1" s="627"/>
      <c r="H1" s="627"/>
      <c r="I1" s="627"/>
      <c r="J1" s="627"/>
      <c r="K1" s="627"/>
      <c r="L1" s="627"/>
      <c r="M1" s="627"/>
      <c r="N1" s="627"/>
      <c r="O1" s="627"/>
      <c r="P1" s="627"/>
      <c r="Q1" s="627"/>
      <c r="R1" s="627"/>
      <c r="S1" s="627"/>
      <c r="T1" s="627"/>
      <c r="U1" s="627"/>
      <c r="V1" s="627"/>
      <c r="W1" s="627"/>
      <c r="X1" s="627"/>
      <c r="Y1" s="627"/>
      <c r="Z1" s="627"/>
    </row>
    <row r="2" spans="1:26" ht="15" customHeight="1" x14ac:dyDescent="0.2">
      <c r="A2" s="627"/>
      <c r="B2" s="627"/>
      <c r="C2" s="559" t="s">
        <v>270</v>
      </c>
      <c r="D2" s="627"/>
      <c r="E2" s="627"/>
      <c r="F2" s="627"/>
      <c r="G2" s="627"/>
      <c r="H2" s="627"/>
      <c r="I2" s="627"/>
      <c r="J2" s="627"/>
      <c r="K2" s="627"/>
      <c r="L2" s="627"/>
      <c r="M2" s="627"/>
      <c r="N2" s="627"/>
      <c r="O2" s="627"/>
      <c r="P2" s="627"/>
      <c r="Q2" s="1191" t="s">
        <v>1534</v>
      </c>
      <c r="R2" s="1191"/>
      <c r="S2" s="1191"/>
      <c r="T2" s="1191"/>
      <c r="U2" s="1191"/>
      <c r="V2" s="1191"/>
      <c r="W2" s="1191"/>
      <c r="X2" s="1191"/>
      <c r="Y2" s="1191"/>
      <c r="Z2" s="627"/>
    </row>
    <row r="3" spans="1:26" ht="15" customHeight="1" x14ac:dyDescent="0.2">
      <c r="A3" s="627"/>
      <c r="B3" s="627"/>
      <c r="C3" s="627"/>
      <c r="D3" s="627"/>
      <c r="E3" s="627"/>
      <c r="F3" s="627"/>
      <c r="G3" s="627"/>
      <c r="H3" s="627"/>
      <c r="I3" s="627"/>
      <c r="J3" s="627"/>
      <c r="K3" s="627"/>
      <c r="L3" s="627"/>
      <c r="M3" s="627"/>
      <c r="N3" s="627"/>
      <c r="O3" s="627"/>
      <c r="P3" s="627"/>
      <c r="Q3" s="627"/>
      <c r="R3" s="627"/>
      <c r="S3" s="711"/>
      <c r="T3" s="627"/>
      <c r="U3" s="627"/>
      <c r="V3" s="627"/>
      <c r="W3" s="627"/>
      <c r="X3" s="627"/>
      <c r="Y3" s="627"/>
      <c r="Z3" s="627"/>
    </row>
    <row r="4" spans="1:26" ht="15" customHeight="1" x14ac:dyDescent="0.2">
      <c r="A4" s="627"/>
      <c r="B4" s="1192" t="s">
        <v>122</v>
      </c>
      <c r="C4" s="1192"/>
      <c r="D4" s="1192"/>
      <c r="E4" s="1192"/>
      <c r="F4" s="1192"/>
      <c r="G4" s="1192"/>
      <c r="H4" s="1192"/>
      <c r="I4" s="1192"/>
      <c r="J4" s="1192"/>
      <c r="K4" s="1192"/>
      <c r="L4" s="1192"/>
      <c r="M4" s="1192"/>
      <c r="N4" s="1192"/>
      <c r="O4" s="1192"/>
      <c r="P4" s="1192"/>
      <c r="Q4" s="1192"/>
      <c r="R4" s="1192"/>
      <c r="S4" s="1192"/>
      <c r="T4" s="1192"/>
      <c r="U4" s="1192"/>
      <c r="V4" s="1192"/>
      <c r="W4" s="1192"/>
      <c r="X4" s="1192"/>
      <c r="Y4" s="1192"/>
      <c r="Z4" s="627"/>
    </row>
    <row r="5" spans="1:26" ht="15" customHeight="1" x14ac:dyDescent="0.2">
      <c r="A5" s="627"/>
      <c r="B5" s="627"/>
      <c r="C5" s="627"/>
      <c r="D5" s="627"/>
      <c r="E5" s="627"/>
      <c r="F5" s="627"/>
      <c r="G5" s="627"/>
      <c r="H5" s="627"/>
      <c r="I5" s="627"/>
      <c r="J5" s="627"/>
      <c r="K5" s="627"/>
      <c r="L5" s="627"/>
      <c r="M5" s="627"/>
      <c r="N5" s="627"/>
      <c r="O5" s="627"/>
      <c r="P5" s="627"/>
      <c r="Q5" s="627"/>
      <c r="R5" s="627"/>
      <c r="S5" s="627"/>
      <c r="T5" s="627"/>
      <c r="U5" s="627"/>
      <c r="V5" s="627"/>
      <c r="W5" s="627"/>
      <c r="X5" s="627"/>
      <c r="Y5" s="627"/>
      <c r="Z5" s="627"/>
    </row>
    <row r="6" spans="1:26" ht="22.5" customHeight="1" x14ac:dyDescent="0.2">
      <c r="A6" s="627"/>
      <c r="B6" s="1193" t="s">
        <v>101</v>
      </c>
      <c r="C6" s="1194"/>
      <c r="D6" s="1194"/>
      <c r="E6" s="1194"/>
      <c r="F6" s="1195"/>
      <c r="G6" s="653"/>
      <c r="H6" s="654"/>
      <c r="I6" s="901"/>
      <c r="J6" s="901"/>
      <c r="K6" s="901"/>
      <c r="L6" s="902"/>
      <c r="M6" s="1193" t="s">
        <v>1535</v>
      </c>
      <c r="N6" s="1194"/>
      <c r="O6" s="1195"/>
      <c r="P6" s="1193" t="s">
        <v>1536</v>
      </c>
      <c r="Q6" s="1194"/>
      <c r="R6" s="1194"/>
      <c r="S6" s="1194"/>
      <c r="T6" s="1194"/>
      <c r="U6" s="1194"/>
      <c r="V6" s="1194"/>
      <c r="W6" s="1194"/>
      <c r="X6" s="1194"/>
      <c r="Y6" s="1195"/>
      <c r="Z6" s="627"/>
    </row>
    <row r="7" spans="1:26" ht="22.5" customHeight="1" x14ac:dyDescent="0.2">
      <c r="A7" s="627"/>
      <c r="B7" s="1196" t="s">
        <v>1450</v>
      </c>
      <c r="C7" s="1196"/>
      <c r="D7" s="1196"/>
      <c r="E7" s="1196"/>
      <c r="F7" s="1196"/>
      <c r="G7" s="1197" t="s">
        <v>387</v>
      </c>
      <c r="H7" s="1198"/>
      <c r="I7" s="1198"/>
      <c r="J7" s="1198"/>
      <c r="K7" s="1198"/>
      <c r="L7" s="1198"/>
      <c r="M7" s="1198"/>
      <c r="N7" s="1198"/>
      <c r="O7" s="1198"/>
      <c r="P7" s="1198"/>
      <c r="Q7" s="1198"/>
      <c r="R7" s="1198"/>
      <c r="S7" s="1198"/>
      <c r="T7" s="1198"/>
      <c r="U7" s="1198"/>
      <c r="V7" s="1198"/>
      <c r="W7" s="1198"/>
      <c r="X7" s="1198"/>
      <c r="Y7" s="1199"/>
      <c r="Z7" s="627"/>
    </row>
    <row r="8" spans="1:26" ht="15" customHeight="1" x14ac:dyDescent="0.2">
      <c r="A8" s="627"/>
      <c r="B8" s="627"/>
      <c r="C8" s="627"/>
      <c r="D8" s="627"/>
      <c r="E8" s="627"/>
      <c r="F8" s="627"/>
      <c r="G8" s="627"/>
      <c r="H8" s="627"/>
      <c r="I8" s="627"/>
      <c r="J8" s="627"/>
      <c r="K8" s="627"/>
      <c r="L8" s="627"/>
      <c r="M8" s="627"/>
      <c r="N8" s="627"/>
      <c r="O8" s="627"/>
      <c r="P8" s="627"/>
      <c r="Q8" s="627"/>
      <c r="R8" s="627"/>
      <c r="S8" s="627"/>
      <c r="T8" s="627"/>
      <c r="U8" s="627"/>
      <c r="V8" s="627"/>
      <c r="W8" s="627"/>
      <c r="X8" s="627"/>
      <c r="Y8" s="627"/>
      <c r="Z8" s="627"/>
    </row>
    <row r="9" spans="1:26" ht="15" customHeight="1" x14ac:dyDescent="0.2">
      <c r="A9" s="627"/>
      <c r="B9" s="714"/>
      <c r="C9" s="715"/>
      <c r="D9" s="715"/>
      <c r="E9" s="715"/>
      <c r="F9" s="715"/>
      <c r="G9" s="715"/>
      <c r="H9" s="715"/>
      <c r="I9" s="715"/>
      <c r="J9" s="715"/>
      <c r="K9" s="715"/>
      <c r="L9" s="715"/>
      <c r="M9" s="715"/>
      <c r="N9" s="715"/>
      <c r="O9" s="715"/>
      <c r="P9" s="715"/>
      <c r="Q9" s="715"/>
      <c r="R9" s="715"/>
      <c r="S9" s="715"/>
      <c r="T9" s="715"/>
      <c r="U9" s="860"/>
      <c r="V9" s="861"/>
      <c r="W9" s="861"/>
      <c r="X9" s="861"/>
      <c r="Y9" s="862"/>
      <c r="Z9" s="627"/>
    </row>
    <row r="10" spans="1:26" ht="15" customHeight="1" x14ac:dyDescent="0.2">
      <c r="A10" s="627"/>
      <c r="B10" s="717" t="s">
        <v>102</v>
      </c>
      <c r="C10" s="627"/>
      <c r="D10" s="627"/>
      <c r="E10" s="627"/>
      <c r="F10" s="627"/>
      <c r="G10" s="627"/>
      <c r="H10" s="627"/>
      <c r="I10" s="627"/>
      <c r="J10" s="627"/>
      <c r="K10" s="627"/>
      <c r="L10" s="627"/>
      <c r="M10" s="627"/>
      <c r="N10" s="627"/>
      <c r="O10" s="627"/>
      <c r="P10" s="627"/>
      <c r="Q10" s="627"/>
      <c r="R10" s="627"/>
      <c r="S10" s="627"/>
      <c r="T10" s="627"/>
      <c r="U10" s="1298" t="s">
        <v>1398</v>
      </c>
      <c r="V10" s="1192"/>
      <c r="W10" s="1192"/>
      <c r="X10" s="1192"/>
      <c r="Y10" s="1299"/>
      <c r="Z10" s="627"/>
    </row>
    <row r="11" spans="1:26" ht="15" customHeight="1" x14ac:dyDescent="0.2">
      <c r="A11" s="627"/>
      <c r="B11" s="717"/>
      <c r="C11" s="627"/>
      <c r="D11" s="627"/>
      <c r="E11" s="627"/>
      <c r="F11" s="627"/>
      <c r="G11" s="627"/>
      <c r="H11" s="627"/>
      <c r="I11" s="627"/>
      <c r="J11" s="627"/>
      <c r="K11" s="627"/>
      <c r="L11" s="627"/>
      <c r="M11" s="627"/>
      <c r="N11" s="627"/>
      <c r="O11" s="627"/>
      <c r="P11" s="627"/>
      <c r="Q11" s="627"/>
      <c r="R11" s="627"/>
      <c r="S11" s="627"/>
      <c r="T11" s="627"/>
      <c r="U11" s="840"/>
      <c r="V11" s="841"/>
      <c r="W11" s="841"/>
      <c r="X11" s="841"/>
      <c r="Y11" s="843"/>
      <c r="Z11" s="627"/>
    </row>
    <row r="12" spans="1:26" ht="15" customHeight="1" x14ac:dyDescent="0.2">
      <c r="A12" s="627"/>
      <c r="B12" s="717"/>
      <c r="C12" s="839" t="s">
        <v>390</v>
      </c>
      <c r="D12" s="1201" t="s">
        <v>1537</v>
      </c>
      <c r="E12" s="1201"/>
      <c r="F12" s="1201"/>
      <c r="G12" s="1201"/>
      <c r="H12" s="1201"/>
      <c r="I12" s="1201"/>
      <c r="J12" s="1201"/>
      <c r="K12" s="1201"/>
      <c r="L12" s="1201"/>
      <c r="M12" s="1201"/>
      <c r="N12" s="1201"/>
      <c r="O12" s="1201"/>
      <c r="P12" s="1201"/>
      <c r="Q12" s="1201"/>
      <c r="R12" s="1201"/>
      <c r="S12" s="1201"/>
      <c r="T12" s="1202"/>
      <c r="U12" s="840"/>
      <c r="V12" s="841" t="s">
        <v>1400</v>
      </c>
      <c r="W12" s="841" t="s">
        <v>1407</v>
      </c>
      <c r="X12" s="841" t="s">
        <v>1400</v>
      </c>
      <c r="Y12" s="843"/>
      <c r="Z12" s="627"/>
    </row>
    <row r="13" spans="1:26" ht="15" customHeight="1" x14ac:dyDescent="0.2">
      <c r="A13" s="627"/>
      <c r="B13" s="717"/>
      <c r="C13" s="839"/>
      <c r="D13" s="1201"/>
      <c r="E13" s="1201"/>
      <c r="F13" s="1201"/>
      <c r="G13" s="1201"/>
      <c r="H13" s="1201"/>
      <c r="I13" s="1201"/>
      <c r="J13" s="1201"/>
      <c r="K13" s="1201"/>
      <c r="L13" s="1201"/>
      <c r="M13" s="1201"/>
      <c r="N13" s="1201"/>
      <c r="O13" s="1201"/>
      <c r="P13" s="1201"/>
      <c r="Q13" s="1201"/>
      <c r="R13" s="1201"/>
      <c r="S13" s="1201"/>
      <c r="T13" s="1202"/>
      <c r="U13" s="840"/>
      <c r="V13" s="841"/>
      <c r="W13" s="841"/>
      <c r="X13" s="841"/>
      <c r="Y13" s="843"/>
      <c r="Z13" s="627"/>
    </row>
    <row r="14" spans="1:26" ht="7.5" customHeight="1" x14ac:dyDescent="0.2">
      <c r="A14" s="627"/>
      <c r="B14" s="717"/>
      <c r="C14" s="839"/>
      <c r="D14" s="857"/>
      <c r="E14" s="857"/>
      <c r="F14" s="857"/>
      <c r="G14" s="857"/>
      <c r="H14" s="857"/>
      <c r="I14" s="857"/>
      <c r="J14" s="857"/>
      <c r="K14" s="857"/>
      <c r="L14" s="857"/>
      <c r="M14" s="857"/>
      <c r="N14" s="857"/>
      <c r="O14" s="857"/>
      <c r="P14" s="857"/>
      <c r="Q14" s="857"/>
      <c r="R14" s="857"/>
      <c r="S14" s="857"/>
      <c r="T14" s="903"/>
      <c r="U14" s="840"/>
      <c r="V14" s="841"/>
      <c r="W14" s="841"/>
      <c r="X14" s="841"/>
      <c r="Y14" s="843"/>
      <c r="Z14" s="627"/>
    </row>
    <row r="15" spans="1:26" ht="15" customHeight="1" x14ac:dyDescent="0.2">
      <c r="A15" s="627"/>
      <c r="B15" s="717"/>
      <c r="C15" s="839" t="s">
        <v>1402</v>
      </c>
      <c r="D15" s="1201" t="s">
        <v>1403</v>
      </c>
      <c r="E15" s="1201"/>
      <c r="F15" s="1201"/>
      <c r="G15" s="1201"/>
      <c r="H15" s="1201"/>
      <c r="I15" s="1201"/>
      <c r="J15" s="1201"/>
      <c r="K15" s="1201"/>
      <c r="L15" s="1201"/>
      <c r="M15" s="1201"/>
      <c r="N15" s="1201"/>
      <c r="O15" s="1201"/>
      <c r="P15" s="1201"/>
      <c r="Q15" s="1201"/>
      <c r="R15" s="1201"/>
      <c r="S15" s="1201"/>
      <c r="T15" s="1202"/>
      <c r="U15" s="840"/>
      <c r="V15" s="841" t="s">
        <v>1400</v>
      </c>
      <c r="W15" s="841" t="s">
        <v>1407</v>
      </c>
      <c r="X15" s="841" t="s">
        <v>1400</v>
      </c>
      <c r="Y15" s="843"/>
      <c r="Z15" s="627"/>
    </row>
    <row r="16" spans="1:26" ht="15" customHeight="1" x14ac:dyDescent="0.2">
      <c r="A16" s="627"/>
      <c r="B16" s="717"/>
      <c r="C16" s="627"/>
      <c r="D16" s="1201"/>
      <c r="E16" s="1201"/>
      <c r="F16" s="1201"/>
      <c r="G16" s="1201"/>
      <c r="H16" s="1201"/>
      <c r="I16" s="1201"/>
      <c r="J16" s="1201"/>
      <c r="K16" s="1201"/>
      <c r="L16" s="1201"/>
      <c r="M16" s="1201"/>
      <c r="N16" s="1201"/>
      <c r="O16" s="1201"/>
      <c r="P16" s="1201"/>
      <c r="Q16" s="1201"/>
      <c r="R16" s="1201"/>
      <c r="S16" s="1201"/>
      <c r="T16" s="1202"/>
      <c r="U16" s="840"/>
      <c r="V16" s="841"/>
      <c r="W16" s="841"/>
      <c r="X16" s="841"/>
      <c r="Y16" s="843"/>
      <c r="Z16" s="627"/>
    </row>
    <row r="17" spans="1:26" ht="7.5" customHeight="1" x14ac:dyDescent="0.2">
      <c r="A17" s="627"/>
      <c r="B17" s="717"/>
      <c r="C17" s="627"/>
      <c r="D17" s="627"/>
      <c r="E17" s="627"/>
      <c r="F17" s="627"/>
      <c r="G17" s="627"/>
      <c r="H17" s="627"/>
      <c r="I17" s="627"/>
      <c r="J17" s="627"/>
      <c r="K17" s="627"/>
      <c r="L17" s="627"/>
      <c r="M17" s="627"/>
      <c r="N17" s="627"/>
      <c r="O17" s="627"/>
      <c r="P17" s="627"/>
      <c r="Q17" s="627"/>
      <c r="R17" s="627"/>
      <c r="S17" s="627"/>
      <c r="T17" s="627"/>
      <c r="U17" s="840"/>
      <c r="V17" s="841"/>
      <c r="W17" s="841"/>
      <c r="X17" s="841"/>
      <c r="Y17" s="843"/>
      <c r="Z17" s="627"/>
    </row>
    <row r="18" spans="1:26" ht="15" customHeight="1" x14ac:dyDescent="0.2">
      <c r="A18" s="627"/>
      <c r="B18" s="717"/>
      <c r="C18" s="627" t="s">
        <v>391</v>
      </c>
      <c r="D18" s="1189" t="s">
        <v>1538</v>
      </c>
      <c r="E18" s="1189"/>
      <c r="F18" s="1189"/>
      <c r="G18" s="1189"/>
      <c r="H18" s="1189"/>
      <c r="I18" s="1189"/>
      <c r="J18" s="1189"/>
      <c r="K18" s="1189"/>
      <c r="L18" s="1189"/>
      <c r="M18" s="1189"/>
      <c r="N18" s="1189"/>
      <c r="O18" s="1189"/>
      <c r="P18" s="1189"/>
      <c r="Q18" s="1189"/>
      <c r="R18" s="1189"/>
      <c r="S18" s="1189"/>
      <c r="T18" s="1190"/>
      <c r="U18" s="840"/>
      <c r="V18" s="841" t="s">
        <v>1400</v>
      </c>
      <c r="W18" s="841" t="s">
        <v>1539</v>
      </c>
      <c r="X18" s="841" t="s">
        <v>1400</v>
      </c>
      <c r="Y18" s="843"/>
      <c r="Z18" s="627"/>
    </row>
    <row r="19" spans="1:26" ht="7.5" customHeight="1" x14ac:dyDescent="0.2">
      <c r="A19" s="627"/>
      <c r="B19" s="717"/>
      <c r="C19" s="627"/>
      <c r="D19" s="627"/>
      <c r="E19" s="627"/>
      <c r="F19" s="627"/>
      <c r="G19" s="627"/>
      <c r="H19" s="627"/>
      <c r="I19" s="627"/>
      <c r="J19" s="627"/>
      <c r="K19" s="627"/>
      <c r="L19" s="627"/>
      <c r="M19" s="627"/>
      <c r="N19" s="627"/>
      <c r="O19" s="627"/>
      <c r="P19" s="627"/>
      <c r="Q19" s="627"/>
      <c r="R19" s="627"/>
      <c r="S19" s="627"/>
      <c r="T19" s="627"/>
      <c r="U19" s="840"/>
      <c r="V19" s="841"/>
      <c r="W19" s="841"/>
      <c r="X19" s="841"/>
      <c r="Y19" s="843"/>
      <c r="Z19" s="627"/>
    </row>
    <row r="20" spans="1:26" ht="15" customHeight="1" x14ac:dyDescent="0.2">
      <c r="A20" s="627"/>
      <c r="B20" s="717"/>
      <c r="C20" s="711" t="s">
        <v>1405</v>
      </c>
      <c r="D20" s="1203" t="s">
        <v>1540</v>
      </c>
      <c r="E20" s="1203"/>
      <c r="F20" s="1203"/>
      <c r="G20" s="1203"/>
      <c r="H20" s="1203"/>
      <c r="I20" s="1203"/>
      <c r="J20" s="1203"/>
      <c r="K20" s="1203"/>
      <c r="L20" s="1203"/>
      <c r="M20" s="1203"/>
      <c r="N20" s="1203"/>
      <c r="O20" s="1203"/>
      <c r="P20" s="1203"/>
      <c r="Q20" s="1203"/>
      <c r="R20" s="1203"/>
      <c r="S20" s="1203"/>
      <c r="T20" s="1204"/>
      <c r="U20" s="840"/>
      <c r="V20" s="841" t="s">
        <v>1400</v>
      </c>
      <c r="W20" s="841" t="s">
        <v>1407</v>
      </c>
      <c r="X20" s="841" t="s">
        <v>1400</v>
      </c>
      <c r="Y20" s="843"/>
      <c r="Z20" s="627"/>
    </row>
    <row r="21" spans="1:26" ht="7.5" customHeight="1" x14ac:dyDescent="0.2">
      <c r="A21" s="627"/>
      <c r="B21" s="717"/>
      <c r="C21" s="627"/>
      <c r="D21" s="627"/>
      <c r="E21" s="627"/>
      <c r="F21" s="627"/>
      <c r="G21" s="627"/>
      <c r="H21" s="627"/>
      <c r="I21" s="627"/>
      <c r="J21" s="627"/>
      <c r="K21" s="627"/>
      <c r="L21" s="627"/>
      <c r="M21" s="627"/>
      <c r="N21" s="627"/>
      <c r="O21" s="627"/>
      <c r="P21" s="627"/>
      <c r="Q21" s="627"/>
      <c r="R21" s="627"/>
      <c r="S21" s="627"/>
      <c r="T21" s="627"/>
      <c r="U21" s="840"/>
      <c r="V21" s="841"/>
      <c r="W21" s="841"/>
      <c r="X21" s="841"/>
      <c r="Y21" s="843"/>
      <c r="Z21" s="627"/>
    </row>
    <row r="22" spans="1:26" ht="15" customHeight="1" x14ac:dyDescent="0.2">
      <c r="A22" s="627"/>
      <c r="B22" s="717"/>
      <c r="C22" s="839" t="s">
        <v>1541</v>
      </c>
      <c r="D22" s="1201" t="s">
        <v>1542</v>
      </c>
      <c r="E22" s="1201"/>
      <c r="F22" s="1201"/>
      <c r="G22" s="1201"/>
      <c r="H22" s="1201"/>
      <c r="I22" s="1201"/>
      <c r="J22" s="1201"/>
      <c r="K22" s="1201"/>
      <c r="L22" s="1201"/>
      <c r="M22" s="1201"/>
      <c r="N22" s="1201"/>
      <c r="O22" s="1201"/>
      <c r="P22" s="1201"/>
      <c r="Q22" s="1201"/>
      <c r="R22" s="1201"/>
      <c r="S22" s="1201"/>
      <c r="T22" s="1202"/>
      <c r="U22" s="840"/>
      <c r="V22" s="841" t="s">
        <v>1400</v>
      </c>
      <c r="W22" s="841" t="s">
        <v>1407</v>
      </c>
      <c r="X22" s="841" t="s">
        <v>1400</v>
      </c>
      <c r="Y22" s="843"/>
      <c r="Z22" s="627"/>
    </row>
    <row r="23" spans="1:26" ht="30" customHeight="1" x14ac:dyDescent="0.2">
      <c r="A23" s="627"/>
      <c r="B23" s="717"/>
      <c r="C23" s="627"/>
      <c r="D23" s="1201"/>
      <c r="E23" s="1201"/>
      <c r="F23" s="1201"/>
      <c r="G23" s="1201"/>
      <c r="H23" s="1201"/>
      <c r="I23" s="1201"/>
      <c r="J23" s="1201"/>
      <c r="K23" s="1201"/>
      <c r="L23" s="1201"/>
      <c r="M23" s="1201"/>
      <c r="N23" s="1201"/>
      <c r="O23" s="1201"/>
      <c r="P23" s="1201"/>
      <c r="Q23" s="1201"/>
      <c r="R23" s="1201"/>
      <c r="S23" s="1201"/>
      <c r="T23" s="1202"/>
      <c r="U23" s="840"/>
      <c r="V23" s="841"/>
      <c r="W23" s="841"/>
      <c r="X23" s="841"/>
      <c r="Y23" s="843"/>
      <c r="Z23" s="627"/>
    </row>
    <row r="24" spans="1:26" ht="7.5" customHeight="1" x14ac:dyDescent="0.2">
      <c r="A24" s="627"/>
      <c r="B24" s="717"/>
      <c r="C24" s="627"/>
      <c r="D24" s="627"/>
      <c r="E24" s="627"/>
      <c r="F24" s="627"/>
      <c r="G24" s="627"/>
      <c r="H24" s="627"/>
      <c r="I24" s="627"/>
      <c r="J24" s="627"/>
      <c r="K24" s="627"/>
      <c r="L24" s="627"/>
      <c r="M24" s="627"/>
      <c r="N24" s="627"/>
      <c r="O24" s="627"/>
      <c r="P24" s="627"/>
      <c r="Q24" s="627"/>
      <c r="R24" s="627"/>
      <c r="S24" s="627"/>
      <c r="T24" s="627"/>
      <c r="U24" s="840"/>
      <c r="V24" s="841"/>
      <c r="W24" s="841"/>
      <c r="X24" s="841"/>
      <c r="Y24" s="843"/>
      <c r="Z24" s="627"/>
    </row>
    <row r="25" spans="1:26" ht="15" customHeight="1" x14ac:dyDescent="0.2">
      <c r="A25" s="627"/>
      <c r="B25" s="717"/>
      <c r="C25" s="627" t="s">
        <v>1543</v>
      </c>
      <c r="D25" s="627" t="s">
        <v>1544</v>
      </c>
      <c r="E25" s="627"/>
      <c r="F25" s="627"/>
      <c r="G25" s="627"/>
      <c r="H25" s="627"/>
      <c r="I25" s="627"/>
      <c r="J25" s="627"/>
      <c r="K25" s="627"/>
      <c r="L25" s="627"/>
      <c r="M25" s="627"/>
      <c r="N25" s="627"/>
      <c r="O25" s="627"/>
      <c r="P25" s="627"/>
      <c r="Q25" s="627"/>
      <c r="R25" s="627"/>
      <c r="S25" s="627"/>
      <c r="T25" s="627"/>
      <c r="U25" s="840"/>
      <c r="V25" s="841" t="s">
        <v>1400</v>
      </c>
      <c r="W25" s="841" t="s">
        <v>1407</v>
      </c>
      <c r="X25" s="841" t="s">
        <v>1400</v>
      </c>
      <c r="Y25" s="843"/>
      <c r="Z25" s="627"/>
    </row>
    <row r="26" spans="1:26" ht="8.25" customHeight="1" x14ac:dyDescent="0.2">
      <c r="A26" s="627"/>
      <c r="B26" s="717"/>
      <c r="C26" s="627"/>
      <c r="D26" s="627"/>
      <c r="E26" s="627"/>
      <c r="F26" s="627"/>
      <c r="G26" s="627"/>
      <c r="H26" s="627"/>
      <c r="I26" s="627"/>
      <c r="J26" s="627"/>
      <c r="K26" s="627"/>
      <c r="L26" s="627"/>
      <c r="M26" s="627"/>
      <c r="N26" s="627"/>
      <c r="O26" s="627"/>
      <c r="P26" s="627"/>
      <c r="Q26" s="627"/>
      <c r="R26" s="627"/>
      <c r="S26" s="627"/>
      <c r="T26" s="627"/>
      <c r="U26" s="840"/>
      <c r="V26" s="841"/>
      <c r="W26" s="841"/>
      <c r="X26" s="841"/>
      <c r="Y26" s="843"/>
      <c r="Z26" s="627"/>
    </row>
    <row r="27" spans="1:26" ht="15" customHeight="1" x14ac:dyDescent="0.2">
      <c r="A27" s="627"/>
      <c r="B27" s="717"/>
      <c r="C27" s="627" t="s">
        <v>1545</v>
      </c>
      <c r="D27" s="627" t="s">
        <v>1502</v>
      </c>
      <c r="E27" s="627"/>
      <c r="F27" s="627"/>
      <c r="G27" s="627"/>
      <c r="H27" s="627"/>
      <c r="I27" s="627"/>
      <c r="J27" s="627"/>
      <c r="K27" s="627"/>
      <c r="L27" s="627"/>
      <c r="M27" s="627"/>
      <c r="N27" s="627"/>
      <c r="O27" s="627"/>
      <c r="P27" s="627"/>
      <c r="Q27" s="627"/>
      <c r="R27" s="627"/>
      <c r="S27" s="627"/>
      <c r="T27" s="627"/>
      <c r="U27" s="840"/>
      <c r="V27" s="841" t="s">
        <v>1400</v>
      </c>
      <c r="W27" s="841" t="s">
        <v>1407</v>
      </c>
      <c r="X27" s="841" t="s">
        <v>1400</v>
      </c>
      <c r="Y27" s="843"/>
      <c r="Z27" s="627"/>
    </row>
    <row r="28" spans="1:26" ht="8.25" customHeight="1" x14ac:dyDescent="0.2">
      <c r="A28" s="627"/>
      <c r="B28" s="717"/>
      <c r="C28" s="627"/>
      <c r="D28" s="627"/>
      <c r="E28" s="627"/>
      <c r="F28" s="627"/>
      <c r="G28" s="627"/>
      <c r="H28" s="627"/>
      <c r="I28" s="627"/>
      <c r="J28" s="627"/>
      <c r="K28" s="627"/>
      <c r="L28" s="627"/>
      <c r="M28" s="627"/>
      <c r="N28" s="627"/>
      <c r="O28" s="627"/>
      <c r="P28" s="627"/>
      <c r="Q28" s="627"/>
      <c r="R28" s="627"/>
      <c r="S28" s="627"/>
      <c r="T28" s="627"/>
      <c r="U28" s="840"/>
      <c r="V28" s="841"/>
      <c r="W28" s="841"/>
      <c r="X28" s="841"/>
      <c r="Y28" s="843"/>
      <c r="Z28" s="627"/>
    </row>
    <row r="29" spans="1:26" ht="15" customHeight="1" x14ac:dyDescent="0.2">
      <c r="A29" s="627"/>
      <c r="B29" s="717"/>
      <c r="C29" s="627" t="s">
        <v>1546</v>
      </c>
      <c r="D29" s="1203" t="s">
        <v>1547</v>
      </c>
      <c r="E29" s="1203"/>
      <c r="F29" s="1203"/>
      <c r="G29" s="1203"/>
      <c r="H29" s="1203"/>
      <c r="I29" s="1203"/>
      <c r="J29" s="1203"/>
      <c r="K29" s="1203"/>
      <c r="L29" s="1203"/>
      <c r="M29" s="1203"/>
      <c r="N29" s="1203"/>
      <c r="O29" s="1203"/>
      <c r="P29" s="1203"/>
      <c r="Q29" s="1203"/>
      <c r="R29" s="1203"/>
      <c r="S29" s="1203"/>
      <c r="T29" s="1204"/>
      <c r="U29" s="840"/>
      <c r="V29" s="841" t="s">
        <v>1400</v>
      </c>
      <c r="W29" s="841" t="s">
        <v>1539</v>
      </c>
      <c r="X29" s="841" t="s">
        <v>1400</v>
      </c>
      <c r="Y29" s="843"/>
      <c r="Z29" s="627"/>
    </row>
    <row r="30" spans="1:26" ht="15" customHeight="1" x14ac:dyDescent="0.2">
      <c r="A30" s="627"/>
      <c r="B30" s="717"/>
      <c r="C30" s="627" t="s">
        <v>1463</v>
      </c>
      <c r="D30" s="1203"/>
      <c r="E30" s="1203"/>
      <c r="F30" s="1203"/>
      <c r="G30" s="1203"/>
      <c r="H30" s="1203"/>
      <c r="I30" s="1203"/>
      <c r="J30" s="1203"/>
      <c r="K30" s="1203"/>
      <c r="L30" s="1203"/>
      <c r="M30" s="1203"/>
      <c r="N30" s="1203"/>
      <c r="O30" s="1203"/>
      <c r="P30" s="1203"/>
      <c r="Q30" s="1203"/>
      <c r="R30" s="1203"/>
      <c r="S30" s="1203"/>
      <c r="T30" s="1204"/>
      <c r="U30" s="840"/>
      <c r="V30" s="841"/>
      <c r="W30" s="841"/>
      <c r="X30" s="841"/>
      <c r="Y30" s="843"/>
      <c r="Z30" s="627"/>
    </row>
    <row r="31" spans="1:26" ht="15" customHeight="1" x14ac:dyDescent="0.2">
      <c r="A31" s="627"/>
      <c r="B31" s="717"/>
      <c r="C31" s="627"/>
      <c r="D31" s="627"/>
      <c r="E31" s="627"/>
      <c r="F31" s="627"/>
      <c r="G31" s="627"/>
      <c r="H31" s="627"/>
      <c r="I31" s="627"/>
      <c r="J31" s="627"/>
      <c r="K31" s="627"/>
      <c r="L31" s="627"/>
      <c r="M31" s="627"/>
      <c r="N31" s="627"/>
      <c r="O31" s="627"/>
      <c r="P31" s="627"/>
      <c r="Q31" s="627"/>
      <c r="R31" s="627"/>
      <c r="S31" s="627"/>
      <c r="T31" s="627"/>
      <c r="U31" s="840"/>
      <c r="V31" s="841"/>
      <c r="W31" s="841"/>
      <c r="X31" s="841"/>
      <c r="Y31" s="843"/>
      <c r="Z31" s="627"/>
    </row>
    <row r="32" spans="1:26" ht="15" customHeight="1" x14ac:dyDescent="0.2">
      <c r="A32" s="627"/>
      <c r="B32" s="717" t="s">
        <v>103</v>
      </c>
      <c r="C32" s="627"/>
      <c r="D32" s="627"/>
      <c r="E32" s="627"/>
      <c r="F32" s="627"/>
      <c r="G32" s="627"/>
      <c r="H32" s="627"/>
      <c r="I32" s="627"/>
      <c r="J32" s="627"/>
      <c r="K32" s="627"/>
      <c r="L32" s="627"/>
      <c r="M32" s="627"/>
      <c r="N32" s="627"/>
      <c r="O32" s="627"/>
      <c r="P32" s="627"/>
      <c r="Q32" s="627"/>
      <c r="R32" s="627"/>
      <c r="S32" s="627"/>
      <c r="T32" s="627"/>
      <c r="U32" s="717"/>
      <c r="V32" s="627"/>
      <c r="W32" s="627"/>
      <c r="X32" s="627"/>
      <c r="Y32" s="710"/>
      <c r="Z32" s="627"/>
    </row>
    <row r="33" spans="1:26" ht="15" customHeight="1" x14ac:dyDescent="0.2">
      <c r="A33" s="627"/>
      <c r="B33" s="717"/>
      <c r="C33" s="627"/>
      <c r="D33" s="627"/>
      <c r="E33" s="627"/>
      <c r="F33" s="627"/>
      <c r="G33" s="627"/>
      <c r="H33" s="627"/>
      <c r="I33" s="627"/>
      <c r="J33" s="627"/>
      <c r="K33" s="627"/>
      <c r="L33" s="627"/>
      <c r="M33" s="627"/>
      <c r="N33" s="627"/>
      <c r="O33" s="627"/>
      <c r="P33" s="627"/>
      <c r="Q33" s="627"/>
      <c r="R33" s="627"/>
      <c r="S33" s="627"/>
      <c r="T33" s="627"/>
      <c r="U33" s="840"/>
      <c r="V33" s="841"/>
      <c r="W33" s="841"/>
      <c r="X33" s="841"/>
      <c r="Y33" s="843"/>
      <c r="Z33" s="627"/>
    </row>
    <row r="34" spans="1:26" ht="15" customHeight="1" x14ac:dyDescent="0.2">
      <c r="A34" s="627"/>
      <c r="B34" s="717"/>
      <c r="C34" s="627" t="s">
        <v>1548</v>
      </c>
      <c r="D34" s="627"/>
      <c r="E34" s="627"/>
      <c r="F34" s="627"/>
      <c r="G34" s="627"/>
      <c r="H34" s="627"/>
      <c r="I34" s="627"/>
      <c r="J34" s="627"/>
      <c r="K34" s="627"/>
      <c r="L34" s="627"/>
      <c r="M34" s="627"/>
      <c r="N34" s="627"/>
      <c r="O34" s="627"/>
      <c r="P34" s="627"/>
      <c r="Q34" s="627"/>
      <c r="R34" s="627"/>
      <c r="S34" s="627"/>
      <c r="T34" s="627"/>
      <c r="U34" s="840"/>
      <c r="V34" s="841"/>
      <c r="W34" s="841"/>
      <c r="X34" s="841"/>
      <c r="Y34" s="843"/>
      <c r="Z34" s="627"/>
    </row>
    <row r="35" spans="1:26" ht="15" customHeight="1" x14ac:dyDescent="0.2">
      <c r="A35" s="627"/>
      <c r="B35" s="717"/>
      <c r="C35" s="1203" t="s">
        <v>1549</v>
      </c>
      <c r="D35" s="1203"/>
      <c r="E35" s="1203"/>
      <c r="F35" s="1203"/>
      <c r="G35" s="1203"/>
      <c r="H35" s="1203"/>
      <c r="I35" s="1203"/>
      <c r="J35" s="1203"/>
      <c r="K35" s="1203"/>
      <c r="L35" s="1203"/>
      <c r="M35" s="1203"/>
      <c r="N35" s="1203"/>
      <c r="O35" s="1203"/>
      <c r="P35" s="1203"/>
      <c r="Q35" s="1203"/>
      <c r="R35" s="1203"/>
      <c r="S35" s="1203"/>
      <c r="T35" s="1204"/>
      <c r="U35" s="840"/>
      <c r="V35" s="841"/>
      <c r="W35" s="841"/>
      <c r="X35" s="841"/>
      <c r="Y35" s="843"/>
      <c r="Z35" s="627"/>
    </row>
    <row r="36" spans="1:26" ht="15" customHeight="1" x14ac:dyDescent="0.2">
      <c r="A36" s="627"/>
      <c r="B36" s="717"/>
      <c r="C36" s="1203"/>
      <c r="D36" s="1203"/>
      <c r="E36" s="1203"/>
      <c r="F36" s="1203"/>
      <c r="G36" s="1203"/>
      <c r="H36" s="1203"/>
      <c r="I36" s="1203"/>
      <c r="J36" s="1203"/>
      <c r="K36" s="1203"/>
      <c r="L36" s="1203"/>
      <c r="M36" s="1203"/>
      <c r="N36" s="1203"/>
      <c r="O36" s="1203"/>
      <c r="P36" s="1203"/>
      <c r="Q36" s="1203"/>
      <c r="R36" s="1203"/>
      <c r="S36" s="1203"/>
      <c r="T36" s="1204"/>
      <c r="U36" s="840"/>
      <c r="V36" s="841"/>
      <c r="W36" s="841"/>
      <c r="X36" s="841"/>
      <c r="Y36" s="843"/>
      <c r="Z36" s="627"/>
    </row>
    <row r="37" spans="1:26" ht="7.5" customHeight="1" x14ac:dyDescent="0.2">
      <c r="A37" s="627"/>
      <c r="B37" s="717"/>
      <c r="C37" s="627"/>
      <c r="D37" s="848"/>
      <c r="E37" s="848"/>
      <c r="F37" s="848"/>
      <c r="G37" s="848"/>
      <c r="H37" s="848"/>
      <c r="I37" s="848"/>
      <c r="J37" s="848"/>
      <c r="K37" s="848"/>
      <c r="L37" s="848"/>
      <c r="M37" s="848"/>
      <c r="N37" s="848"/>
      <c r="O37" s="848"/>
      <c r="P37" s="848"/>
      <c r="Q37" s="848"/>
      <c r="R37" s="848"/>
      <c r="S37" s="848"/>
      <c r="T37" s="848"/>
      <c r="U37" s="840"/>
      <c r="V37" s="841"/>
      <c r="W37" s="841"/>
      <c r="X37" s="841"/>
      <c r="Y37" s="843"/>
      <c r="Z37" s="627"/>
    </row>
    <row r="38" spans="1:26" ht="30" customHeight="1" x14ac:dyDescent="0.2">
      <c r="A38" s="627"/>
      <c r="B38" s="717"/>
      <c r="C38" s="849"/>
      <c r="D38" s="1208"/>
      <c r="E38" s="1209"/>
      <c r="F38" s="1209"/>
      <c r="G38" s="1209"/>
      <c r="H38" s="1209"/>
      <c r="I38" s="1209"/>
      <c r="J38" s="1209"/>
      <c r="K38" s="1210"/>
      <c r="L38" s="1211" t="s">
        <v>104</v>
      </c>
      <c r="M38" s="1194"/>
      <c r="N38" s="1195"/>
      <c r="O38" s="1300" t="s">
        <v>105</v>
      </c>
      <c r="P38" s="1301"/>
      <c r="Q38" s="1302"/>
      <c r="R38" s="850"/>
      <c r="S38" s="850"/>
      <c r="T38" s="850"/>
      <c r="U38" s="840"/>
      <c r="V38" s="841"/>
      <c r="W38" s="841"/>
      <c r="X38" s="841"/>
      <c r="Y38" s="843"/>
      <c r="Z38" s="627"/>
    </row>
    <row r="39" spans="1:26" ht="54" customHeight="1" x14ac:dyDescent="0.2">
      <c r="A39" s="627"/>
      <c r="B39" s="717"/>
      <c r="C39" s="851" t="s">
        <v>1417</v>
      </c>
      <c r="D39" s="1214" t="s">
        <v>123</v>
      </c>
      <c r="E39" s="1214"/>
      <c r="F39" s="1214"/>
      <c r="G39" s="1214"/>
      <c r="H39" s="1214"/>
      <c r="I39" s="1214"/>
      <c r="J39" s="1214"/>
      <c r="K39" s="1214"/>
      <c r="L39" s="1215" t="s">
        <v>69</v>
      </c>
      <c r="M39" s="1216"/>
      <c r="N39" s="1217"/>
      <c r="O39" s="1218" t="s">
        <v>107</v>
      </c>
      <c r="P39" s="1218"/>
      <c r="Q39" s="1218"/>
      <c r="R39" s="852"/>
      <c r="S39" s="852"/>
      <c r="T39" s="852"/>
      <c r="U39" s="1298" t="s">
        <v>1550</v>
      </c>
      <c r="V39" s="1192"/>
      <c r="W39" s="1192"/>
      <c r="X39" s="1192"/>
      <c r="Y39" s="1299"/>
      <c r="Z39" s="627"/>
    </row>
    <row r="40" spans="1:26" ht="54" customHeight="1" x14ac:dyDescent="0.2">
      <c r="A40" s="627"/>
      <c r="B40" s="717"/>
      <c r="C40" s="851" t="s">
        <v>108</v>
      </c>
      <c r="D40" s="1214" t="s">
        <v>1419</v>
      </c>
      <c r="E40" s="1214"/>
      <c r="F40" s="1214"/>
      <c r="G40" s="1214"/>
      <c r="H40" s="1214"/>
      <c r="I40" s="1214"/>
      <c r="J40" s="1214"/>
      <c r="K40" s="1214"/>
      <c r="L40" s="1215" t="s">
        <v>69</v>
      </c>
      <c r="M40" s="1216"/>
      <c r="N40" s="1217"/>
      <c r="O40" s="1219"/>
      <c r="P40" s="1219"/>
      <c r="Q40" s="1219"/>
      <c r="R40" s="853"/>
      <c r="S40" s="1220" t="s">
        <v>1420</v>
      </c>
      <c r="T40" s="1221"/>
      <c r="U40" s="840"/>
      <c r="V40" s="841" t="s">
        <v>1400</v>
      </c>
      <c r="W40" s="841" t="s">
        <v>1425</v>
      </c>
      <c r="X40" s="841" t="s">
        <v>1400</v>
      </c>
      <c r="Y40" s="843"/>
      <c r="Z40" s="627"/>
    </row>
    <row r="41" spans="1:26" ht="54" customHeight="1" x14ac:dyDescent="0.2">
      <c r="A41" s="627"/>
      <c r="B41" s="717"/>
      <c r="C41" s="851" t="s">
        <v>109</v>
      </c>
      <c r="D41" s="1214" t="s">
        <v>1470</v>
      </c>
      <c r="E41" s="1214"/>
      <c r="F41" s="1214"/>
      <c r="G41" s="1214"/>
      <c r="H41" s="1214"/>
      <c r="I41" s="1214"/>
      <c r="J41" s="1214"/>
      <c r="K41" s="1214"/>
      <c r="L41" s="1218" t="s">
        <v>69</v>
      </c>
      <c r="M41" s="1218"/>
      <c r="N41" s="1218"/>
      <c r="O41" s="1219"/>
      <c r="P41" s="1219"/>
      <c r="Q41" s="1219"/>
      <c r="R41" s="853"/>
      <c r="S41" s="1220" t="s">
        <v>1424</v>
      </c>
      <c r="T41" s="1221"/>
      <c r="U41" s="840"/>
      <c r="V41" s="841" t="s">
        <v>1400</v>
      </c>
      <c r="W41" s="841" t="s">
        <v>1425</v>
      </c>
      <c r="X41" s="841" t="s">
        <v>1400</v>
      </c>
      <c r="Y41" s="843"/>
      <c r="Z41" s="627"/>
    </row>
    <row r="42" spans="1:26" ht="54" customHeight="1" x14ac:dyDescent="0.2">
      <c r="A42" s="627"/>
      <c r="B42" s="717"/>
      <c r="C42" s="851" t="s">
        <v>1551</v>
      </c>
      <c r="D42" s="1214" t="s">
        <v>124</v>
      </c>
      <c r="E42" s="1214"/>
      <c r="F42" s="1214"/>
      <c r="G42" s="1214"/>
      <c r="H42" s="1214"/>
      <c r="I42" s="1214"/>
      <c r="J42" s="1214"/>
      <c r="K42" s="1214"/>
      <c r="L42" s="1222"/>
      <c r="M42" s="1222"/>
      <c r="N42" s="1222"/>
      <c r="O42" s="1218" t="s">
        <v>107</v>
      </c>
      <c r="P42" s="1218"/>
      <c r="Q42" s="1218"/>
      <c r="R42" s="854"/>
      <c r="S42" s="1220" t="s">
        <v>1427</v>
      </c>
      <c r="T42" s="1221"/>
      <c r="U42" s="840"/>
      <c r="V42" s="841" t="s">
        <v>1400</v>
      </c>
      <c r="W42" s="841" t="s">
        <v>1428</v>
      </c>
      <c r="X42" s="841" t="s">
        <v>1400</v>
      </c>
      <c r="Y42" s="843"/>
      <c r="Z42" s="627"/>
    </row>
    <row r="43" spans="1:26" ht="54" customHeight="1" x14ac:dyDescent="0.2">
      <c r="A43" s="627"/>
      <c r="B43" s="717"/>
      <c r="C43" s="851" t="s">
        <v>1552</v>
      </c>
      <c r="D43" s="1214" t="s">
        <v>1553</v>
      </c>
      <c r="E43" s="1214"/>
      <c r="F43" s="1214"/>
      <c r="G43" s="1214"/>
      <c r="H43" s="1214"/>
      <c r="I43" s="1214"/>
      <c r="J43" s="1214"/>
      <c r="K43" s="1214"/>
      <c r="L43" s="1218" t="s">
        <v>69</v>
      </c>
      <c r="M43" s="1218"/>
      <c r="N43" s="1218"/>
      <c r="O43" s="1222"/>
      <c r="P43" s="1222"/>
      <c r="Q43" s="1222"/>
      <c r="R43" s="854"/>
      <c r="S43" s="1220" t="s">
        <v>1554</v>
      </c>
      <c r="T43" s="1221"/>
      <c r="U43" s="840"/>
      <c r="V43" s="841" t="s">
        <v>1400</v>
      </c>
      <c r="W43" s="841" t="s">
        <v>1425</v>
      </c>
      <c r="X43" s="841" t="s">
        <v>1400</v>
      </c>
      <c r="Y43" s="843"/>
      <c r="Z43" s="627"/>
    </row>
    <row r="44" spans="1:26" ht="15" customHeight="1" x14ac:dyDescent="0.2">
      <c r="A44" s="627"/>
      <c r="B44" s="717"/>
      <c r="C44" s="627"/>
      <c r="D44" s="627"/>
      <c r="E44" s="627"/>
      <c r="F44" s="627"/>
      <c r="G44" s="627"/>
      <c r="H44" s="627"/>
      <c r="I44" s="627"/>
      <c r="J44" s="627"/>
      <c r="K44" s="627"/>
      <c r="L44" s="627"/>
      <c r="M44" s="627"/>
      <c r="N44" s="627"/>
      <c r="O44" s="627"/>
      <c r="P44" s="627"/>
      <c r="Q44" s="627"/>
      <c r="R44" s="627"/>
      <c r="S44" s="627"/>
      <c r="T44" s="627"/>
      <c r="U44" s="840"/>
      <c r="V44" s="841"/>
      <c r="W44" s="841"/>
      <c r="X44" s="841"/>
      <c r="Y44" s="843"/>
      <c r="Z44" s="627"/>
    </row>
    <row r="45" spans="1:26" ht="15" customHeight="1" x14ac:dyDescent="0.2">
      <c r="A45" s="627"/>
      <c r="B45" s="717"/>
      <c r="C45" s="627" t="s">
        <v>1429</v>
      </c>
      <c r="D45" s="627"/>
      <c r="E45" s="627"/>
      <c r="F45" s="627"/>
      <c r="G45" s="627"/>
      <c r="H45" s="627"/>
      <c r="I45" s="627"/>
      <c r="J45" s="627"/>
      <c r="K45" s="627"/>
      <c r="L45" s="627"/>
      <c r="M45" s="627"/>
      <c r="N45" s="627"/>
      <c r="O45" s="627"/>
      <c r="P45" s="627"/>
      <c r="Q45" s="627"/>
      <c r="R45" s="627"/>
      <c r="S45" s="627"/>
      <c r="T45" s="627"/>
      <c r="U45" s="1298" t="s">
        <v>1555</v>
      </c>
      <c r="V45" s="1192"/>
      <c r="W45" s="1192"/>
      <c r="X45" s="1192"/>
      <c r="Y45" s="1299"/>
      <c r="Z45" s="627"/>
    </row>
    <row r="46" spans="1:26" ht="15" customHeight="1" x14ac:dyDescent="0.2">
      <c r="A46" s="627"/>
      <c r="B46" s="717"/>
      <c r="C46" s="627"/>
      <c r="D46" s="627"/>
      <c r="E46" s="627"/>
      <c r="F46" s="627"/>
      <c r="G46" s="627"/>
      <c r="H46" s="627"/>
      <c r="I46" s="627"/>
      <c r="J46" s="627"/>
      <c r="K46" s="627"/>
      <c r="L46" s="627"/>
      <c r="M46" s="627"/>
      <c r="N46" s="627"/>
      <c r="O46" s="627"/>
      <c r="P46" s="627"/>
      <c r="Q46" s="627"/>
      <c r="R46" s="627"/>
      <c r="S46" s="627"/>
      <c r="T46" s="627"/>
      <c r="U46" s="840"/>
      <c r="V46" s="841"/>
      <c r="W46" s="841"/>
      <c r="X46" s="841"/>
      <c r="Y46" s="843"/>
      <c r="Z46" s="627"/>
    </row>
    <row r="47" spans="1:26" ht="45.75" customHeight="1" x14ac:dyDescent="0.2">
      <c r="A47" s="627"/>
      <c r="B47" s="717"/>
      <c r="C47" s="855" t="s">
        <v>1556</v>
      </c>
      <c r="D47" s="1201" t="s">
        <v>1557</v>
      </c>
      <c r="E47" s="1201"/>
      <c r="F47" s="1201"/>
      <c r="G47" s="1201"/>
      <c r="H47" s="1201"/>
      <c r="I47" s="1201"/>
      <c r="J47" s="1201"/>
      <c r="K47" s="1201"/>
      <c r="L47" s="1201"/>
      <c r="M47" s="1201"/>
      <c r="N47" s="1201"/>
      <c r="O47" s="1201"/>
      <c r="P47" s="1201"/>
      <c r="Q47" s="1201"/>
      <c r="R47" s="1201"/>
      <c r="S47" s="1201"/>
      <c r="T47" s="1202"/>
      <c r="U47" s="840"/>
      <c r="V47" s="841" t="s">
        <v>1400</v>
      </c>
      <c r="W47" s="841" t="s">
        <v>1421</v>
      </c>
      <c r="X47" s="841" t="s">
        <v>1400</v>
      </c>
      <c r="Y47" s="843"/>
      <c r="Z47" s="627"/>
    </row>
    <row r="48" spans="1:26" ht="29.25" customHeight="1" x14ac:dyDescent="0.2">
      <c r="A48" s="627"/>
      <c r="B48" s="717"/>
      <c r="C48" s="855" t="s">
        <v>1558</v>
      </c>
      <c r="D48" s="1201" t="s">
        <v>1559</v>
      </c>
      <c r="E48" s="1201"/>
      <c r="F48" s="1201"/>
      <c r="G48" s="1201"/>
      <c r="H48" s="1201"/>
      <c r="I48" s="1201"/>
      <c r="J48" s="1201"/>
      <c r="K48" s="1201"/>
      <c r="L48" s="1201"/>
      <c r="M48" s="1201"/>
      <c r="N48" s="1201"/>
      <c r="O48" s="1201"/>
      <c r="P48" s="1201"/>
      <c r="Q48" s="1201"/>
      <c r="R48" s="1201"/>
      <c r="S48" s="1201"/>
      <c r="T48" s="1202"/>
      <c r="U48" s="840"/>
      <c r="V48" s="841" t="s">
        <v>1400</v>
      </c>
      <c r="W48" s="841" t="s">
        <v>1407</v>
      </c>
      <c r="X48" s="841" t="s">
        <v>1400</v>
      </c>
      <c r="Y48" s="843"/>
      <c r="Z48" s="627"/>
    </row>
    <row r="49" spans="1:26" ht="45" customHeight="1" x14ac:dyDescent="0.2">
      <c r="A49" s="627"/>
      <c r="B49" s="717"/>
      <c r="C49" s="855" t="s">
        <v>1434</v>
      </c>
      <c r="D49" s="1201" t="s">
        <v>1560</v>
      </c>
      <c r="E49" s="1201"/>
      <c r="F49" s="1201"/>
      <c r="G49" s="1201"/>
      <c r="H49" s="1201"/>
      <c r="I49" s="1201"/>
      <c r="J49" s="1201"/>
      <c r="K49" s="1201"/>
      <c r="L49" s="1201"/>
      <c r="M49" s="1201"/>
      <c r="N49" s="1201"/>
      <c r="O49" s="1201"/>
      <c r="P49" s="1201"/>
      <c r="Q49" s="1201"/>
      <c r="R49" s="1201"/>
      <c r="S49" s="1201"/>
      <c r="T49" s="1202"/>
      <c r="U49" s="840"/>
      <c r="V49" s="841" t="s">
        <v>1400</v>
      </c>
      <c r="W49" s="841" t="s">
        <v>1421</v>
      </c>
      <c r="X49" s="841" t="s">
        <v>1400</v>
      </c>
      <c r="Y49" s="843"/>
      <c r="Z49" s="627"/>
    </row>
    <row r="50" spans="1:26" ht="7.5" customHeight="1" x14ac:dyDescent="0.2">
      <c r="A50" s="627"/>
      <c r="B50" s="717"/>
      <c r="C50" s="848"/>
      <c r="D50" s="848"/>
      <c r="E50" s="848"/>
      <c r="F50" s="848"/>
      <c r="G50" s="848"/>
      <c r="H50" s="848"/>
      <c r="I50" s="848"/>
      <c r="J50" s="848"/>
      <c r="K50" s="848"/>
      <c r="L50" s="848"/>
      <c r="M50" s="848"/>
      <c r="N50" s="848"/>
      <c r="O50" s="848"/>
      <c r="P50" s="848"/>
      <c r="Q50" s="848"/>
      <c r="R50" s="848"/>
      <c r="S50" s="848"/>
      <c r="T50" s="848"/>
      <c r="U50" s="840"/>
      <c r="V50" s="841"/>
      <c r="W50" s="841"/>
      <c r="X50" s="841"/>
      <c r="Y50" s="843"/>
      <c r="Z50" s="627"/>
    </row>
    <row r="51" spans="1:26" ht="26.25" customHeight="1" x14ac:dyDescent="0.2">
      <c r="A51" s="627"/>
      <c r="B51" s="717"/>
      <c r="C51" s="1193" t="s">
        <v>110</v>
      </c>
      <c r="D51" s="1194"/>
      <c r="E51" s="1194"/>
      <c r="F51" s="1194"/>
      <c r="G51" s="1194"/>
      <c r="H51" s="1195"/>
      <c r="I51" s="1223" t="s">
        <v>107</v>
      </c>
      <c r="J51" s="1224"/>
      <c r="K51" s="840"/>
      <c r="L51" s="1193" t="s">
        <v>125</v>
      </c>
      <c r="M51" s="1194"/>
      <c r="N51" s="1194"/>
      <c r="O51" s="1194"/>
      <c r="P51" s="1194"/>
      <c r="Q51" s="1195"/>
      <c r="R51" s="1223" t="s">
        <v>69</v>
      </c>
      <c r="S51" s="1225"/>
      <c r="T51" s="627"/>
      <c r="U51" s="840"/>
      <c r="V51" s="841"/>
      <c r="W51" s="841"/>
      <c r="X51" s="841"/>
      <c r="Y51" s="843"/>
      <c r="Z51" s="627"/>
    </row>
    <row r="52" spans="1:26" ht="7.5" customHeight="1" x14ac:dyDescent="0.2">
      <c r="A52" s="627"/>
      <c r="B52" s="717"/>
      <c r="C52" s="627"/>
      <c r="D52" s="627"/>
      <c r="E52" s="627"/>
      <c r="F52" s="627"/>
      <c r="G52" s="627"/>
      <c r="H52" s="627"/>
      <c r="I52" s="627"/>
      <c r="J52" s="627"/>
      <c r="K52" s="627"/>
      <c r="L52" s="627"/>
      <c r="M52" s="627"/>
      <c r="N52" s="627"/>
      <c r="O52" s="627"/>
      <c r="P52" s="627"/>
      <c r="Q52" s="627"/>
      <c r="R52" s="627"/>
      <c r="S52" s="627"/>
      <c r="T52" s="627"/>
      <c r="U52" s="840"/>
      <c r="V52" s="841"/>
      <c r="W52" s="841"/>
      <c r="X52" s="841"/>
      <c r="Y52" s="843"/>
      <c r="Z52" s="627"/>
    </row>
    <row r="53" spans="1:26" ht="22.5" customHeight="1" x14ac:dyDescent="0.2">
      <c r="A53" s="627"/>
      <c r="B53" s="717"/>
      <c r="C53" s="1226"/>
      <c r="D53" s="1227"/>
      <c r="E53" s="1227"/>
      <c r="F53" s="1227"/>
      <c r="G53" s="1227"/>
      <c r="H53" s="1227"/>
      <c r="I53" s="1228"/>
      <c r="J53" s="1196" t="s">
        <v>112</v>
      </c>
      <c r="K53" s="1196"/>
      <c r="L53" s="1196"/>
      <c r="M53" s="1196"/>
      <c r="N53" s="1196"/>
      <c r="O53" s="1196" t="s">
        <v>113</v>
      </c>
      <c r="P53" s="1196"/>
      <c r="Q53" s="1196"/>
      <c r="R53" s="1196"/>
      <c r="S53" s="1196"/>
      <c r="T53" s="627"/>
      <c r="U53" s="840"/>
      <c r="V53" s="841"/>
      <c r="W53" s="841"/>
      <c r="X53" s="841"/>
      <c r="Y53" s="843"/>
      <c r="Z53" s="627"/>
    </row>
    <row r="54" spans="1:26" ht="22.5" customHeight="1" x14ac:dyDescent="0.2">
      <c r="A54" s="627"/>
      <c r="B54" s="717"/>
      <c r="C54" s="1229" t="s">
        <v>114</v>
      </c>
      <c r="D54" s="1230"/>
      <c r="E54" s="1230"/>
      <c r="F54" s="1230"/>
      <c r="G54" s="1230"/>
      <c r="H54" s="1231"/>
      <c r="I54" s="856" t="s">
        <v>51</v>
      </c>
      <c r="J54" s="1218" t="s">
        <v>69</v>
      </c>
      <c r="K54" s="1218"/>
      <c r="L54" s="1218"/>
      <c r="M54" s="1218"/>
      <c r="N54" s="1218"/>
      <c r="O54" s="1222"/>
      <c r="P54" s="1222"/>
      <c r="Q54" s="1222"/>
      <c r="R54" s="1222"/>
      <c r="S54" s="1222"/>
      <c r="T54" s="627"/>
      <c r="U54" s="840"/>
      <c r="V54" s="841"/>
      <c r="W54" s="841"/>
      <c r="X54" s="841"/>
      <c r="Y54" s="843"/>
      <c r="Z54" s="627"/>
    </row>
    <row r="55" spans="1:26" ht="22.5" customHeight="1" x14ac:dyDescent="0.2">
      <c r="A55" s="627"/>
      <c r="B55" s="717"/>
      <c r="C55" s="1232"/>
      <c r="D55" s="1233"/>
      <c r="E55" s="1233"/>
      <c r="F55" s="1233"/>
      <c r="G55" s="1233"/>
      <c r="H55" s="1234"/>
      <c r="I55" s="856" t="s">
        <v>50</v>
      </c>
      <c r="J55" s="1218" t="s">
        <v>69</v>
      </c>
      <c r="K55" s="1218"/>
      <c r="L55" s="1218"/>
      <c r="M55" s="1218"/>
      <c r="N55" s="1218"/>
      <c r="O55" s="1218" t="s">
        <v>69</v>
      </c>
      <c r="P55" s="1218"/>
      <c r="Q55" s="1218"/>
      <c r="R55" s="1218"/>
      <c r="S55" s="1218"/>
      <c r="T55" s="627"/>
      <c r="U55" s="840"/>
      <c r="V55" s="841"/>
      <c r="W55" s="841"/>
      <c r="X55" s="841"/>
      <c r="Y55" s="843"/>
      <c r="Z55" s="627"/>
    </row>
    <row r="56" spans="1:26" ht="15" customHeight="1" x14ac:dyDescent="0.2">
      <c r="A56" s="627"/>
      <c r="B56" s="717"/>
      <c r="C56" s="627"/>
      <c r="D56" s="627"/>
      <c r="E56" s="627"/>
      <c r="F56" s="627"/>
      <c r="G56" s="627"/>
      <c r="H56" s="627"/>
      <c r="I56" s="627"/>
      <c r="J56" s="627"/>
      <c r="K56" s="627"/>
      <c r="L56" s="627"/>
      <c r="M56" s="627"/>
      <c r="N56" s="627"/>
      <c r="O56" s="627"/>
      <c r="P56" s="627"/>
      <c r="Q56" s="627"/>
      <c r="R56" s="627"/>
      <c r="S56" s="627"/>
      <c r="T56" s="627"/>
      <c r="U56" s="840"/>
      <c r="V56" s="841"/>
      <c r="W56" s="841"/>
      <c r="X56" s="841"/>
      <c r="Y56" s="843"/>
      <c r="Z56" s="627"/>
    </row>
    <row r="57" spans="1:26" ht="15" customHeight="1" x14ac:dyDescent="0.2">
      <c r="A57" s="627"/>
      <c r="B57" s="717" t="s">
        <v>115</v>
      </c>
      <c r="C57" s="627"/>
      <c r="D57" s="627"/>
      <c r="E57" s="627"/>
      <c r="F57" s="627"/>
      <c r="G57" s="627"/>
      <c r="H57" s="627"/>
      <c r="I57" s="627"/>
      <c r="J57" s="627"/>
      <c r="K57" s="627"/>
      <c r="L57" s="627"/>
      <c r="M57" s="627"/>
      <c r="N57" s="627"/>
      <c r="O57" s="627"/>
      <c r="P57" s="627"/>
      <c r="Q57" s="627"/>
      <c r="R57" s="627"/>
      <c r="S57" s="627"/>
      <c r="T57" s="627"/>
      <c r="U57" s="1298" t="s">
        <v>1555</v>
      </c>
      <c r="V57" s="1192"/>
      <c r="W57" s="1192"/>
      <c r="X57" s="1192"/>
      <c r="Y57" s="1299"/>
      <c r="Z57" s="627"/>
    </row>
    <row r="58" spans="1:26" ht="15" customHeight="1" x14ac:dyDescent="0.2">
      <c r="A58" s="627"/>
      <c r="B58" s="717"/>
      <c r="C58" s="627"/>
      <c r="D58" s="627"/>
      <c r="E58" s="627"/>
      <c r="F58" s="627"/>
      <c r="G58" s="627"/>
      <c r="H58" s="627"/>
      <c r="I58" s="627"/>
      <c r="J58" s="627"/>
      <c r="K58" s="627"/>
      <c r="L58" s="627"/>
      <c r="M58" s="627"/>
      <c r="N58" s="627"/>
      <c r="O58" s="627"/>
      <c r="P58" s="627"/>
      <c r="Q58" s="627"/>
      <c r="R58" s="627"/>
      <c r="S58" s="627"/>
      <c r="T58" s="627"/>
      <c r="U58" s="840"/>
      <c r="V58" s="841"/>
      <c r="W58" s="841"/>
      <c r="X58" s="841"/>
      <c r="Y58" s="843"/>
      <c r="Z58" s="627"/>
    </row>
    <row r="59" spans="1:26" ht="15" customHeight="1" x14ac:dyDescent="0.2">
      <c r="A59" s="627"/>
      <c r="B59" s="717"/>
      <c r="C59" s="855" t="s">
        <v>1438</v>
      </c>
      <c r="D59" s="1201" t="s">
        <v>1561</v>
      </c>
      <c r="E59" s="1201"/>
      <c r="F59" s="1201"/>
      <c r="G59" s="1201"/>
      <c r="H59" s="1201"/>
      <c r="I59" s="1201"/>
      <c r="J59" s="1201"/>
      <c r="K59" s="1201"/>
      <c r="L59" s="1201"/>
      <c r="M59" s="1201"/>
      <c r="N59" s="1201"/>
      <c r="O59" s="1201"/>
      <c r="P59" s="1201"/>
      <c r="Q59" s="1201"/>
      <c r="R59" s="1201"/>
      <c r="S59" s="1201"/>
      <c r="T59" s="1202"/>
      <c r="U59" s="840"/>
      <c r="V59" s="841" t="s">
        <v>1400</v>
      </c>
      <c r="W59" s="841" t="s">
        <v>1425</v>
      </c>
      <c r="X59" s="841" t="s">
        <v>1400</v>
      </c>
      <c r="Y59" s="843"/>
      <c r="Z59" s="627"/>
    </row>
    <row r="60" spans="1:26" ht="15" customHeight="1" x14ac:dyDescent="0.2">
      <c r="A60" s="627"/>
      <c r="B60" s="717"/>
      <c r="C60" s="855"/>
      <c r="D60" s="1201"/>
      <c r="E60" s="1201"/>
      <c r="F60" s="1201"/>
      <c r="G60" s="1201"/>
      <c r="H60" s="1201"/>
      <c r="I60" s="1201"/>
      <c r="J60" s="1201"/>
      <c r="K60" s="1201"/>
      <c r="L60" s="1201"/>
      <c r="M60" s="1201"/>
      <c r="N60" s="1201"/>
      <c r="O60" s="1201"/>
      <c r="P60" s="1201"/>
      <c r="Q60" s="1201"/>
      <c r="R60" s="1201"/>
      <c r="S60" s="1201"/>
      <c r="T60" s="1202"/>
      <c r="U60" s="840"/>
      <c r="V60" s="841"/>
      <c r="W60" s="841"/>
      <c r="X60" s="841"/>
      <c r="Y60" s="843"/>
      <c r="Z60" s="627"/>
    </row>
    <row r="61" spans="1:26" ht="8.25" customHeight="1" x14ac:dyDescent="0.2">
      <c r="A61" s="627"/>
      <c r="B61" s="717"/>
      <c r="C61" s="855"/>
      <c r="D61" s="852"/>
      <c r="E61" s="852"/>
      <c r="F61" s="852"/>
      <c r="G61" s="852"/>
      <c r="H61" s="852"/>
      <c r="I61" s="852"/>
      <c r="J61" s="852"/>
      <c r="K61" s="852"/>
      <c r="L61" s="852"/>
      <c r="M61" s="852"/>
      <c r="N61" s="852"/>
      <c r="O61" s="852"/>
      <c r="P61" s="852"/>
      <c r="Q61" s="852"/>
      <c r="R61" s="852"/>
      <c r="S61" s="852"/>
      <c r="T61" s="863"/>
      <c r="U61" s="840"/>
      <c r="V61" s="841"/>
      <c r="W61" s="841"/>
      <c r="X61" s="841"/>
      <c r="Y61" s="843"/>
      <c r="Z61" s="627"/>
    </row>
    <row r="62" spans="1:26" ht="15" customHeight="1" x14ac:dyDescent="0.2">
      <c r="A62" s="627"/>
      <c r="B62" s="717"/>
      <c r="C62" s="904" t="s">
        <v>1440</v>
      </c>
      <c r="D62" s="1250" t="s">
        <v>1528</v>
      </c>
      <c r="E62" s="1250"/>
      <c r="F62" s="1250"/>
      <c r="G62" s="1250"/>
      <c r="H62" s="1250"/>
      <c r="I62" s="1250"/>
      <c r="J62" s="1250"/>
      <c r="K62" s="1250"/>
      <c r="L62" s="1250"/>
      <c r="M62" s="1250"/>
      <c r="N62" s="1250"/>
      <c r="O62" s="1250"/>
      <c r="P62" s="1250"/>
      <c r="Q62" s="1250"/>
      <c r="R62" s="1250"/>
      <c r="S62" s="1250"/>
      <c r="T62" s="1202"/>
      <c r="U62" s="840"/>
      <c r="V62" s="842" t="s">
        <v>1400</v>
      </c>
      <c r="W62" s="842" t="s">
        <v>1425</v>
      </c>
      <c r="X62" s="842" t="s">
        <v>1400</v>
      </c>
      <c r="Y62" s="843"/>
      <c r="Z62" s="627"/>
    </row>
    <row r="63" spans="1:26" ht="15" customHeight="1" x14ac:dyDescent="0.2">
      <c r="A63" s="627"/>
      <c r="B63" s="718"/>
      <c r="C63" s="905"/>
      <c r="D63" s="1251"/>
      <c r="E63" s="1251"/>
      <c r="F63" s="1251"/>
      <c r="G63" s="1251"/>
      <c r="H63" s="1251"/>
      <c r="I63" s="1251"/>
      <c r="J63" s="1251"/>
      <c r="K63" s="1251"/>
      <c r="L63" s="1251"/>
      <c r="M63" s="1251"/>
      <c r="N63" s="1251"/>
      <c r="O63" s="1251"/>
      <c r="P63" s="1251"/>
      <c r="Q63" s="1251"/>
      <c r="R63" s="1251"/>
      <c r="S63" s="1251"/>
      <c r="T63" s="1252"/>
      <c r="U63" s="749"/>
      <c r="V63" s="866"/>
      <c r="W63" s="866"/>
      <c r="X63" s="866"/>
      <c r="Y63" s="751"/>
      <c r="Z63" s="627"/>
    </row>
    <row r="64" spans="1:26" ht="15" customHeight="1" x14ac:dyDescent="0.2">
      <c r="A64" s="627"/>
      <c r="B64" s="715"/>
      <c r="C64" s="715"/>
      <c r="D64" s="715"/>
      <c r="E64" s="715"/>
      <c r="F64" s="715"/>
      <c r="G64" s="715"/>
      <c r="H64" s="715"/>
      <c r="I64" s="715"/>
      <c r="J64" s="715"/>
      <c r="K64" s="715"/>
      <c r="L64" s="715"/>
      <c r="M64" s="715"/>
      <c r="N64" s="715"/>
      <c r="O64" s="715"/>
      <c r="P64" s="715"/>
      <c r="Q64" s="715"/>
      <c r="R64" s="715"/>
      <c r="S64" s="715"/>
      <c r="T64" s="715"/>
      <c r="U64" s="715"/>
      <c r="V64" s="715"/>
      <c r="W64" s="715"/>
      <c r="X64" s="715"/>
      <c r="Y64" s="715"/>
      <c r="Z64" s="628"/>
    </row>
    <row r="65" spans="1:31" ht="15" customHeight="1" x14ac:dyDescent="0.2">
      <c r="A65" s="627"/>
      <c r="B65" s="627" t="s">
        <v>1442</v>
      </c>
      <c r="C65" s="627"/>
      <c r="D65" s="627"/>
      <c r="E65" s="627"/>
      <c r="F65" s="627"/>
      <c r="G65" s="627"/>
      <c r="H65" s="627"/>
      <c r="I65" s="627"/>
      <c r="J65" s="627"/>
      <c r="K65" s="627"/>
      <c r="L65" s="627"/>
      <c r="M65" s="627"/>
      <c r="N65" s="627"/>
      <c r="O65" s="627"/>
      <c r="P65" s="627"/>
      <c r="Q65" s="627"/>
      <c r="R65" s="627"/>
      <c r="S65" s="627"/>
      <c r="T65" s="627"/>
      <c r="U65" s="627"/>
      <c r="V65" s="627"/>
      <c r="W65" s="627"/>
      <c r="X65" s="627"/>
      <c r="Y65" s="627"/>
      <c r="Z65" s="627"/>
    </row>
    <row r="66" spans="1:31" ht="15" customHeight="1" x14ac:dyDescent="0.2">
      <c r="A66" s="627"/>
      <c r="B66" s="906">
        <v>1</v>
      </c>
      <c r="C66" s="1236" t="s">
        <v>1529</v>
      </c>
      <c r="D66" s="1236"/>
      <c r="E66" s="1236"/>
      <c r="F66" s="1236"/>
      <c r="G66" s="1236"/>
      <c r="H66" s="1236"/>
      <c r="I66" s="1236"/>
      <c r="J66" s="1236"/>
      <c r="K66" s="1236"/>
      <c r="L66" s="1236"/>
      <c r="M66" s="1236"/>
      <c r="N66" s="1236"/>
      <c r="O66" s="1236"/>
      <c r="P66" s="1236"/>
      <c r="Q66" s="1236"/>
      <c r="R66" s="1236"/>
      <c r="S66" s="1236"/>
      <c r="T66" s="1236"/>
      <c r="U66" s="1236"/>
      <c r="V66" s="1236"/>
      <c r="W66" s="1236"/>
      <c r="X66" s="1236"/>
      <c r="Y66" s="1236"/>
      <c r="Z66" s="627"/>
      <c r="AE66" s="907"/>
    </row>
    <row r="67" spans="1:31" ht="30" customHeight="1" x14ac:dyDescent="0.2">
      <c r="A67" s="627"/>
      <c r="B67" s="857" t="s">
        <v>1562</v>
      </c>
      <c r="C67" s="1201" t="s">
        <v>1563</v>
      </c>
      <c r="D67" s="1201"/>
      <c r="E67" s="1201"/>
      <c r="F67" s="1201"/>
      <c r="G67" s="1201"/>
      <c r="H67" s="1201"/>
      <c r="I67" s="1201"/>
      <c r="J67" s="1201"/>
      <c r="K67" s="1201"/>
      <c r="L67" s="1201"/>
      <c r="M67" s="1201"/>
      <c r="N67" s="1201"/>
      <c r="O67" s="1201"/>
      <c r="P67" s="1201"/>
      <c r="Q67" s="1201"/>
      <c r="R67" s="1201"/>
      <c r="S67" s="1201"/>
      <c r="T67" s="1201"/>
      <c r="U67" s="1201"/>
      <c r="V67" s="1201"/>
      <c r="W67" s="1201"/>
      <c r="X67" s="1201"/>
      <c r="Y67" s="1201"/>
      <c r="Z67" s="627"/>
    </row>
    <row r="68" spans="1:31" ht="14.25" customHeight="1" x14ac:dyDescent="0.2">
      <c r="A68" s="627"/>
      <c r="B68" s="906">
        <v>3</v>
      </c>
      <c r="C68" s="1236" t="s">
        <v>1533</v>
      </c>
      <c r="D68" s="1236"/>
      <c r="E68" s="1236"/>
      <c r="F68" s="1236"/>
      <c r="G68" s="1236"/>
      <c r="H68" s="1236"/>
      <c r="I68" s="1236"/>
      <c r="J68" s="1236"/>
      <c r="K68" s="1236"/>
      <c r="L68" s="1236"/>
      <c r="M68" s="1236"/>
      <c r="N68" s="1236"/>
      <c r="O68" s="1236"/>
      <c r="P68" s="1236"/>
      <c r="Q68" s="1236"/>
      <c r="R68" s="1236"/>
      <c r="S68" s="1236"/>
      <c r="T68" s="1236"/>
      <c r="U68" s="1236"/>
      <c r="V68" s="1236"/>
      <c r="W68" s="1236"/>
      <c r="X68" s="1236"/>
      <c r="Y68" s="1236"/>
      <c r="Z68" s="721"/>
    </row>
    <row r="69" spans="1:31" ht="45" customHeight="1" x14ac:dyDescent="0.2">
      <c r="A69" s="627"/>
      <c r="B69" s="906">
        <v>4</v>
      </c>
      <c r="C69" s="1201" t="s">
        <v>1564</v>
      </c>
      <c r="D69" s="1236"/>
      <c r="E69" s="1236"/>
      <c r="F69" s="1236"/>
      <c r="G69" s="1236"/>
      <c r="H69" s="1236"/>
      <c r="I69" s="1236"/>
      <c r="J69" s="1236"/>
      <c r="K69" s="1236"/>
      <c r="L69" s="1236"/>
      <c r="M69" s="1236"/>
      <c r="N69" s="1236"/>
      <c r="O69" s="1236"/>
      <c r="P69" s="1236"/>
      <c r="Q69" s="1236"/>
      <c r="R69" s="1236"/>
      <c r="S69" s="1236"/>
      <c r="T69" s="1236"/>
      <c r="U69" s="1236"/>
      <c r="V69" s="1236"/>
      <c r="W69" s="1236"/>
      <c r="X69" s="1236"/>
      <c r="Y69" s="1236"/>
      <c r="Z69" s="721"/>
    </row>
    <row r="70" spans="1:31" x14ac:dyDescent="0.2">
      <c r="A70" s="627"/>
      <c r="B70" s="627"/>
      <c r="C70" s="627"/>
      <c r="D70" s="627"/>
      <c r="E70" s="627"/>
      <c r="F70" s="627"/>
      <c r="G70" s="627"/>
      <c r="H70" s="627"/>
      <c r="I70" s="627"/>
      <c r="J70" s="627"/>
      <c r="K70" s="627"/>
      <c r="L70" s="627"/>
      <c r="M70" s="627"/>
      <c r="N70" s="627"/>
      <c r="O70" s="627"/>
      <c r="P70" s="627"/>
      <c r="Q70" s="627"/>
      <c r="R70" s="627"/>
      <c r="S70" s="627"/>
      <c r="T70" s="627"/>
      <c r="U70" s="627"/>
      <c r="V70" s="627"/>
      <c r="W70" s="627"/>
      <c r="X70" s="627"/>
      <c r="Y70" s="627"/>
      <c r="Z70" s="627"/>
    </row>
    <row r="71" spans="1:31" x14ac:dyDescent="0.2">
      <c r="F71" s="643" t="s">
        <v>1565</v>
      </c>
    </row>
  </sheetData>
  <mergeCells count="61">
    <mergeCell ref="C69:Y69"/>
    <mergeCell ref="U57:Y57"/>
    <mergeCell ref="D59:T60"/>
    <mergeCell ref="D62:T63"/>
    <mergeCell ref="C66:Y66"/>
    <mergeCell ref="C67:Y67"/>
    <mergeCell ref="C68:Y68"/>
    <mergeCell ref="C53:I53"/>
    <mergeCell ref="J53:N53"/>
    <mergeCell ref="O53:S53"/>
    <mergeCell ref="C54:H55"/>
    <mergeCell ref="J54:N54"/>
    <mergeCell ref="O54:S54"/>
    <mergeCell ref="J55:N55"/>
    <mergeCell ref="O55:S55"/>
    <mergeCell ref="U45:Y45"/>
    <mergeCell ref="D47:T47"/>
    <mergeCell ref="D48:T48"/>
    <mergeCell ref="D49:T49"/>
    <mergeCell ref="C51:H51"/>
    <mergeCell ref="I51:J51"/>
    <mergeCell ref="L51:Q51"/>
    <mergeCell ref="R51:S51"/>
    <mergeCell ref="D42:K42"/>
    <mergeCell ref="L42:N42"/>
    <mergeCell ref="O42:Q42"/>
    <mergeCell ref="S42:T42"/>
    <mergeCell ref="D43:K43"/>
    <mergeCell ref="L43:N43"/>
    <mergeCell ref="O43:Q43"/>
    <mergeCell ref="S43:T43"/>
    <mergeCell ref="U39:Y39"/>
    <mergeCell ref="D40:K40"/>
    <mergeCell ref="L40:N40"/>
    <mergeCell ref="O40:Q40"/>
    <mergeCell ref="S40:T40"/>
    <mergeCell ref="D41:K41"/>
    <mergeCell ref="L41:N41"/>
    <mergeCell ref="O41:Q41"/>
    <mergeCell ref="S41:T41"/>
    <mergeCell ref="D29:T30"/>
    <mergeCell ref="C35:T36"/>
    <mergeCell ref="D38:K38"/>
    <mergeCell ref="L38:N38"/>
    <mergeCell ref="O38:Q38"/>
    <mergeCell ref="D39:K39"/>
    <mergeCell ref="L39:N39"/>
    <mergeCell ref="O39:Q39"/>
    <mergeCell ref="D22:T23"/>
    <mergeCell ref="Q2:Y2"/>
    <mergeCell ref="B4:Y4"/>
    <mergeCell ref="B6:F6"/>
    <mergeCell ref="M6:O6"/>
    <mergeCell ref="P6:Y6"/>
    <mergeCell ref="B7:F7"/>
    <mergeCell ref="G7:Y7"/>
    <mergeCell ref="U10:Y10"/>
    <mergeCell ref="D12:T13"/>
    <mergeCell ref="D15:T16"/>
    <mergeCell ref="D18:T18"/>
    <mergeCell ref="D20:T20"/>
  </mergeCells>
  <phoneticPr fontId="6"/>
  <dataValidations count="1">
    <dataValidation type="list" allowBlank="1" showInputMessage="1" showErrorMessage="1" sqref="V12:V13 X12:X13 V15 X15 V18 X18 V20 X20 V22 X22 V25 X25 V27 X27 V29 X29 V40:V43 X40:X43 V47:V49 X47:X49 V59 X59 V62 X62">
      <formula1>"□,■"</formula1>
    </dataValidation>
  </dataValidations>
  <printOptions horizontalCentered="1" verticalCentered="1"/>
  <pageMargins left="0.70866141732283472" right="0.70866141732283472" top="0.74803149606299213" bottom="0.74803149606299213" header="0.31496062992125984" footer="0.31496062992125984"/>
  <pageSetup paperSize="9" scale="59" orientation="portrait" r:id="rId1"/>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8"/>
  <sheetViews>
    <sheetView view="pageBreakPreview" zoomScale="80" zoomScaleNormal="100" zoomScaleSheetLayoutView="80" workbookViewId="0">
      <selection activeCell="E20" sqref="E20:L20"/>
    </sheetView>
  </sheetViews>
  <sheetFormatPr defaultRowHeight="13.2" x14ac:dyDescent="0.2"/>
  <cols>
    <col min="1" max="1" width="9.109375" style="153" customWidth="1"/>
    <col min="2" max="2" width="2.33203125" style="153" customWidth="1"/>
    <col min="3" max="3" width="18" style="153" customWidth="1"/>
    <col min="4" max="4" width="13.6640625" style="153" customWidth="1"/>
    <col min="5" max="5" width="13.44140625" style="153" customWidth="1"/>
    <col min="6" max="7" width="13.6640625" style="153" customWidth="1"/>
    <col min="8" max="9" width="13.44140625" style="153" customWidth="1"/>
    <col min="10" max="10" width="13.6640625" style="153" customWidth="1"/>
    <col min="11" max="11" width="13.44140625" style="153" customWidth="1"/>
    <col min="12" max="12" width="13" style="153" customWidth="1"/>
    <col min="13" max="14" width="9" style="153"/>
    <col min="15" max="15" width="9" style="153" customWidth="1"/>
    <col min="16" max="256" width="9" style="153"/>
    <col min="257" max="257" width="9.109375" style="153" customWidth="1"/>
    <col min="258" max="258" width="2.33203125" style="153" customWidth="1"/>
    <col min="259" max="259" width="18" style="153" customWidth="1"/>
    <col min="260" max="260" width="13.6640625" style="153" customWidth="1"/>
    <col min="261" max="261" width="13.44140625" style="153" customWidth="1"/>
    <col min="262" max="263" width="13.6640625" style="153" customWidth="1"/>
    <col min="264" max="265" width="13.44140625" style="153" customWidth="1"/>
    <col min="266" max="266" width="13.6640625" style="153" customWidth="1"/>
    <col min="267" max="267" width="13.44140625" style="153" customWidth="1"/>
    <col min="268" max="268" width="13" style="153" customWidth="1"/>
    <col min="269" max="270" width="9" style="153"/>
    <col min="271" max="271" width="9" style="153" customWidth="1"/>
    <col min="272" max="512" width="9" style="153"/>
    <col min="513" max="513" width="9.109375" style="153" customWidth="1"/>
    <col min="514" max="514" width="2.33203125" style="153" customWidth="1"/>
    <col min="515" max="515" width="18" style="153" customWidth="1"/>
    <col min="516" max="516" width="13.6640625" style="153" customWidth="1"/>
    <col min="517" max="517" width="13.44140625" style="153" customWidth="1"/>
    <col min="518" max="519" width="13.6640625" style="153" customWidth="1"/>
    <col min="520" max="521" width="13.44140625" style="153" customWidth="1"/>
    <col min="522" max="522" width="13.6640625" style="153" customWidth="1"/>
    <col min="523" max="523" width="13.44140625" style="153" customWidth="1"/>
    <col min="524" max="524" width="13" style="153" customWidth="1"/>
    <col min="525" max="526" width="9" style="153"/>
    <col min="527" max="527" width="9" style="153" customWidth="1"/>
    <col min="528" max="768" width="9" style="153"/>
    <col min="769" max="769" width="9.109375" style="153" customWidth="1"/>
    <col min="770" max="770" width="2.33203125" style="153" customWidth="1"/>
    <col min="771" max="771" width="18" style="153" customWidth="1"/>
    <col min="772" max="772" width="13.6640625" style="153" customWidth="1"/>
    <col min="773" max="773" width="13.44140625" style="153" customWidth="1"/>
    <col min="774" max="775" width="13.6640625" style="153" customWidth="1"/>
    <col min="776" max="777" width="13.44140625" style="153" customWidth="1"/>
    <col min="778" max="778" width="13.6640625" style="153" customWidth="1"/>
    <col min="779" max="779" width="13.44140625" style="153" customWidth="1"/>
    <col min="780" max="780" width="13" style="153" customWidth="1"/>
    <col min="781" max="782" width="9" style="153"/>
    <col min="783" max="783" width="9" style="153" customWidth="1"/>
    <col min="784" max="1024" width="9" style="153"/>
    <col min="1025" max="1025" width="9.109375" style="153" customWidth="1"/>
    <col min="1026" max="1026" width="2.33203125" style="153" customWidth="1"/>
    <col min="1027" max="1027" width="18" style="153" customWidth="1"/>
    <col min="1028" max="1028" width="13.6640625" style="153" customWidth="1"/>
    <col min="1029" max="1029" width="13.44140625" style="153" customWidth="1"/>
    <col min="1030" max="1031" width="13.6640625" style="153" customWidth="1"/>
    <col min="1032" max="1033" width="13.44140625" style="153" customWidth="1"/>
    <col min="1034" max="1034" width="13.6640625" style="153" customWidth="1"/>
    <col min="1035" max="1035" width="13.44140625" style="153" customWidth="1"/>
    <col min="1036" max="1036" width="13" style="153" customWidth="1"/>
    <col min="1037" max="1038" width="9" style="153"/>
    <col min="1039" max="1039" width="9" style="153" customWidth="1"/>
    <col min="1040" max="1280" width="9" style="153"/>
    <col min="1281" max="1281" width="9.109375" style="153" customWidth="1"/>
    <col min="1282" max="1282" width="2.33203125" style="153" customWidth="1"/>
    <col min="1283" max="1283" width="18" style="153" customWidth="1"/>
    <col min="1284" max="1284" width="13.6640625" style="153" customWidth="1"/>
    <col min="1285" max="1285" width="13.44140625" style="153" customWidth="1"/>
    <col min="1286" max="1287" width="13.6640625" style="153" customWidth="1"/>
    <col min="1288" max="1289" width="13.44140625" style="153" customWidth="1"/>
    <col min="1290" max="1290" width="13.6640625" style="153" customWidth="1"/>
    <col min="1291" max="1291" width="13.44140625" style="153" customWidth="1"/>
    <col min="1292" max="1292" width="13" style="153" customWidth="1"/>
    <col min="1293" max="1294" width="9" style="153"/>
    <col min="1295" max="1295" width="9" style="153" customWidth="1"/>
    <col min="1296" max="1536" width="9" style="153"/>
    <col min="1537" max="1537" width="9.109375" style="153" customWidth="1"/>
    <col min="1538" max="1538" width="2.33203125" style="153" customWidth="1"/>
    <col min="1539" max="1539" width="18" style="153" customWidth="1"/>
    <col min="1540" max="1540" width="13.6640625" style="153" customWidth="1"/>
    <col min="1541" max="1541" width="13.44140625" style="153" customWidth="1"/>
    <col min="1542" max="1543" width="13.6640625" style="153" customWidth="1"/>
    <col min="1544" max="1545" width="13.44140625" style="153" customWidth="1"/>
    <col min="1546" max="1546" width="13.6640625" style="153" customWidth="1"/>
    <col min="1547" max="1547" width="13.44140625" style="153" customWidth="1"/>
    <col min="1548" max="1548" width="13" style="153" customWidth="1"/>
    <col min="1549" max="1550" width="9" style="153"/>
    <col min="1551" max="1551" width="9" style="153" customWidth="1"/>
    <col min="1552" max="1792" width="9" style="153"/>
    <col min="1793" max="1793" width="9.109375" style="153" customWidth="1"/>
    <col min="1794" max="1794" width="2.33203125" style="153" customWidth="1"/>
    <col min="1795" max="1795" width="18" style="153" customWidth="1"/>
    <col min="1796" max="1796" width="13.6640625" style="153" customWidth="1"/>
    <col min="1797" max="1797" width="13.44140625" style="153" customWidth="1"/>
    <col min="1798" max="1799" width="13.6640625" style="153" customWidth="1"/>
    <col min="1800" max="1801" width="13.44140625" style="153" customWidth="1"/>
    <col min="1802" max="1802" width="13.6640625" style="153" customWidth="1"/>
    <col min="1803" max="1803" width="13.44140625" style="153" customWidth="1"/>
    <col min="1804" max="1804" width="13" style="153" customWidth="1"/>
    <col min="1805" max="1806" width="9" style="153"/>
    <col min="1807" max="1807" width="9" style="153" customWidth="1"/>
    <col min="1808" max="2048" width="9" style="153"/>
    <col min="2049" max="2049" width="9.109375" style="153" customWidth="1"/>
    <col min="2050" max="2050" width="2.33203125" style="153" customWidth="1"/>
    <col min="2051" max="2051" width="18" style="153" customWidth="1"/>
    <col min="2052" max="2052" width="13.6640625" style="153" customWidth="1"/>
    <col min="2053" max="2053" width="13.44140625" style="153" customWidth="1"/>
    <col min="2054" max="2055" width="13.6640625" style="153" customWidth="1"/>
    <col min="2056" max="2057" width="13.44140625" style="153" customWidth="1"/>
    <col min="2058" max="2058" width="13.6640625" style="153" customWidth="1"/>
    <col min="2059" max="2059" width="13.44140625" style="153" customWidth="1"/>
    <col min="2060" max="2060" width="13" style="153" customWidth="1"/>
    <col min="2061" max="2062" width="9" style="153"/>
    <col min="2063" max="2063" width="9" style="153" customWidth="1"/>
    <col min="2064" max="2304" width="9" style="153"/>
    <col min="2305" max="2305" width="9.109375" style="153" customWidth="1"/>
    <col min="2306" max="2306" width="2.33203125" style="153" customWidth="1"/>
    <col min="2307" max="2307" width="18" style="153" customWidth="1"/>
    <col min="2308" max="2308" width="13.6640625" style="153" customWidth="1"/>
    <col min="2309" max="2309" width="13.44140625" style="153" customWidth="1"/>
    <col min="2310" max="2311" width="13.6640625" style="153" customWidth="1"/>
    <col min="2312" max="2313" width="13.44140625" style="153" customWidth="1"/>
    <col min="2314" max="2314" width="13.6640625" style="153" customWidth="1"/>
    <col min="2315" max="2315" width="13.44140625" style="153" customWidth="1"/>
    <col min="2316" max="2316" width="13" style="153" customWidth="1"/>
    <col min="2317" max="2318" width="9" style="153"/>
    <col min="2319" max="2319" width="9" style="153" customWidth="1"/>
    <col min="2320" max="2560" width="9" style="153"/>
    <col min="2561" max="2561" width="9.109375" style="153" customWidth="1"/>
    <col min="2562" max="2562" width="2.33203125" style="153" customWidth="1"/>
    <col min="2563" max="2563" width="18" style="153" customWidth="1"/>
    <col min="2564" max="2564" width="13.6640625" style="153" customWidth="1"/>
    <col min="2565" max="2565" width="13.44140625" style="153" customWidth="1"/>
    <col min="2566" max="2567" width="13.6640625" style="153" customWidth="1"/>
    <col min="2568" max="2569" width="13.44140625" style="153" customWidth="1"/>
    <col min="2570" max="2570" width="13.6640625" style="153" customWidth="1"/>
    <col min="2571" max="2571" width="13.44140625" style="153" customWidth="1"/>
    <col min="2572" max="2572" width="13" style="153" customWidth="1"/>
    <col min="2573" max="2574" width="9" style="153"/>
    <col min="2575" max="2575" width="9" style="153" customWidth="1"/>
    <col min="2576" max="2816" width="9" style="153"/>
    <col min="2817" max="2817" width="9.109375" style="153" customWidth="1"/>
    <col min="2818" max="2818" width="2.33203125" style="153" customWidth="1"/>
    <col min="2819" max="2819" width="18" style="153" customWidth="1"/>
    <col min="2820" max="2820" width="13.6640625" style="153" customWidth="1"/>
    <col min="2821" max="2821" width="13.44140625" style="153" customWidth="1"/>
    <col min="2822" max="2823" width="13.6640625" style="153" customWidth="1"/>
    <col min="2824" max="2825" width="13.44140625" style="153" customWidth="1"/>
    <col min="2826" max="2826" width="13.6640625" style="153" customWidth="1"/>
    <col min="2827" max="2827" width="13.44140625" style="153" customWidth="1"/>
    <col min="2828" max="2828" width="13" style="153" customWidth="1"/>
    <col min="2829" max="2830" width="9" style="153"/>
    <col min="2831" max="2831" width="9" style="153" customWidth="1"/>
    <col min="2832" max="3072" width="9" style="153"/>
    <col min="3073" max="3073" width="9.109375" style="153" customWidth="1"/>
    <col min="3074" max="3074" width="2.33203125" style="153" customWidth="1"/>
    <col min="3075" max="3075" width="18" style="153" customWidth="1"/>
    <col min="3076" max="3076" width="13.6640625" style="153" customWidth="1"/>
    <col min="3077" max="3077" width="13.44140625" style="153" customWidth="1"/>
    <col min="3078" max="3079" width="13.6640625" style="153" customWidth="1"/>
    <col min="3080" max="3081" width="13.44140625" style="153" customWidth="1"/>
    <col min="3082" max="3082" width="13.6640625" style="153" customWidth="1"/>
    <col min="3083" max="3083" width="13.44140625" style="153" customWidth="1"/>
    <col min="3084" max="3084" width="13" style="153" customWidth="1"/>
    <col min="3085" max="3086" width="9" style="153"/>
    <col min="3087" max="3087" width="9" style="153" customWidth="1"/>
    <col min="3088" max="3328" width="9" style="153"/>
    <col min="3329" max="3329" width="9.109375" style="153" customWidth="1"/>
    <col min="3330" max="3330" width="2.33203125" style="153" customWidth="1"/>
    <col min="3331" max="3331" width="18" style="153" customWidth="1"/>
    <col min="3332" max="3332" width="13.6640625" style="153" customWidth="1"/>
    <col min="3333" max="3333" width="13.44140625" style="153" customWidth="1"/>
    <col min="3334" max="3335" width="13.6640625" style="153" customWidth="1"/>
    <col min="3336" max="3337" width="13.44140625" style="153" customWidth="1"/>
    <col min="3338" max="3338" width="13.6640625" style="153" customWidth="1"/>
    <col min="3339" max="3339" width="13.44140625" style="153" customWidth="1"/>
    <col min="3340" max="3340" width="13" style="153" customWidth="1"/>
    <col min="3341" max="3342" width="9" style="153"/>
    <col min="3343" max="3343" width="9" style="153" customWidth="1"/>
    <col min="3344" max="3584" width="9" style="153"/>
    <col min="3585" max="3585" width="9.109375" style="153" customWidth="1"/>
    <col min="3586" max="3586" width="2.33203125" style="153" customWidth="1"/>
    <col min="3587" max="3587" width="18" style="153" customWidth="1"/>
    <col min="3588" max="3588" width="13.6640625" style="153" customWidth="1"/>
    <col min="3589" max="3589" width="13.44140625" style="153" customWidth="1"/>
    <col min="3590" max="3591" width="13.6640625" style="153" customWidth="1"/>
    <col min="3592" max="3593" width="13.44140625" style="153" customWidth="1"/>
    <col min="3594" max="3594" width="13.6640625" style="153" customWidth="1"/>
    <col min="3595" max="3595" width="13.44140625" style="153" customWidth="1"/>
    <col min="3596" max="3596" width="13" style="153" customWidth="1"/>
    <col min="3597" max="3598" width="9" style="153"/>
    <col min="3599" max="3599" width="9" style="153" customWidth="1"/>
    <col min="3600" max="3840" width="9" style="153"/>
    <col min="3841" max="3841" width="9.109375" style="153" customWidth="1"/>
    <col min="3842" max="3842" width="2.33203125" style="153" customWidth="1"/>
    <col min="3843" max="3843" width="18" style="153" customWidth="1"/>
    <col min="3844" max="3844" width="13.6640625" style="153" customWidth="1"/>
    <col min="3845" max="3845" width="13.44140625" style="153" customWidth="1"/>
    <col min="3846" max="3847" width="13.6640625" style="153" customWidth="1"/>
    <col min="3848" max="3849" width="13.44140625" style="153" customWidth="1"/>
    <col min="3850" max="3850" width="13.6640625" style="153" customWidth="1"/>
    <col min="3851" max="3851" width="13.44140625" style="153" customWidth="1"/>
    <col min="3852" max="3852" width="13" style="153" customWidth="1"/>
    <col min="3853" max="3854" width="9" style="153"/>
    <col min="3855" max="3855" width="9" style="153" customWidth="1"/>
    <col min="3856" max="4096" width="9" style="153"/>
    <col min="4097" max="4097" width="9.109375" style="153" customWidth="1"/>
    <col min="4098" max="4098" width="2.33203125" style="153" customWidth="1"/>
    <col min="4099" max="4099" width="18" style="153" customWidth="1"/>
    <col min="4100" max="4100" width="13.6640625" style="153" customWidth="1"/>
    <col min="4101" max="4101" width="13.44140625" style="153" customWidth="1"/>
    <col min="4102" max="4103" width="13.6640625" style="153" customWidth="1"/>
    <col min="4104" max="4105" width="13.44140625" style="153" customWidth="1"/>
    <col min="4106" max="4106" width="13.6640625" style="153" customWidth="1"/>
    <col min="4107" max="4107" width="13.44140625" style="153" customWidth="1"/>
    <col min="4108" max="4108" width="13" style="153" customWidth="1"/>
    <col min="4109" max="4110" width="9" style="153"/>
    <col min="4111" max="4111" width="9" style="153" customWidth="1"/>
    <col min="4112" max="4352" width="9" style="153"/>
    <col min="4353" max="4353" width="9.109375" style="153" customWidth="1"/>
    <col min="4354" max="4354" width="2.33203125" style="153" customWidth="1"/>
    <col min="4355" max="4355" width="18" style="153" customWidth="1"/>
    <col min="4356" max="4356" width="13.6640625" style="153" customWidth="1"/>
    <col min="4357" max="4357" width="13.44140625" style="153" customWidth="1"/>
    <col min="4358" max="4359" width="13.6640625" style="153" customWidth="1"/>
    <col min="4360" max="4361" width="13.44140625" style="153" customWidth="1"/>
    <col min="4362" max="4362" width="13.6640625" style="153" customWidth="1"/>
    <col min="4363" max="4363" width="13.44140625" style="153" customWidth="1"/>
    <col min="4364" max="4364" width="13" style="153" customWidth="1"/>
    <col min="4365" max="4366" width="9" style="153"/>
    <col min="4367" max="4367" width="9" style="153" customWidth="1"/>
    <col min="4368" max="4608" width="9" style="153"/>
    <col min="4609" max="4609" width="9.109375" style="153" customWidth="1"/>
    <col min="4610" max="4610" width="2.33203125" style="153" customWidth="1"/>
    <col min="4611" max="4611" width="18" style="153" customWidth="1"/>
    <col min="4612" max="4612" width="13.6640625" style="153" customWidth="1"/>
    <col min="4613" max="4613" width="13.44140625" style="153" customWidth="1"/>
    <col min="4614" max="4615" width="13.6640625" style="153" customWidth="1"/>
    <col min="4616" max="4617" width="13.44140625" style="153" customWidth="1"/>
    <col min="4618" max="4618" width="13.6640625" style="153" customWidth="1"/>
    <col min="4619" max="4619" width="13.44140625" style="153" customWidth="1"/>
    <col min="4620" max="4620" width="13" style="153" customWidth="1"/>
    <col min="4621" max="4622" width="9" style="153"/>
    <col min="4623" max="4623" width="9" style="153" customWidth="1"/>
    <col min="4624" max="4864" width="9" style="153"/>
    <col min="4865" max="4865" width="9.109375" style="153" customWidth="1"/>
    <col min="4866" max="4866" width="2.33203125" style="153" customWidth="1"/>
    <col min="4867" max="4867" width="18" style="153" customWidth="1"/>
    <col min="4868" max="4868" width="13.6640625" style="153" customWidth="1"/>
    <col min="4869" max="4869" width="13.44140625" style="153" customWidth="1"/>
    <col min="4870" max="4871" width="13.6640625" style="153" customWidth="1"/>
    <col min="4872" max="4873" width="13.44140625" style="153" customWidth="1"/>
    <col min="4874" max="4874" width="13.6640625" style="153" customWidth="1"/>
    <col min="4875" max="4875" width="13.44140625" style="153" customWidth="1"/>
    <col min="4876" max="4876" width="13" style="153" customWidth="1"/>
    <col min="4877" max="4878" width="9" style="153"/>
    <col min="4879" max="4879" width="9" style="153" customWidth="1"/>
    <col min="4880" max="5120" width="9" style="153"/>
    <col min="5121" max="5121" width="9.109375" style="153" customWidth="1"/>
    <col min="5122" max="5122" width="2.33203125" style="153" customWidth="1"/>
    <col min="5123" max="5123" width="18" style="153" customWidth="1"/>
    <col min="5124" max="5124" width="13.6640625" style="153" customWidth="1"/>
    <col min="5125" max="5125" width="13.44140625" style="153" customWidth="1"/>
    <col min="5126" max="5127" width="13.6640625" style="153" customWidth="1"/>
    <col min="5128" max="5129" width="13.44140625" style="153" customWidth="1"/>
    <col min="5130" max="5130" width="13.6640625" style="153" customWidth="1"/>
    <col min="5131" max="5131" width="13.44140625" style="153" customWidth="1"/>
    <col min="5132" max="5132" width="13" style="153" customWidth="1"/>
    <col min="5133" max="5134" width="9" style="153"/>
    <col min="5135" max="5135" width="9" style="153" customWidth="1"/>
    <col min="5136" max="5376" width="9" style="153"/>
    <col min="5377" max="5377" width="9.109375" style="153" customWidth="1"/>
    <col min="5378" max="5378" width="2.33203125" style="153" customWidth="1"/>
    <col min="5379" max="5379" width="18" style="153" customWidth="1"/>
    <col min="5380" max="5380" width="13.6640625" style="153" customWidth="1"/>
    <col min="5381" max="5381" width="13.44140625" style="153" customWidth="1"/>
    <col min="5382" max="5383" width="13.6640625" style="153" customWidth="1"/>
    <col min="5384" max="5385" width="13.44140625" style="153" customWidth="1"/>
    <col min="5386" max="5386" width="13.6640625" style="153" customWidth="1"/>
    <col min="5387" max="5387" width="13.44140625" style="153" customWidth="1"/>
    <col min="5388" max="5388" width="13" style="153" customWidth="1"/>
    <col min="5389" max="5390" width="9" style="153"/>
    <col min="5391" max="5391" width="9" style="153" customWidth="1"/>
    <col min="5392" max="5632" width="9" style="153"/>
    <col min="5633" max="5633" width="9.109375" style="153" customWidth="1"/>
    <col min="5634" max="5634" width="2.33203125" style="153" customWidth="1"/>
    <col min="5635" max="5635" width="18" style="153" customWidth="1"/>
    <col min="5636" max="5636" width="13.6640625" style="153" customWidth="1"/>
    <col min="5637" max="5637" width="13.44140625" style="153" customWidth="1"/>
    <col min="5638" max="5639" width="13.6640625" style="153" customWidth="1"/>
    <col min="5640" max="5641" width="13.44140625" style="153" customWidth="1"/>
    <col min="5642" max="5642" width="13.6640625" style="153" customWidth="1"/>
    <col min="5643" max="5643" width="13.44140625" style="153" customWidth="1"/>
    <col min="5644" max="5644" width="13" style="153" customWidth="1"/>
    <col min="5645" max="5646" width="9" style="153"/>
    <col min="5647" max="5647" width="9" style="153" customWidth="1"/>
    <col min="5648" max="5888" width="9" style="153"/>
    <col min="5889" max="5889" width="9.109375" style="153" customWidth="1"/>
    <col min="5890" max="5890" width="2.33203125" style="153" customWidth="1"/>
    <col min="5891" max="5891" width="18" style="153" customWidth="1"/>
    <col min="5892" max="5892" width="13.6640625" style="153" customWidth="1"/>
    <col min="5893" max="5893" width="13.44140625" style="153" customWidth="1"/>
    <col min="5894" max="5895" width="13.6640625" style="153" customWidth="1"/>
    <col min="5896" max="5897" width="13.44140625" style="153" customWidth="1"/>
    <col min="5898" max="5898" width="13.6640625" style="153" customWidth="1"/>
    <col min="5899" max="5899" width="13.44140625" style="153" customWidth="1"/>
    <col min="5900" max="5900" width="13" style="153" customWidth="1"/>
    <col min="5901" max="5902" width="9" style="153"/>
    <col min="5903" max="5903" width="9" style="153" customWidth="1"/>
    <col min="5904" max="6144" width="9" style="153"/>
    <col min="6145" max="6145" width="9.109375" style="153" customWidth="1"/>
    <col min="6146" max="6146" width="2.33203125" style="153" customWidth="1"/>
    <col min="6147" max="6147" width="18" style="153" customWidth="1"/>
    <col min="6148" max="6148" width="13.6640625" style="153" customWidth="1"/>
    <col min="6149" max="6149" width="13.44140625" style="153" customWidth="1"/>
    <col min="6150" max="6151" width="13.6640625" style="153" customWidth="1"/>
    <col min="6152" max="6153" width="13.44140625" style="153" customWidth="1"/>
    <col min="6154" max="6154" width="13.6640625" style="153" customWidth="1"/>
    <col min="6155" max="6155" width="13.44140625" style="153" customWidth="1"/>
    <col min="6156" max="6156" width="13" style="153" customWidth="1"/>
    <col min="6157" max="6158" width="9" style="153"/>
    <col min="6159" max="6159" width="9" style="153" customWidth="1"/>
    <col min="6160" max="6400" width="9" style="153"/>
    <col min="6401" max="6401" width="9.109375" style="153" customWidth="1"/>
    <col min="6402" max="6402" width="2.33203125" style="153" customWidth="1"/>
    <col min="6403" max="6403" width="18" style="153" customWidth="1"/>
    <col min="6404" max="6404" width="13.6640625" style="153" customWidth="1"/>
    <col min="6405" max="6405" width="13.44140625" style="153" customWidth="1"/>
    <col min="6406" max="6407" width="13.6640625" style="153" customWidth="1"/>
    <col min="6408" max="6409" width="13.44140625" style="153" customWidth="1"/>
    <col min="6410" max="6410" width="13.6640625" style="153" customWidth="1"/>
    <col min="6411" max="6411" width="13.44140625" style="153" customWidth="1"/>
    <col min="6412" max="6412" width="13" style="153" customWidth="1"/>
    <col min="6413" max="6414" width="9" style="153"/>
    <col min="6415" max="6415" width="9" style="153" customWidth="1"/>
    <col min="6416" max="6656" width="9" style="153"/>
    <col min="6657" max="6657" width="9.109375" style="153" customWidth="1"/>
    <col min="6658" max="6658" width="2.33203125" style="153" customWidth="1"/>
    <col min="6659" max="6659" width="18" style="153" customWidth="1"/>
    <col min="6660" max="6660" width="13.6640625" style="153" customWidth="1"/>
    <col min="6661" max="6661" width="13.44140625" style="153" customWidth="1"/>
    <col min="6662" max="6663" width="13.6640625" style="153" customWidth="1"/>
    <col min="6664" max="6665" width="13.44140625" style="153" customWidth="1"/>
    <col min="6666" max="6666" width="13.6640625" style="153" customWidth="1"/>
    <col min="6667" max="6667" width="13.44140625" style="153" customWidth="1"/>
    <col min="6668" max="6668" width="13" style="153" customWidth="1"/>
    <col min="6669" max="6670" width="9" style="153"/>
    <col min="6671" max="6671" width="9" style="153" customWidth="1"/>
    <col min="6672" max="6912" width="9" style="153"/>
    <col min="6913" max="6913" width="9.109375" style="153" customWidth="1"/>
    <col min="6914" max="6914" width="2.33203125" style="153" customWidth="1"/>
    <col min="6915" max="6915" width="18" style="153" customWidth="1"/>
    <col min="6916" max="6916" width="13.6640625" style="153" customWidth="1"/>
    <col min="6917" max="6917" width="13.44140625" style="153" customWidth="1"/>
    <col min="6918" max="6919" width="13.6640625" style="153" customWidth="1"/>
    <col min="6920" max="6921" width="13.44140625" style="153" customWidth="1"/>
    <col min="6922" max="6922" width="13.6640625" style="153" customWidth="1"/>
    <col min="6923" max="6923" width="13.44140625" style="153" customWidth="1"/>
    <col min="6924" max="6924" width="13" style="153" customWidth="1"/>
    <col min="6925" max="6926" width="9" style="153"/>
    <col min="6927" max="6927" width="9" style="153" customWidth="1"/>
    <col min="6928" max="7168" width="9" style="153"/>
    <col min="7169" max="7169" width="9.109375" style="153" customWidth="1"/>
    <col min="7170" max="7170" width="2.33203125" style="153" customWidth="1"/>
    <col min="7171" max="7171" width="18" style="153" customWidth="1"/>
    <col min="7172" max="7172" width="13.6640625" style="153" customWidth="1"/>
    <col min="7173" max="7173" width="13.44140625" style="153" customWidth="1"/>
    <col min="7174" max="7175" width="13.6640625" style="153" customWidth="1"/>
    <col min="7176" max="7177" width="13.44140625" style="153" customWidth="1"/>
    <col min="7178" max="7178" width="13.6640625" style="153" customWidth="1"/>
    <col min="7179" max="7179" width="13.44140625" style="153" customWidth="1"/>
    <col min="7180" max="7180" width="13" style="153" customWidth="1"/>
    <col min="7181" max="7182" width="9" style="153"/>
    <col min="7183" max="7183" width="9" style="153" customWidth="1"/>
    <col min="7184" max="7424" width="9" style="153"/>
    <col min="7425" max="7425" width="9.109375" style="153" customWidth="1"/>
    <col min="7426" max="7426" width="2.33203125" style="153" customWidth="1"/>
    <col min="7427" max="7427" width="18" style="153" customWidth="1"/>
    <col min="7428" max="7428" width="13.6640625" style="153" customWidth="1"/>
    <col min="7429" max="7429" width="13.44140625" style="153" customWidth="1"/>
    <col min="7430" max="7431" width="13.6640625" style="153" customWidth="1"/>
    <col min="7432" max="7433" width="13.44140625" style="153" customWidth="1"/>
    <col min="7434" max="7434" width="13.6640625" style="153" customWidth="1"/>
    <col min="7435" max="7435" width="13.44140625" style="153" customWidth="1"/>
    <col min="7436" max="7436" width="13" style="153" customWidth="1"/>
    <col min="7437" max="7438" width="9" style="153"/>
    <col min="7439" max="7439" width="9" style="153" customWidth="1"/>
    <col min="7440" max="7680" width="9" style="153"/>
    <col min="7681" max="7681" width="9.109375" style="153" customWidth="1"/>
    <col min="7682" max="7682" width="2.33203125" style="153" customWidth="1"/>
    <col min="7683" max="7683" width="18" style="153" customWidth="1"/>
    <col min="7684" max="7684" width="13.6640625" style="153" customWidth="1"/>
    <col min="7685" max="7685" width="13.44140625" style="153" customWidth="1"/>
    <col min="7686" max="7687" width="13.6640625" style="153" customWidth="1"/>
    <col min="7688" max="7689" width="13.44140625" style="153" customWidth="1"/>
    <col min="7690" max="7690" width="13.6640625" style="153" customWidth="1"/>
    <col min="7691" max="7691" width="13.44140625" style="153" customWidth="1"/>
    <col min="7692" max="7692" width="13" style="153" customWidth="1"/>
    <col min="7693" max="7694" width="9" style="153"/>
    <col min="7695" max="7695" width="9" style="153" customWidth="1"/>
    <col min="7696" max="7936" width="9" style="153"/>
    <col min="7937" max="7937" width="9.109375" style="153" customWidth="1"/>
    <col min="7938" max="7938" width="2.33203125" style="153" customWidth="1"/>
    <col min="7939" max="7939" width="18" style="153" customWidth="1"/>
    <col min="7940" max="7940" width="13.6640625" style="153" customWidth="1"/>
    <col min="7941" max="7941" width="13.44140625" style="153" customWidth="1"/>
    <col min="7942" max="7943" width="13.6640625" style="153" customWidth="1"/>
    <col min="7944" max="7945" width="13.44140625" style="153" customWidth="1"/>
    <col min="7946" max="7946" width="13.6640625" style="153" customWidth="1"/>
    <col min="7947" max="7947" width="13.44140625" style="153" customWidth="1"/>
    <col min="7948" max="7948" width="13" style="153" customWidth="1"/>
    <col min="7949" max="7950" width="9" style="153"/>
    <col min="7951" max="7951" width="9" style="153" customWidth="1"/>
    <col min="7952" max="8192" width="9" style="153"/>
    <col min="8193" max="8193" width="9.109375" style="153" customWidth="1"/>
    <col min="8194" max="8194" width="2.33203125" style="153" customWidth="1"/>
    <col min="8195" max="8195" width="18" style="153" customWidth="1"/>
    <col min="8196" max="8196" width="13.6640625" style="153" customWidth="1"/>
    <col min="8197" max="8197" width="13.44140625" style="153" customWidth="1"/>
    <col min="8198" max="8199" width="13.6640625" style="153" customWidth="1"/>
    <col min="8200" max="8201" width="13.44140625" style="153" customWidth="1"/>
    <col min="8202" max="8202" width="13.6640625" style="153" customWidth="1"/>
    <col min="8203" max="8203" width="13.44140625" style="153" customWidth="1"/>
    <col min="8204" max="8204" width="13" style="153" customWidth="1"/>
    <col min="8205" max="8206" width="9" style="153"/>
    <col min="8207" max="8207" width="9" style="153" customWidth="1"/>
    <col min="8208" max="8448" width="9" style="153"/>
    <col min="8449" max="8449" width="9.109375" style="153" customWidth="1"/>
    <col min="8450" max="8450" width="2.33203125" style="153" customWidth="1"/>
    <col min="8451" max="8451" width="18" style="153" customWidth="1"/>
    <col min="8452" max="8452" width="13.6640625" style="153" customWidth="1"/>
    <col min="8453" max="8453" width="13.44140625" style="153" customWidth="1"/>
    <col min="8454" max="8455" width="13.6640625" style="153" customWidth="1"/>
    <col min="8456" max="8457" width="13.44140625" style="153" customWidth="1"/>
    <col min="8458" max="8458" width="13.6640625" style="153" customWidth="1"/>
    <col min="8459" max="8459" width="13.44140625" style="153" customWidth="1"/>
    <col min="8460" max="8460" width="13" style="153" customWidth="1"/>
    <col min="8461" max="8462" width="9" style="153"/>
    <col min="8463" max="8463" width="9" style="153" customWidth="1"/>
    <col min="8464" max="8704" width="9" style="153"/>
    <col min="8705" max="8705" width="9.109375" style="153" customWidth="1"/>
    <col min="8706" max="8706" width="2.33203125" style="153" customWidth="1"/>
    <col min="8707" max="8707" width="18" style="153" customWidth="1"/>
    <col min="8708" max="8708" width="13.6640625" style="153" customWidth="1"/>
    <col min="8709" max="8709" width="13.44140625" style="153" customWidth="1"/>
    <col min="8710" max="8711" width="13.6640625" style="153" customWidth="1"/>
    <col min="8712" max="8713" width="13.44140625" style="153" customWidth="1"/>
    <col min="8714" max="8714" width="13.6640625" style="153" customWidth="1"/>
    <col min="8715" max="8715" width="13.44140625" style="153" customWidth="1"/>
    <col min="8716" max="8716" width="13" style="153" customWidth="1"/>
    <col min="8717" max="8718" width="9" style="153"/>
    <col min="8719" max="8719" width="9" style="153" customWidth="1"/>
    <col min="8720" max="8960" width="9" style="153"/>
    <col min="8961" max="8961" width="9.109375" style="153" customWidth="1"/>
    <col min="8962" max="8962" width="2.33203125" style="153" customWidth="1"/>
    <col min="8963" max="8963" width="18" style="153" customWidth="1"/>
    <col min="8964" max="8964" width="13.6640625" style="153" customWidth="1"/>
    <col min="8965" max="8965" width="13.44140625" style="153" customWidth="1"/>
    <col min="8966" max="8967" width="13.6640625" style="153" customWidth="1"/>
    <col min="8968" max="8969" width="13.44140625" style="153" customWidth="1"/>
    <col min="8970" max="8970" width="13.6640625" style="153" customWidth="1"/>
    <col min="8971" max="8971" width="13.44140625" style="153" customWidth="1"/>
    <col min="8972" max="8972" width="13" style="153" customWidth="1"/>
    <col min="8973" max="8974" width="9" style="153"/>
    <col min="8975" max="8975" width="9" style="153" customWidth="1"/>
    <col min="8976" max="9216" width="9" style="153"/>
    <col min="9217" max="9217" width="9.109375" style="153" customWidth="1"/>
    <col min="9218" max="9218" width="2.33203125" style="153" customWidth="1"/>
    <col min="9219" max="9219" width="18" style="153" customWidth="1"/>
    <col min="9220" max="9220" width="13.6640625" style="153" customWidth="1"/>
    <col min="9221" max="9221" width="13.44140625" style="153" customWidth="1"/>
    <col min="9222" max="9223" width="13.6640625" style="153" customWidth="1"/>
    <col min="9224" max="9225" width="13.44140625" style="153" customWidth="1"/>
    <col min="9226" max="9226" width="13.6640625" style="153" customWidth="1"/>
    <col min="9227" max="9227" width="13.44140625" style="153" customWidth="1"/>
    <col min="9228" max="9228" width="13" style="153" customWidth="1"/>
    <col min="9229" max="9230" width="9" style="153"/>
    <col min="9231" max="9231" width="9" style="153" customWidth="1"/>
    <col min="9232" max="9472" width="9" style="153"/>
    <col min="9473" max="9473" width="9.109375" style="153" customWidth="1"/>
    <col min="9474" max="9474" width="2.33203125" style="153" customWidth="1"/>
    <col min="9475" max="9475" width="18" style="153" customWidth="1"/>
    <col min="9476" max="9476" width="13.6640625" style="153" customWidth="1"/>
    <col min="9477" max="9477" width="13.44140625" style="153" customWidth="1"/>
    <col min="9478" max="9479" width="13.6640625" style="153" customWidth="1"/>
    <col min="9480" max="9481" width="13.44140625" style="153" customWidth="1"/>
    <col min="9482" max="9482" width="13.6640625" style="153" customWidth="1"/>
    <col min="9483" max="9483" width="13.44140625" style="153" customWidth="1"/>
    <col min="9484" max="9484" width="13" style="153" customWidth="1"/>
    <col min="9485" max="9486" width="9" style="153"/>
    <col min="9487" max="9487" width="9" style="153" customWidth="1"/>
    <col min="9488" max="9728" width="9" style="153"/>
    <col min="9729" max="9729" width="9.109375" style="153" customWidth="1"/>
    <col min="9730" max="9730" width="2.33203125" style="153" customWidth="1"/>
    <col min="9731" max="9731" width="18" style="153" customWidth="1"/>
    <col min="9732" max="9732" width="13.6640625" style="153" customWidth="1"/>
    <col min="9733" max="9733" width="13.44140625" style="153" customWidth="1"/>
    <col min="9734" max="9735" width="13.6640625" style="153" customWidth="1"/>
    <col min="9736" max="9737" width="13.44140625" style="153" customWidth="1"/>
    <col min="9738" max="9738" width="13.6640625" style="153" customWidth="1"/>
    <col min="9739" max="9739" width="13.44140625" style="153" customWidth="1"/>
    <col min="9740" max="9740" width="13" style="153" customWidth="1"/>
    <col min="9741" max="9742" width="9" style="153"/>
    <col min="9743" max="9743" width="9" style="153" customWidth="1"/>
    <col min="9744" max="9984" width="9" style="153"/>
    <col min="9985" max="9985" width="9.109375" style="153" customWidth="1"/>
    <col min="9986" max="9986" width="2.33203125" style="153" customWidth="1"/>
    <col min="9987" max="9987" width="18" style="153" customWidth="1"/>
    <col min="9988" max="9988" width="13.6640625" style="153" customWidth="1"/>
    <col min="9989" max="9989" width="13.44140625" style="153" customWidth="1"/>
    <col min="9990" max="9991" width="13.6640625" style="153" customWidth="1"/>
    <col min="9992" max="9993" width="13.44140625" style="153" customWidth="1"/>
    <col min="9994" max="9994" width="13.6640625" style="153" customWidth="1"/>
    <col min="9995" max="9995" width="13.44140625" style="153" customWidth="1"/>
    <col min="9996" max="9996" width="13" style="153" customWidth="1"/>
    <col min="9997" max="9998" width="9" style="153"/>
    <col min="9999" max="9999" width="9" style="153" customWidth="1"/>
    <col min="10000" max="10240" width="9" style="153"/>
    <col min="10241" max="10241" width="9.109375" style="153" customWidth="1"/>
    <col min="10242" max="10242" width="2.33203125" style="153" customWidth="1"/>
    <col min="10243" max="10243" width="18" style="153" customWidth="1"/>
    <col min="10244" max="10244" width="13.6640625" style="153" customWidth="1"/>
    <col min="10245" max="10245" width="13.44140625" style="153" customWidth="1"/>
    <col min="10246" max="10247" width="13.6640625" style="153" customWidth="1"/>
    <col min="10248" max="10249" width="13.44140625" style="153" customWidth="1"/>
    <col min="10250" max="10250" width="13.6640625" style="153" customWidth="1"/>
    <col min="10251" max="10251" width="13.44140625" style="153" customWidth="1"/>
    <col min="10252" max="10252" width="13" style="153" customWidth="1"/>
    <col min="10253" max="10254" width="9" style="153"/>
    <col min="10255" max="10255" width="9" style="153" customWidth="1"/>
    <col min="10256" max="10496" width="9" style="153"/>
    <col min="10497" max="10497" width="9.109375" style="153" customWidth="1"/>
    <col min="10498" max="10498" width="2.33203125" style="153" customWidth="1"/>
    <col min="10499" max="10499" width="18" style="153" customWidth="1"/>
    <col min="10500" max="10500" width="13.6640625" style="153" customWidth="1"/>
    <col min="10501" max="10501" width="13.44140625" style="153" customWidth="1"/>
    <col min="10502" max="10503" width="13.6640625" style="153" customWidth="1"/>
    <col min="10504" max="10505" width="13.44140625" style="153" customWidth="1"/>
    <col min="10506" max="10506" width="13.6640625" style="153" customWidth="1"/>
    <col min="10507" max="10507" width="13.44140625" style="153" customWidth="1"/>
    <col min="10508" max="10508" width="13" style="153" customWidth="1"/>
    <col min="10509" max="10510" width="9" style="153"/>
    <col min="10511" max="10511" width="9" style="153" customWidth="1"/>
    <col min="10512" max="10752" width="9" style="153"/>
    <col min="10753" max="10753" width="9.109375" style="153" customWidth="1"/>
    <col min="10754" max="10754" width="2.33203125" style="153" customWidth="1"/>
    <col min="10755" max="10755" width="18" style="153" customWidth="1"/>
    <col min="10756" max="10756" width="13.6640625" style="153" customWidth="1"/>
    <col min="10757" max="10757" width="13.44140625" style="153" customWidth="1"/>
    <col min="10758" max="10759" width="13.6640625" style="153" customWidth="1"/>
    <col min="10760" max="10761" width="13.44140625" style="153" customWidth="1"/>
    <col min="10762" max="10762" width="13.6640625" style="153" customWidth="1"/>
    <col min="10763" max="10763" width="13.44140625" style="153" customWidth="1"/>
    <col min="10764" max="10764" width="13" style="153" customWidth="1"/>
    <col min="10765" max="10766" width="9" style="153"/>
    <col min="10767" max="10767" width="9" style="153" customWidth="1"/>
    <col min="10768" max="11008" width="9" style="153"/>
    <col min="11009" max="11009" width="9.109375" style="153" customWidth="1"/>
    <col min="11010" max="11010" width="2.33203125" style="153" customWidth="1"/>
    <col min="11011" max="11011" width="18" style="153" customWidth="1"/>
    <col min="11012" max="11012" width="13.6640625" style="153" customWidth="1"/>
    <col min="11013" max="11013" width="13.44140625" style="153" customWidth="1"/>
    <col min="11014" max="11015" width="13.6640625" style="153" customWidth="1"/>
    <col min="11016" max="11017" width="13.44140625" style="153" customWidth="1"/>
    <col min="11018" max="11018" width="13.6640625" style="153" customWidth="1"/>
    <col min="11019" max="11019" width="13.44140625" style="153" customWidth="1"/>
    <col min="11020" max="11020" width="13" style="153" customWidth="1"/>
    <col min="11021" max="11022" width="9" style="153"/>
    <col min="11023" max="11023" width="9" style="153" customWidth="1"/>
    <col min="11024" max="11264" width="9" style="153"/>
    <col min="11265" max="11265" width="9.109375" style="153" customWidth="1"/>
    <col min="11266" max="11266" width="2.33203125" style="153" customWidth="1"/>
    <col min="11267" max="11267" width="18" style="153" customWidth="1"/>
    <col min="11268" max="11268" width="13.6640625" style="153" customWidth="1"/>
    <col min="11269" max="11269" width="13.44140625" style="153" customWidth="1"/>
    <col min="11270" max="11271" width="13.6640625" style="153" customWidth="1"/>
    <col min="11272" max="11273" width="13.44140625" style="153" customWidth="1"/>
    <col min="11274" max="11274" width="13.6640625" style="153" customWidth="1"/>
    <col min="11275" max="11275" width="13.44140625" style="153" customWidth="1"/>
    <col min="11276" max="11276" width="13" style="153" customWidth="1"/>
    <col min="11277" max="11278" width="9" style="153"/>
    <col min="11279" max="11279" width="9" style="153" customWidth="1"/>
    <col min="11280" max="11520" width="9" style="153"/>
    <col min="11521" max="11521" width="9.109375" style="153" customWidth="1"/>
    <col min="11522" max="11522" width="2.33203125" style="153" customWidth="1"/>
    <col min="11523" max="11523" width="18" style="153" customWidth="1"/>
    <col min="11524" max="11524" width="13.6640625" style="153" customWidth="1"/>
    <col min="11525" max="11525" width="13.44140625" style="153" customWidth="1"/>
    <col min="11526" max="11527" width="13.6640625" style="153" customWidth="1"/>
    <col min="11528" max="11529" width="13.44140625" style="153" customWidth="1"/>
    <col min="11530" max="11530" width="13.6640625" style="153" customWidth="1"/>
    <col min="11531" max="11531" width="13.44140625" style="153" customWidth="1"/>
    <col min="11532" max="11532" width="13" style="153" customWidth="1"/>
    <col min="11533" max="11534" width="9" style="153"/>
    <col min="11535" max="11535" width="9" style="153" customWidth="1"/>
    <col min="11536" max="11776" width="9" style="153"/>
    <col min="11777" max="11777" width="9.109375" style="153" customWidth="1"/>
    <col min="11778" max="11778" width="2.33203125" style="153" customWidth="1"/>
    <col min="11779" max="11779" width="18" style="153" customWidth="1"/>
    <col min="11780" max="11780" width="13.6640625" style="153" customWidth="1"/>
    <col min="11781" max="11781" width="13.44140625" style="153" customWidth="1"/>
    <col min="11782" max="11783" width="13.6640625" style="153" customWidth="1"/>
    <col min="11784" max="11785" width="13.44140625" style="153" customWidth="1"/>
    <col min="11786" max="11786" width="13.6640625" style="153" customWidth="1"/>
    <col min="11787" max="11787" width="13.44140625" style="153" customWidth="1"/>
    <col min="11788" max="11788" width="13" style="153" customWidth="1"/>
    <col min="11789" max="11790" width="9" style="153"/>
    <col min="11791" max="11791" width="9" style="153" customWidth="1"/>
    <col min="11792" max="12032" width="9" style="153"/>
    <col min="12033" max="12033" width="9.109375" style="153" customWidth="1"/>
    <col min="12034" max="12034" width="2.33203125" style="153" customWidth="1"/>
    <col min="12035" max="12035" width="18" style="153" customWidth="1"/>
    <col min="12036" max="12036" width="13.6640625" style="153" customWidth="1"/>
    <col min="12037" max="12037" width="13.44140625" style="153" customWidth="1"/>
    <col min="12038" max="12039" width="13.6640625" style="153" customWidth="1"/>
    <col min="12040" max="12041" width="13.44140625" style="153" customWidth="1"/>
    <col min="12042" max="12042" width="13.6640625" style="153" customWidth="1"/>
    <col min="12043" max="12043" width="13.44140625" style="153" customWidth="1"/>
    <col min="12044" max="12044" width="13" style="153" customWidth="1"/>
    <col min="12045" max="12046" width="9" style="153"/>
    <col min="12047" max="12047" width="9" style="153" customWidth="1"/>
    <col min="12048" max="12288" width="9" style="153"/>
    <col min="12289" max="12289" width="9.109375" style="153" customWidth="1"/>
    <col min="12290" max="12290" width="2.33203125" style="153" customWidth="1"/>
    <col min="12291" max="12291" width="18" style="153" customWidth="1"/>
    <col min="12292" max="12292" width="13.6640625" style="153" customWidth="1"/>
    <col min="12293" max="12293" width="13.44140625" style="153" customWidth="1"/>
    <col min="12294" max="12295" width="13.6640625" style="153" customWidth="1"/>
    <col min="12296" max="12297" width="13.44140625" style="153" customWidth="1"/>
    <col min="12298" max="12298" width="13.6640625" style="153" customWidth="1"/>
    <col min="12299" max="12299" width="13.44140625" style="153" customWidth="1"/>
    <col min="12300" max="12300" width="13" style="153" customWidth="1"/>
    <col min="12301" max="12302" width="9" style="153"/>
    <col min="12303" max="12303" width="9" style="153" customWidth="1"/>
    <col min="12304" max="12544" width="9" style="153"/>
    <col min="12545" max="12545" width="9.109375" style="153" customWidth="1"/>
    <col min="12546" max="12546" width="2.33203125" style="153" customWidth="1"/>
    <col min="12547" max="12547" width="18" style="153" customWidth="1"/>
    <col min="12548" max="12548" width="13.6640625" style="153" customWidth="1"/>
    <col min="12549" max="12549" width="13.44140625" style="153" customWidth="1"/>
    <col min="12550" max="12551" width="13.6640625" style="153" customWidth="1"/>
    <col min="12552" max="12553" width="13.44140625" style="153" customWidth="1"/>
    <col min="12554" max="12554" width="13.6640625" style="153" customWidth="1"/>
    <col min="12555" max="12555" width="13.44140625" style="153" customWidth="1"/>
    <col min="12556" max="12556" width="13" style="153" customWidth="1"/>
    <col min="12557" max="12558" width="9" style="153"/>
    <col min="12559" max="12559" width="9" style="153" customWidth="1"/>
    <col min="12560" max="12800" width="9" style="153"/>
    <col min="12801" max="12801" width="9.109375" style="153" customWidth="1"/>
    <col min="12802" max="12802" width="2.33203125" style="153" customWidth="1"/>
    <col min="12803" max="12803" width="18" style="153" customWidth="1"/>
    <col min="12804" max="12804" width="13.6640625" style="153" customWidth="1"/>
    <col min="12805" max="12805" width="13.44140625" style="153" customWidth="1"/>
    <col min="12806" max="12807" width="13.6640625" style="153" customWidth="1"/>
    <col min="12808" max="12809" width="13.44140625" style="153" customWidth="1"/>
    <col min="12810" max="12810" width="13.6640625" style="153" customWidth="1"/>
    <col min="12811" max="12811" width="13.44140625" style="153" customWidth="1"/>
    <col min="12812" max="12812" width="13" style="153" customWidth="1"/>
    <col min="12813" max="12814" width="9" style="153"/>
    <col min="12815" max="12815" width="9" style="153" customWidth="1"/>
    <col min="12816" max="13056" width="9" style="153"/>
    <col min="13057" max="13057" width="9.109375" style="153" customWidth="1"/>
    <col min="13058" max="13058" width="2.33203125" style="153" customWidth="1"/>
    <col min="13059" max="13059" width="18" style="153" customWidth="1"/>
    <col min="13060" max="13060" width="13.6640625" style="153" customWidth="1"/>
    <col min="13061" max="13061" width="13.44140625" style="153" customWidth="1"/>
    <col min="13062" max="13063" width="13.6640625" style="153" customWidth="1"/>
    <col min="13064" max="13065" width="13.44140625" style="153" customWidth="1"/>
    <col min="13066" max="13066" width="13.6640625" style="153" customWidth="1"/>
    <col min="13067" max="13067" width="13.44140625" style="153" customWidth="1"/>
    <col min="13068" max="13068" width="13" style="153" customWidth="1"/>
    <col min="13069" max="13070" width="9" style="153"/>
    <col min="13071" max="13071" width="9" style="153" customWidth="1"/>
    <col min="13072" max="13312" width="9" style="153"/>
    <col min="13313" max="13313" width="9.109375" style="153" customWidth="1"/>
    <col min="13314" max="13314" width="2.33203125" style="153" customWidth="1"/>
    <col min="13315" max="13315" width="18" style="153" customWidth="1"/>
    <col min="13316" max="13316" width="13.6640625" style="153" customWidth="1"/>
    <col min="13317" max="13317" width="13.44140625" style="153" customWidth="1"/>
    <col min="13318" max="13319" width="13.6640625" style="153" customWidth="1"/>
    <col min="13320" max="13321" width="13.44140625" style="153" customWidth="1"/>
    <col min="13322" max="13322" width="13.6640625" style="153" customWidth="1"/>
    <col min="13323" max="13323" width="13.44140625" style="153" customWidth="1"/>
    <col min="13324" max="13324" width="13" style="153" customWidth="1"/>
    <col min="13325" max="13326" width="9" style="153"/>
    <col min="13327" max="13327" width="9" style="153" customWidth="1"/>
    <col min="13328" max="13568" width="9" style="153"/>
    <col min="13569" max="13569" width="9.109375" style="153" customWidth="1"/>
    <col min="13570" max="13570" width="2.33203125" style="153" customWidth="1"/>
    <col min="13571" max="13571" width="18" style="153" customWidth="1"/>
    <col min="13572" max="13572" width="13.6640625" style="153" customWidth="1"/>
    <col min="13573" max="13573" width="13.44140625" style="153" customWidth="1"/>
    <col min="13574" max="13575" width="13.6640625" style="153" customWidth="1"/>
    <col min="13576" max="13577" width="13.44140625" style="153" customWidth="1"/>
    <col min="13578" max="13578" width="13.6640625" style="153" customWidth="1"/>
    <col min="13579" max="13579" width="13.44140625" style="153" customWidth="1"/>
    <col min="13580" max="13580" width="13" style="153" customWidth="1"/>
    <col min="13581" max="13582" width="9" style="153"/>
    <col min="13583" max="13583" width="9" style="153" customWidth="1"/>
    <col min="13584" max="13824" width="9" style="153"/>
    <col min="13825" max="13825" width="9.109375" style="153" customWidth="1"/>
    <col min="13826" max="13826" width="2.33203125" style="153" customWidth="1"/>
    <col min="13827" max="13827" width="18" style="153" customWidth="1"/>
    <col min="13828" max="13828" width="13.6640625" style="153" customWidth="1"/>
    <col min="13829" max="13829" width="13.44140625" style="153" customWidth="1"/>
    <col min="13830" max="13831" width="13.6640625" style="153" customWidth="1"/>
    <col min="13832" max="13833" width="13.44140625" style="153" customWidth="1"/>
    <col min="13834" max="13834" width="13.6640625" style="153" customWidth="1"/>
    <col min="13835" max="13835" width="13.44140625" style="153" customWidth="1"/>
    <col min="13836" max="13836" width="13" style="153" customWidth="1"/>
    <col min="13837" max="13838" width="9" style="153"/>
    <col min="13839" max="13839" width="9" style="153" customWidth="1"/>
    <col min="13840" max="14080" width="9" style="153"/>
    <col min="14081" max="14081" width="9.109375" style="153" customWidth="1"/>
    <col min="14082" max="14082" width="2.33203125" style="153" customWidth="1"/>
    <col min="14083" max="14083" width="18" style="153" customWidth="1"/>
    <col min="14084" max="14084" width="13.6640625" style="153" customWidth="1"/>
    <col min="14085" max="14085" width="13.44140625" style="153" customWidth="1"/>
    <col min="14086" max="14087" width="13.6640625" style="153" customWidth="1"/>
    <col min="14088" max="14089" width="13.44140625" style="153" customWidth="1"/>
    <col min="14090" max="14090" width="13.6640625" style="153" customWidth="1"/>
    <col min="14091" max="14091" width="13.44140625" style="153" customWidth="1"/>
    <col min="14092" max="14092" width="13" style="153" customWidth="1"/>
    <col min="14093" max="14094" width="9" style="153"/>
    <col min="14095" max="14095" width="9" style="153" customWidth="1"/>
    <col min="14096" max="14336" width="9" style="153"/>
    <col min="14337" max="14337" width="9.109375" style="153" customWidth="1"/>
    <col min="14338" max="14338" width="2.33203125" style="153" customWidth="1"/>
    <col min="14339" max="14339" width="18" style="153" customWidth="1"/>
    <col min="14340" max="14340" width="13.6640625" style="153" customWidth="1"/>
    <col min="14341" max="14341" width="13.44140625" style="153" customWidth="1"/>
    <col min="14342" max="14343" width="13.6640625" style="153" customWidth="1"/>
    <col min="14344" max="14345" width="13.44140625" style="153" customWidth="1"/>
    <col min="14346" max="14346" width="13.6640625" style="153" customWidth="1"/>
    <col min="14347" max="14347" width="13.44140625" style="153" customWidth="1"/>
    <col min="14348" max="14348" width="13" style="153" customWidth="1"/>
    <col min="14349" max="14350" width="9" style="153"/>
    <col min="14351" max="14351" width="9" style="153" customWidth="1"/>
    <col min="14352" max="14592" width="9" style="153"/>
    <col min="14593" max="14593" width="9.109375" style="153" customWidth="1"/>
    <col min="14594" max="14594" width="2.33203125" style="153" customWidth="1"/>
    <col min="14595" max="14595" width="18" style="153" customWidth="1"/>
    <col min="14596" max="14596" width="13.6640625" style="153" customWidth="1"/>
    <col min="14597" max="14597" width="13.44140625" style="153" customWidth="1"/>
    <col min="14598" max="14599" width="13.6640625" style="153" customWidth="1"/>
    <col min="14600" max="14601" width="13.44140625" style="153" customWidth="1"/>
    <col min="14602" max="14602" width="13.6640625" style="153" customWidth="1"/>
    <col min="14603" max="14603" width="13.44140625" style="153" customWidth="1"/>
    <col min="14604" max="14604" width="13" style="153" customWidth="1"/>
    <col min="14605" max="14606" width="9" style="153"/>
    <col min="14607" max="14607" width="9" style="153" customWidth="1"/>
    <col min="14608" max="14848" width="9" style="153"/>
    <col min="14849" max="14849" width="9.109375" style="153" customWidth="1"/>
    <col min="14850" max="14850" width="2.33203125" style="153" customWidth="1"/>
    <col min="14851" max="14851" width="18" style="153" customWidth="1"/>
    <col min="14852" max="14852" width="13.6640625" style="153" customWidth="1"/>
    <col min="14853" max="14853" width="13.44140625" style="153" customWidth="1"/>
    <col min="14854" max="14855" width="13.6640625" style="153" customWidth="1"/>
    <col min="14856" max="14857" width="13.44140625" style="153" customWidth="1"/>
    <col min="14858" max="14858" width="13.6640625" style="153" customWidth="1"/>
    <col min="14859" max="14859" width="13.44140625" style="153" customWidth="1"/>
    <col min="14860" max="14860" width="13" style="153" customWidth="1"/>
    <col min="14861" max="14862" width="9" style="153"/>
    <col min="14863" max="14863" width="9" style="153" customWidth="1"/>
    <col min="14864" max="15104" width="9" style="153"/>
    <col min="15105" max="15105" width="9.109375" style="153" customWidth="1"/>
    <col min="15106" max="15106" width="2.33203125" style="153" customWidth="1"/>
    <col min="15107" max="15107" width="18" style="153" customWidth="1"/>
    <col min="15108" max="15108" width="13.6640625" style="153" customWidth="1"/>
    <col min="15109" max="15109" width="13.44140625" style="153" customWidth="1"/>
    <col min="15110" max="15111" width="13.6640625" style="153" customWidth="1"/>
    <col min="15112" max="15113" width="13.44140625" style="153" customWidth="1"/>
    <col min="15114" max="15114" width="13.6640625" style="153" customWidth="1"/>
    <col min="15115" max="15115" width="13.44140625" style="153" customWidth="1"/>
    <col min="15116" max="15116" width="13" style="153" customWidth="1"/>
    <col min="15117" max="15118" width="9" style="153"/>
    <col min="15119" max="15119" width="9" style="153" customWidth="1"/>
    <col min="15120" max="15360" width="9" style="153"/>
    <col min="15361" max="15361" width="9.109375" style="153" customWidth="1"/>
    <col min="15362" max="15362" width="2.33203125" style="153" customWidth="1"/>
    <col min="15363" max="15363" width="18" style="153" customWidth="1"/>
    <col min="15364" max="15364" width="13.6640625" style="153" customWidth="1"/>
    <col min="15365" max="15365" width="13.44140625" style="153" customWidth="1"/>
    <col min="15366" max="15367" width="13.6640625" style="153" customWidth="1"/>
    <col min="15368" max="15369" width="13.44140625" style="153" customWidth="1"/>
    <col min="15370" max="15370" width="13.6640625" style="153" customWidth="1"/>
    <col min="15371" max="15371" width="13.44140625" style="153" customWidth="1"/>
    <col min="15372" max="15372" width="13" style="153" customWidth="1"/>
    <col min="15373" max="15374" width="9" style="153"/>
    <col min="15375" max="15375" width="9" style="153" customWidth="1"/>
    <col min="15376" max="15616" width="9" style="153"/>
    <col min="15617" max="15617" width="9.109375" style="153" customWidth="1"/>
    <col min="15618" max="15618" width="2.33203125" style="153" customWidth="1"/>
    <col min="15619" max="15619" width="18" style="153" customWidth="1"/>
    <col min="15620" max="15620" width="13.6640625" style="153" customWidth="1"/>
    <col min="15621" max="15621" width="13.44140625" style="153" customWidth="1"/>
    <col min="15622" max="15623" width="13.6640625" style="153" customWidth="1"/>
    <col min="15624" max="15625" width="13.44140625" style="153" customWidth="1"/>
    <col min="15626" max="15626" width="13.6640625" style="153" customWidth="1"/>
    <col min="15627" max="15627" width="13.44140625" style="153" customWidth="1"/>
    <col min="15628" max="15628" width="13" style="153" customWidth="1"/>
    <col min="15629" max="15630" width="9" style="153"/>
    <col min="15631" max="15631" width="9" style="153" customWidth="1"/>
    <col min="15632" max="15872" width="9" style="153"/>
    <col min="15873" max="15873" width="9.109375" style="153" customWidth="1"/>
    <col min="15874" max="15874" width="2.33203125" style="153" customWidth="1"/>
    <col min="15875" max="15875" width="18" style="153" customWidth="1"/>
    <col min="15876" max="15876" width="13.6640625" style="153" customWidth="1"/>
    <col min="15877" max="15877" width="13.44140625" style="153" customWidth="1"/>
    <col min="15878" max="15879" width="13.6640625" style="153" customWidth="1"/>
    <col min="15880" max="15881" width="13.44140625" style="153" customWidth="1"/>
    <col min="15882" max="15882" width="13.6640625" style="153" customWidth="1"/>
    <col min="15883" max="15883" width="13.44140625" style="153" customWidth="1"/>
    <col min="15884" max="15884" width="13" style="153" customWidth="1"/>
    <col min="15885" max="15886" width="9" style="153"/>
    <col min="15887" max="15887" width="9" style="153" customWidth="1"/>
    <col min="15888" max="16128" width="9" style="153"/>
    <col min="16129" max="16129" width="9.109375" style="153" customWidth="1"/>
    <col min="16130" max="16130" width="2.33203125" style="153" customWidth="1"/>
    <col min="16131" max="16131" width="18" style="153" customWidth="1"/>
    <col min="16132" max="16132" width="13.6640625" style="153" customWidth="1"/>
    <col min="16133" max="16133" width="13.44140625" style="153" customWidth="1"/>
    <col min="16134" max="16135" width="13.6640625" style="153" customWidth="1"/>
    <col min="16136" max="16137" width="13.44140625" style="153" customWidth="1"/>
    <col min="16138" max="16138" width="13.6640625" style="153" customWidth="1"/>
    <col min="16139" max="16139" width="13.44140625" style="153" customWidth="1"/>
    <col min="16140" max="16140" width="13" style="153" customWidth="1"/>
    <col min="16141" max="16142" width="9" style="153"/>
    <col min="16143" max="16143" width="9" style="153" customWidth="1"/>
    <col min="16144" max="16384" width="9" style="153"/>
  </cols>
  <sheetData>
    <row r="1" spans="1:12" ht="17.25" customHeight="1" x14ac:dyDescent="0.2">
      <c r="A1" s="2286" t="s">
        <v>284</v>
      </c>
      <c r="B1" s="2286"/>
      <c r="C1" s="2286"/>
      <c r="D1" s="2286"/>
      <c r="E1" s="2286"/>
      <c r="F1" s="2286"/>
      <c r="G1" s="2286"/>
      <c r="H1" s="2286"/>
      <c r="I1" s="2286"/>
      <c r="J1" s="2286"/>
      <c r="K1" s="2286"/>
      <c r="L1" s="2286"/>
    </row>
    <row r="2" spans="1:12" ht="19.8" thickBot="1" x14ac:dyDescent="0.25">
      <c r="A2" s="2183" t="s">
        <v>433</v>
      </c>
      <c r="B2" s="2183"/>
      <c r="C2" s="2183"/>
      <c r="D2" s="2183"/>
      <c r="E2" s="2183"/>
      <c r="F2" s="2183"/>
      <c r="G2" s="2183"/>
      <c r="H2" s="2183"/>
      <c r="I2" s="2183"/>
      <c r="J2" s="2183"/>
      <c r="K2" s="2183"/>
      <c r="L2" s="2183"/>
    </row>
    <row r="3" spans="1:12" ht="30" customHeight="1" thickBot="1" x14ac:dyDescent="0.25">
      <c r="A3" s="1596" t="s">
        <v>305</v>
      </c>
      <c r="B3" s="1597"/>
      <c r="C3" s="2184"/>
      <c r="D3" s="2185" t="s">
        <v>321</v>
      </c>
      <c r="E3" s="2186"/>
      <c r="F3" s="2186"/>
      <c r="G3" s="2186"/>
      <c r="H3" s="2186"/>
      <c r="I3" s="2186"/>
      <c r="J3" s="2186"/>
      <c r="K3" s="2186"/>
      <c r="L3" s="2187"/>
    </row>
    <row r="4" spans="1:12" ht="30" customHeight="1" x14ac:dyDescent="0.2">
      <c r="A4" s="2188" t="s">
        <v>306</v>
      </c>
      <c r="B4" s="2189"/>
      <c r="C4" s="2190"/>
      <c r="D4" s="2191" t="s">
        <v>404</v>
      </c>
      <c r="E4" s="2192"/>
      <c r="F4" s="2192"/>
      <c r="G4" s="2192"/>
      <c r="H4" s="2192"/>
      <c r="I4" s="2192"/>
      <c r="J4" s="2192"/>
      <c r="K4" s="2192"/>
      <c r="L4" s="2193"/>
    </row>
    <row r="5" spans="1:12" ht="30" customHeight="1" x14ac:dyDescent="0.2">
      <c r="A5" s="1606" t="s">
        <v>126</v>
      </c>
      <c r="B5" s="1607"/>
      <c r="C5" s="2196"/>
      <c r="D5" s="2191" t="s">
        <v>322</v>
      </c>
      <c r="E5" s="2192"/>
      <c r="F5" s="2192"/>
      <c r="G5" s="2192"/>
      <c r="H5" s="2192"/>
      <c r="I5" s="2192"/>
      <c r="J5" s="2192"/>
      <c r="K5" s="2192"/>
      <c r="L5" s="2193"/>
    </row>
    <row r="6" spans="1:12" ht="30" customHeight="1" x14ac:dyDescent="0.2">
      <c r="A6" s="1611" t="s">
        <v>127</v>
      </c>
      <c r="B6" s="1612"/>
      <c r="C6" s="190" t="s">
        <v>128</v>
      </c>
      <c r="D6" s="2197" t="s">
        <v>323</v>
      </c>
      <c r="E6" s="2198"/>
      <c r="F6" s="2198"/>
      <c r="G6" s="2199"/>
      <c r="H6" s="2200" t="s">
        <v>129</v>
      </c>
      <c r="I6" s="2221" t="s">
        <v>324</v>
      </c>
      <c r="J6" s="2222"/>
      <c r="K6" s="2222"/>
      <c r="L6" s="2223"/>
    </row>
    <row r="7" spans="1:12" ht="30" customHeight="1" thickBot="1" x14ac:dyDescent="0.25">
      <c r="A7" s="1613"/>
      <c r="B7" s="1614"/>
      <c r="C7" s="492" t="s">
        <v>130</v>
      </c>
      <c r="D7" s="2224" t="s">
        <v>323</v>
      </c>
      <c r="E7" s="2225"/>
      <c r="F7" s="2225"/>
      <c r="G7" s="2226"/>
      <c r="H7" s="2201"/>
      <c r="I7" s="2221"/>
      <c r="J7" s="2222"/>
      <c r="K7" s="2222"/>
      <c r="L7" s="2223"/>
    </row>
    <row r="8" spans="1:12" ht="30" customHeight="1" thickTop="1" thickBot="1" x14ac:dyDescent="0.25">
      <c r="A8" s="1625" t="s">
        <v>307</v>
      </c>
      <c r="B8" s="159">
        <v>1</v>
      </c>
      <c r="C8" s="491" t="s">
        <v>213</v>
      </c>
      <c r="D8" s="2206" t="s">
        <v>395</v>
      </c>
      <c r="E8" s="2207"/>
      <c r="F8" s="2207"/>
      <c r="G8" s="2207"/>
      <c r="H8" s="2207"/>
      <c r="I8" s="2207"/>
      <c r="J8" s="2207"/>
      <c r="K8" s="2207"/>
      <c r="L8" s="2208"/>
    </row>
    <row r="9" spans="1:12" ht="30" customHeight="1" x14ac:dyDescent="0.2">
      <c r="A9" s="1626"/>
      <c r="B9" s="1629">
        <v>2</v>
      </c>
      <c r="C9" s="2227" t="s">
        <v>308</v>
      </c>
      <c r="D9" s="2228" t="s">
        <v>309</v>
      </c>
      <c r="E9" s="2229"/>
      <c r="F9" s="2232" t="s">
        <v>808</v>
      </c>
      <c r="G9" s="1633" t="s">
        <v>311</v>
      </c>
      <c r="H9" s="1634"/>
      <c r="I9" s="1634"/>
      <c r="J9" s="1634"/>
      <c r="K9" s="1635"/>
      <c r="L9" s="2234" t="s">
        <v>807</v>
      </c>
    </row>
    <row r="10" spans="1:12" ht="30" customHeight="1" x14ac:dyDescent="0.2">
      <c r="A10" s="1626"/>
      <c r="B10" s="1629"/>
      <c r="C10" s="2227"/>
      <c r="D10" s="2230"/>
      <c r="E10" s="2231"/>
      <c r="F10" s="2233"/>
      <c r="G10" s="162" t="s">
        <v>397</v>
      </c>
      <c r="H10" s="163" t="s">
        <v>398</v>
      </c>
      <c r="I10" s="490" t="s">
        <v>399</v>
      </c>
      <c r="J10" s="489" t="s">
        <v>826</v>
      </c>
      <c r="K10" s="488" t="s">
        <v>805</v>
      </c>
      <c r="L10" s="2235"/>
    </row>
    <row r="11" spans="1:12" ht="27.9" customHeight="1" x14ac:dyDescent="0.2">
      <c r="A11" s="1626"/>
      <c r="B11" s="1629"/>
      <c r="C11" s="2227"/>
      <c r="D11" s="2194" t="s">
        <v>349</v>
      </c>
      <c r="E11" s="2202"/>
      <c r="F11" s="194">
        <v>5</v>
      </c>
      <c r="G11" s="195">
        <v>5</v>
      </c>
      <c r="H11" s="196"/>
      <c r="I11" s="487"/>
      <c r="J11" s="486"/>
      <c r="K11" s="485"/>
      <c r="L11" s="478" t="s">
        <v>326</v>
      </c>
    </row>
    <row r="12" spans="1:12" ht="27.9" customHeight="1" x14ac:dyDescent="0.2">
      <c r="A12" s="1626"/>
      <c r="B12" s="1629"/>
      <c r="C12" s="2227"/>
      <c r="D12" s="2194" t="s">
        <v>352</v>
      </c>
      <c r="E12" s="2202"/>
      <c r="F12" s="194">
        <v>6</v>
      </c>
      <c r="G12" s="195"/>
      <c r="H12" s="196">
        <v>6</v>
      </c>
      <c r="I12" s="487"/>
      <c r="J12" s="486"/>
      <c r="K12" s="485"/>
      <c r="L12" s="478" t="s">
        <v>329</v>
      </c>
    </row>
    <row r="13" spans="1:12" ht="27.9" customHeight="1" x14ac:dyDescent="0.2">
      <c r="A13" s="1626"/>
      <c r="B13" s="1629"/>
      <c r="C13" s="2227"/>
      <c r="D13" s="2194" t="s">
        <v>354</v>
      </c>
      <c r="E13" s="2202"/>
      <c r="F13" s="194">
        <v>4</v>
      </c>
      <c r="G13" s="195"/>
      <c r="H13" s="196"/>
      <c r="I13" s="487">
        <v>4</v>
      </c>
      <c r="J13" s="486"/>
      <c r="K13" s="485"/>
      <c r="L13" s="478" t="s">
        <v>329</v>
      </c>
    </row>
    <row r="14" spans="1:12" ht="27.9" customHeight="1" x14ac:dyDescent="0.2">
      <c r="A14" s="1626"/>
      <c r="B14" s="1629"/>
      <c r="C14" s="2227"/>
      <c r="D14" s="2194" t="s">
        <v>837</v>
      </c>
      <c r="E14" s="2195"/>
      <c r="F14" s="484">
        <v>5</v>
      </c>
      <c r="G14" s="483"/>
      <c r="H14" s="482"/>
      <c r="I14" s="481"/>
      <c r="J14" s="480">
        <v>5</v>
      </c>
      <c r="K14" s="485"/>
      <c r="L14" s="478" t="s">
        <v>329</v>
      </c>
    </row>
    <row r="15" spans="1:12" ht="27.9" customHeight="1" x14ac:dyDescent="0.2">
      <c r="A15" s="1626"/>
      <c r="B15" s="1629"/>
      <c r="C15" s="2227"/>
      <c r="D15" s="2194" t="s">
        <v>825</v>
      </c>
      <c r="E15" s="2195"/>
      <c r="F15" s="484">
        <v>4</v>
      </c>
      <c r="G15" s="483"/>
      <c r="H15" s="482"/>
      <c r="I15" s="481"/>
      <c r="J15" s="480">
        <v>1</v>
      </c>
      <c r="K15" s="479">
        <v>3</v>
      </c>
      <c r="L15" s="478" t="s">
        <v>329</v>
      </c>
    </row>
    <row r="16" spans="1:12" ht="30" customHeight="1" thickBot="1" x14ac:dyDescent="0.25">
      <c r="A16" s="1626"/>
      <c r="B16" s="1629"/>
      <c r="C16" s="2227"/>
      <c r="D16" s="2242" t="s">
        <v>63</v>
      </c>
      <c r="E16" s="2243"/>
      <c r="F16" s="477">
        <v>24</v>
      </c>
      <c r="G16" s="476">
        <v>5</v>
      </c>
      <c r="H16" s="475">
        <v>5</v>
      </c>
      <c r="I16" s="474">
        <v>5</v>
      </c>
      <c r="J16" s="473">
        <v>5</v>
      </c>
      <c r="K16" s="472">
        <v>4</v>
      </c>
      <c r="L16" s="471"/>
    </row>
    <row r="17" spans="1:12" ht="30" customHeight="1" x14ac:dyDescent="0.2">
      <c r="A17" s="1626"/>
      <c r="B17" s="2236">
        <v>3</v>
      </c>
      <c r="C17" s="2244" t="s">
        <v>804</v>
      </c>
      <c r="D17" s="256" t="s">
        <v>312</v>
      </c>
      <c r="E17" s="2249" t="s">
        <v>349</v>
      </c>
      <c r="F17" s="2250"/>
      <c r="G17" s="2250"/>
      <c r="H17" s="2250"/>
      <c r="I17" s="2250"/>
      <c r="J17" s="2250"/>
      <c r="K17" s="2250"/>
      <c r="L17" s="2251"/>
    </row>
    <row r="18" spans="1:12" ht="30" customHeight="1" x14ac:dyDescent="0.2">
      <c r="A18" s="1626"/>
      <c r="B18" s="2237"/>
      <c r="C18" s="2245"/>
      <c r="D18" s="256" t="s">
        <v>313</v>
      </c>
      <c r="E18" s="2203" t="s">
        <v>352</v>
      </c>
      <c r="F18" s="2204"/>
      <c r="G18" s="2204"/>
      <c r="H18" s="2204"/>
      <c r="I18" s="2204"/>
      <c r="J18" s="2204"/>
      <c r="K18" s="2204"/>
      <c r="L18" s="2205"/>
    </row>
    <row r="19" spans="1:12" ht="30" customHeight="1" x14ac:dyDescent="0.2">
      <c r="A19" s="1626"/>
      <c r="B19" s="2237"/>
      <c r="C19" s="2245"/>
      <c r="D19" s="256" t="s">
        <v>314</v>
      </c>
      <c r="E19" s="2203" t="s">
        <v>354</v>
      </c>
      <c r="F19" s="2204"/>
      <c r="G19" s="2204"/>
      <c r="H19" s="2204"/>
      <c r="I19" s="2204"/>
      <c r="J19" s="2204"/>
      <c r="K19" s="2204"/>
      <c r="L19" s="2205"/>
    </row>
    <row r="20" spans="1:12" ht="30" customHeight="1" x14ac:dyDescent="0.2">
      <c r="A20" s="1626"/>
      <c r="B20" s="2237"/>
      <c r="C20" s="2245"/>
      <c r="D20" s="256" t="s">
        <v>803</v>
      </c>
      <c r="E20" s="2203" t="s">
        <v>436</v>
      </c>
      <c r="F20" s="2204"/>
      <c r="G20" s="2204"/>
      <c r="H20" s="2204"/>
      <c r="I20" s="2204"/>
      <c r="J20" s="2204"/>
      <c r="K20" s="2204"/>
      <c r="L20" s="2205"/>
    </row>
    <row r="21" spans="1:12" ht="30" customHeight="1" x14ac:dyDescent="0.2">
      <c r="A21" s="1626"/>
      <c r="B21" s="2238"/>
      <c r="C21" s="2246"/>
      <c r="D21" s="256" t="s">
        <v>802</v>
      </c>
      <c r="E21" s="2203" t="s">
        <v>437</v>
      </c>
      <c r="F21" s="2204"/>
      <c r="G21" s="2204"/>
      <c r="H21" s="2204"/>
      <c r="I21" s="2204"/>
      <c r="J21" s="2204"/>
      <c r="K21" s="2204"/>
      <c r="L21" s="2205"/>
    </row>
    <row r="22" spans="1:12" ht="30" customHeight="1" x14ac:dyDescent="0.2">
      <c r="A22" s="1626"/>
      <c r="B22" s="2236">
        <v>4</v>
      </c>
      <c r="C22" s="2239" t="s">
        <v>315</v>
      </c>
      <c r="D22" s="256" t="s">
        <v>312</v>
      </c>
      <c r="E22" s="2203" t="s">
        <v>822</v>
      </c>
      <c r="F22" s="2204"/>
      <c r="G22" s="2204"/>
      <c r="H22" s="2204"/>
      <c r="I22" s="2204"/>
      <c r="J22" s="2204"/>
      <c r="K22" s="2204"/>
      <c r="L22" s="2205"/>
    </row>
    <row r="23" spans="1:12" ht="30" customHeight="1" x14ac:dyDescent="0.2">
      <c r="A23" s="1626"/>
      <c r="B23" s="2237"/>
      <c r="C23" s="2240"/>
      <c r="D23" s="256" t="s">
        <v>313</v>
      </c>
      <c r="E23" s="2203" t="s">
        <v>822</v>
      </c>
      <c r="F23" s="2204"/>
      <c r="G23" s="2204"/>
      <c r="H23" s="2204"/>
      <c r="I23" s="2204"/>
      <c r="J23" s="2204"/>
      <c r="K23" s="2204"/>
      <c r="L23" s="2205"/>
    </row>
    <row r="24" spans="1:12" ht="30" customHeight="1" x14ac:dyDescent="0.2">
      <c r="A24" s="1626"/>
      <c r="B24" s="2237"/>
      <c r="C24" s="2240"/>
      <c r="D24" s="256" t="s">
        <v>314</v>
      </c>
      <c r="E24" s="2203" t="s">
        <v>822</v>
      </c>
      <c r="F24" s="2204"/>
      <c r="G24" s="2204"/>
      <c r="H24" s="2204"/>
      <c r="I24" s="2204"/>
      <c r="J24" s="2204"/>
      <c r="K24" s="2204"/>
      <c r="L24" s="2205"/>
    </row>
    <row r="25" spans="1:12" ht="30" customHeight="1" x14ac:dyDescent="0.2">
      <c r="A25" s="1626"/>
      <c r="B25" s="2237"/>
      <c r="C25" s="2240"/>
      <c r="D25" s="256" t="s">
        <v>803</v>
      </c>
      <c r="E25" s="2203" t="s">
        <v>824</v>
      </c>
      <c r="F25" s="2204"/>
      <c r="G25" s="2204"/>
      <c r="H25" s="2204"/>
      <c r="I25" s="2204"/>
      <c r="J25" s="2204"/>
      <c r="K25" s="2204"/>
      <c r="L25" s="2205"/>
    </row>
    <row r="26" spans="1:12" ht="30" customHeight="1" x14ac:dyDescent="0.2">
      <c r="A26" s="1626"/>
      <c r="B26" s="2238"/>
      <c r="C26" s="2241"/>
      <c r="D26" s="256" t="s">
        <v>802</v>
      </c>
      <c r="E26" s="2203" t="s">
        <v>822</v>
      </c>
      <c r="F26" s="2204"/>
      <c r="G26" s="2204"/>
      <c r="H26" s="2204"/>
      <c r="I26" s="2204"/>
      <c r="J26" s="2204"/>
      <c r="K26" s="2204"/>
      <c r="L26" s="2205"/>
    </row>
    <row r="27" spans="1:12" ht="30" customHeight="1" x14ac:dyDescent="0.2">
      <c r="A27" s="1626"/>
      <c r="B27" s="2236">
        <v>5</v>
      </c>
      <c r="C27" s="2239" t="s">
        <v>316</v>
      </c>
      <c r="D27" s="256" t="s">
        <v>312</v>
      </c>
      <c r="E27" s="2203" t="s">
        <v>822</v>
      </c>
      <c r="F27" s="2204"/>
      <c r="G27" s="2204"/>
      <c r="H27" s="2204"/>
      <c r="I27" s="2204"/>
      <c r="J27" s="2204"/>
      <c r="K27" s="2204"/>
      <c r="L27" s="2205"/>
    </row>
    <row r="28" spans="1:12" ht="30" customHeight="1" x14ac:dyDescent="0.2">
      <c r="A28" s="1626"/>
      <c r="B28" s="2237"/>
      <c r="C28" s="2240"/>
      <c r="D28" s="256" t="s">
        <v>313</v>
      </c>
      <c r="E28" s="2203" t="s">
        <v>822</v>
      </c>
      <c r="F28" s="2204"/>
      <c r="G28" s="2204"/>
      <c r="H28" s="2204"/>
      <c r="I28" s="2204"/>
      <c r="J28" s="2204"/>
      <c r="K28" s="2204"/>
      <c r="L28" s="2205"/>
    </row>
    <row r="29" spans="1:12" ht="30" customHeight="1" x14ac:dyDescent="0.2">
      <c r="A29" s="1626"/>
      <c r="B29" s="2237"/>
      <c r="C29" s="2240"/>
      <c r="D29" s="256" t="s">
        <v>314</v>
      </c>
      <c r="E29" s="2203" t="s">
        <v>822</v>
      </c>
      <c r="F29" s="2204"/>
      <c r="G29" s="2204"/>
      <c r="H29" s="2204"/>
      <c r="I29" s="2204"/>
      <c r="J29" s="2204"/>
      <c r="K29" s="2204"/>
      <c r="L29" s="2205"/>
    </row>
    <row r="30" spans="1:12" ht="30" customHeight="1" x14ac:dyDescent="0.2">
      <c r="A30" s="1626"/>
      <c r="B30" s="2237"/>
      <c r="C30" s="2240"/>
      <c r="D30" s="256" t="s">
        <v>803</v>
      </c>
      <c r="E30" s="2203" t="s">
        <v>823</v>
      </c>
      <c r="F30" s="2204"/>
      <c r="G30" s="2204"/>
      <c r="H30" s="2204"/>
      <c r="I30" s="2204"/>
      <c r="J30" s="2204"/>
      <c r="K30" s="2204"/>
      <c r="L30" s="2205"/>
    </row>
    <row r="31" spans="1:12" ht="30" customHeight="1" x14ac:dyDescent="0.2">
      <c r="A31" s="1626"/>
      <c r="B31" s="2238"/>
      <c r="C31" s="2241"/>
      <c r="D31" s="256" t="s">
        <v>802</v>
      </c>
      <c r="E31" s="2203" t="s">
        <v>822</v>
      </c>
      <c r="F31" s="2204"/>
      <c r="G31" s="2204"/>
      <c r="H31" s="2204"/>
      <c r="I31" s="2204"/>
      <c r="J31" s="2204"/>
      <c r="K31" s="2204"/>
      <c r="L31" s="2205"/>
    </row>
    <row r="32" spans="1:12" ht="19.5" customHeight="1" x14ac:dyDescent="0.2">
      <c r="A32" s="1626"/>
      <c r="B32" s="1629">
        <v>6</v>
      </c>
      <c r="C32" s="2252" t="s">
        <v>317</v>
      </c>
      <c r="D32" s="2209" t="s">
        <v>330</v>
      </c>
      <c r="E32" s="2210"/>
      <c r="F32" s="2210"/>
      <c r="G32" s="2210"/>
      <c r="H32" s="2210"/>
      <c r="I32" s="2210"/>
      <c r="J32" s="2210"/>
      <c r="K32" s="2210"/>
      <c r="L32" s="2211"/>
    </row>
    <row r="33" spans="1:12" ht="19.5" customHeight="1" x14ac:dyDescent="0.2">
      <c r="A33" s="1626"/>
      <c r="B33" s="1629"/>
      <c r="C33" s="2252"/>
      <c r="D33" s="2212"/>
      <c r="E33" s="2213"/>
      <c r="F33" s="2213"/>
      <c r="G33" s="2213"/>
      <c r="H33" s="2213"/>
      <c r="I33" s="2213"/>
      <c r="J33" s="2213"/>
      <c r="K33" s="2213"/>
      <c r="L33" s="2214"/>
    </row>
    <row r="34" spans="1:12" ht="19.5" customHeight="1" x14ac:dyDescent="0.2">
      <c r="A34" s="1626"/>
      <c r="B34" s="2215">
        <v>7</v>
      </c>
      <c r="C34" s="2216" t="s">
        <v>200</v>
      </c>
      <c r="D34" s="2218"/>
      <c r="E34" s="2219"/>
      <c r="F34" s="2219"/>
      <c r="G34" s="2219"/>
      <c r="H34" s="2219"/>
      <c r="I34" s="2219"/>
      <c r="J34" s="2219"/>
      <c r="K34" s="2219"/>
      <c r="L34" s="2220"/>
    </row>
    <row r="35" spans="1:12" ht="19.5" customHeight="1" thickBot="1" x14ac:dyDescent="0.25">
      <c r="A35" s="1653"/>
      <c r="B35" s="2215"/>
      <c r="C35" s="2217"/>
      <c r="D35" s="2218"/>
      <c r="E35" s="2219"/>
      <c r="F35" s="2219"/>
      <c r="G35" s="2219"/>
      <c r="H35" s="2219"/>
      <c r="I35" s="2219"/>
      <c r="J35" s="2219"/>
      <c r="K35" s="2219"/>
      <c r="L35" s="2220"/>
    </row>
    <row r="36" spans="1:12" ht="36" customHeight="1" x14ac:dyDescent="0.2">
      <c r="A36" s="2263" t="s">
        <v>318</v>
      </c>
      <c r="B36" s="144">
        <v>1</v>
      </c>
      <c r="C36" s="191" t="s">
        <v>434</v>
      </c>
      <c r="D36" s="2253" t="s">
        <v>836</v>
      </c>
      <c r="E36" s="2253"/>
      <c r="F36" s="2253" t="s">
        <v>835</v>
      </c>
      <c r="G36" s="2253"/>
      <c r="H36" s="2253" t="s">
        <v>834</v>
      </c>
      <c r="I36" s="2253"/>
      <c r="J36" s="2254"/>
      <c r="K36" s="2254"/>
      <c r="L36" s="2255"/>
    </row>
    <row r="37" spans="1:12" ht="36" customHeight="1" x14ac:dyDescent="0.2">
      <c r="A37" s="2264"/>
      <c r="B37" s="143">
        <v>2</v>
      </c>
      <c r="C37" s="143" t="s">
        <v>833</v>
      </c>
      <c r="D37" s="2203" t="s">
        <v>832</v>
      </c>
      <c r="E37" s="2258"/>
      <c r="F37" s="2203" t="s">
        <v>817</v>
      </c>
      <c r="G37" s="2258"/>
      <c r="H37" s="2259"/>
      <c r="I37" s="1629"/>
      <c r="J37" s="2259"/>
      <c r="K37" s="1629"/>
      <c r="L37" s="2256"/>
    </row>
    <row r="38" spans="1:12" ht="36" customHeight="1" x14ac:dyDescent="0.2">
      <c r="A38" s="2264"/>
      <c r="B38" s="143">
        <v>3</v>
      </c>
      <c r="C38" s="192" t="s">
        <v>214</v>
      </c>
      <c r="D38" s="2259"/>
      <c r="E38" s="1629"/>
      <c r="F38" s="2259"/>
      <c r="G38" s="1629"/>
      <c r="H38" s="2203" t="s">
        <v>831</v>
      </c>
      <c r="I38" s="2258"/>
      <c r="J38" s="2259"/>
      <c r="K38" s="1629"/>
      <c r="L38" s="2257"/>
    </row>
    <row r="39" spans="1:12" ht="36" customHeight="1" thickBot="1" x14ac:dyDescent="0.25">
      <c r="A39" s="2265"/>
      <c r="B39" s="193">
        <v>4</v>
      </c>
      <c r="C39" s="193" t="s">
        <v>200</v>
      </c>
      <c r="D39" s="2260"/>
      <c r="E39" s="2261"/>
      <c r="F39" s="2261"/>
      <c r="G39" s="2261"/>
      <c r="H39" s="2261"/>
      <c r="I39" s="2261"/>
      <c r="J39" s="2261"/>
      <c r="K39" s="2261"/>
      <c r="L39" s="2262"/>
    </row>
    <row r="40" spans="1:12" ht="36" customHeight="1" x14ac:dyDescent="0.2">
      <c r="A40" s="1652" t="s">
        <v>801</v>
      </c>
      <c r="B40" s="2272">
        <v>1</v>
      </c>
      <c r="C40" s="2274" t="s">
        <v>800</v>
      </c>
      <c r="D40" s="470"/>
      <c r="E40" s="2277" t="s">
        <v>434</v>
      </c>
      <c r="F40" s="2278"/>
      <c r="G40" s="170" t="s">
        <v>799</v>
      </c>
      <c r="H40" s="2277" t="s">
        <v>434</v>
      </c>
      <c r="I40" s="2278"/>
      <c r="J40" s="469" t="s">
        <v>799</v>
      </c>
      <c r="K40" s="468" t="s">
        <v>797</v>
      </c>
      <c r="L40" s="2279"/>
    </row>
    <row r="41" spans="1:12" ht="30" customHeight="1" x14ac:dyDescent="0.2">
      <c r="A41" s="1626"/>
      <c r="B41" s="2248"/>
      <c r="C41" s="2275"/>
      <c r="D41" s="2236" t="s">
        <v>796</v>
      </c>
      <c r="E41" s="2203" t="s">
        <v>352</v>
      </c>
      <c r="F41" s="2258"/>
      <c r="G41" s="259" t="s">
        <v>814</v>
      </c>
      <c r="H41" s="2203" t="s">
        <v>354</v>
      </c>
      <c r="I41" s="2258"/>
      <c r="J41" s="258" t="s">
        <v>813</v>
      </c>
      <c r="K41" s="2282" t="s">
        <v>812</v>
      </c>
      <c r="L41" s="2280"/>
    </row>
    <row r="42" spans="1:12" ht="30" customHeight="1" x14ac:dyDescent="0.2">
      <c r="A42" s="1626"/>
      <c r="B42" s="2248"/>
      <c r="C42" s="2275"/>
      <c r="D42" s="2238"/>
      <c r="E42" s="2203" t="s">
        <v>436</v>
      </c>
      <c r="F42" s="2258"/>
      <c r="G42" s="259" t="s">
        <v>830</v>
      </c>
      <c r="H42" s="2259"/>
      <c r="I42" s="1629"/>
      <c r="J42" s="467"/>
      <c r="K42" s="2283"/>
      <c r="L42" s="2280"/>
    </row>
    <row r="43" spans="1:12" ht="30" customHeight="1" x14ac:dyDescent="0.2">
      <c r="A43" s="1626"/>
      <c r="B43" s="2248"/>
      <c r="C43" s="2275"/>
      <c r="D43" s="2236" t="s">
        <v>795</v>
      </c>
      <c r="E43" s="2203" t="s">
        <v>437</v>
      </c>
      <c r="F43" s="2258"/>
      <c r="G43" s="259" t="s">
        <v>809</v>
      </c>
      <c r="H43" s="2259"/>
      <c r="I43" s="1629"/>
      <c r="J43" s="467"/>
      <c r="K43" s="2282" t="s">
        <v>810</v>
      </c>
      <c r="L43" s="2280"/>
    </row>
    <row r="44" spans="1:12" ht="30" customHeight="1" x14ac:dyDescent="0.2">
      <c r="A44" s="1626"/>
      <c r="B44" s="2273"/>
      <c r="C44" s="2276"/>
      <c r="D44" s="2238"/>
      <c r="E44" s="2259"/>
      <c r="F44" s="1629"/>
      <c r="G44" s="256"/>
      <c r="H44" s="2259"/>
      <c r="I44" s="1629"/>
      <c r="J44" s="467"/>
      <c r="K44" s="2283"/>
      <c r="L44" s="2281"/>
    </row>
    <row r="45" spans="1:12" ht="30" customHeight="1" x14ac:dyDescent="0.2">
      <c r="A45" s="1626"/>
      <c r="B45" s="2247">
        <v>2</v>
      </c>
      <c r="C45" s="2267" t="s">
        <v>794</v>
      </c>
      <c r="D45" s="466" t="s">
        <v>792</v>
      </c>
      <c r="E45" s="2203" t="s">
        <v>354</v>
      </c>
      <c r="F45" s="2204"/>
      <c r="G45" s="2204"/>
      <c r="H45" s="2204"/>
      <c r="I45" s="2204"/>
      <c r="J45" s="2204"/>
      <c r="K45" s="2204"/>
      <c r="L45" s="2205"/>
    </row>
    <row r="46" spans="1:12" ht="30" customHeight="1" x14ac:dyDescent="0.2">
      <c r="A46" s="1626"/>
      <c r="B46" s="2248"/>
      <c r="C46" s="2275"/>
      <c r="D46" s="465" t="s">
        <v>791</v>
      </c>
      <c r="E46" s="2209" t="s">
        <v>437</v>
      </c>
      <c r="F46" s="2210"/>
      <c r="G46" s="2210"/>
      <c r="H46" s="2210"/>
      <c r="I46" s="2210"/>
      <c r="J46" s="2210"/>
      <c r="K46" s="2210"/>
      <c r="L46" s="2211"/>
    </row>
    <row r="47" spans="1:12" ht="30" customHeight="1" x14ac:dyDescent="0.2">
      <c r="A47" s="1626"/>
      <c r="B47" s="2247">
        <v>3</v>
      </c>
      <c r="C47" s="2267" t="s">
        <v>793</v>
      </c>
      <c r="D47" s="256" t="s">
        <v>792</v>
      </c>
      <c r="E47" s="2203" t="s">
        <v>330</v>
      </c>
      <c r="F47" s="2204"/>
      <c r="G47" s="2204"/>
      <c r="H47" s="2204"/>
      <c r="I47" s="2204"/>
      <c r="J47" s="2204"/>
      <c r="K47" s="2204"/>
      <c r="L47" s="2205"/>
    </row>
    <row r="48" spans="1:12" ht="30" customHeight="1" thickBot="1" x14ac:dyDescent="0.25">
      <c r="A48" s="1653"/>
      <c r="B48" s="2266"/>
      <c r="C48" s="2268"/>
      <c r="D48" s="257" t="s">
        <v>791</v>
      </c>
      <c r="E48" s="1658" t="s">
        <v>809</v>
      </c>
      <c r="F48" s="1659"/>
      <c r="G48" s="1659"/>
      <c r="H48" s="1659"/>
      <c r="I48" s="1659"/>
      <c r="J48" s="1659"/>
      <c r="K48" s="1659"/>
      <c r="L48" s="1660"/>
    </row>
    <row r="49" spans="1:12" ht="21" customHeight="1" x14ac:dyDescent="0.2">
      <c r="A49" s="2269" t="s">
        <v>319</v>
      </c>
      <c r="B49" s="2269"/>
      <c r="C49" s="2269"/>
      <c r="D49" s="2269"/>
      <c r="E49" s="2269"/>
      <c r="F49" s="2269"/>
      <c r="G49" s="2269"/>
      <c r="H49" s="2269"/>
      <c r="I49" s="2269"/>
      <c r="J49" s="2269"/>
      <c r="K49" s="2269"/>
      <c r="L49" s="2269"/>
    </row>
    <row r="50" spans="1:12" ht="25.5" customHeight="1" x14ac:dyDescent="0.2">
      <c r="A50" s="1650" t="s">
        <v>790</v>
      </c>
      <c r="B50" s="1650"/>
      <c r="C50" s="1650"/>
      <c r="D50" s="1650"/>
      <c r="E50" s="1650"/>
      <c r="F50" s="1650"/>
      <c r="G50" s="1650"/>
      <c r="H50" s="1650"/>
      <c r="I50" s="1650"/>
      <c r="J50" s="1650"/>
      <c r="K50" s="1650"/>
      <c r="L50" s="1650"/>
    </row>
    <row r="51" spans="1:12" ht="39.75" customHeight="1" x14ac:dyDescent="0.2">
      <c r="A51" s="1650" t="s">
        <v>789</v>
      </c>
      <c r="B51" s="1650"/>
      <c r="C51" s="1650"/>
      <c r="D51" s="1650"/>
      <c r="E51" s="1650"/>
      <c r="F51" s="1650"/>
      <c r="G51" s="1650"/>
      <c r="H51" s="1650"/>
      <c r="I51" s="1650"/>
      <c r="J51" s="1650"/>
      <c r="K51" s="1650"/>
      <c r="L51" s="1650"/>
    </row>
    <row r="52" spans="1:12" ht="35.25" customHeight="1" x14ac:dyDescent="0.2">
      <c r="A52" s="1650" t="s">
        <v>788</v>
      </c>
      <c r="B52" s="1650"/>
      <c r="C52" s="1650"/>
      <c r="D52" s="1650"/>
      <c r="E52" s="1650"/>
      <c r="F52" s="1650"/>
      <c r="G52" s="1650"/>
      <c r="H52" s="1650"/>
      <c r="I52" s="1650"/>
      <c r="J52" s="1650"/>
      <c r="K52" s="1650"/>
      <c r="L52" s="1650"/>
    </row>
    <row r="53" spans="1:12" ht="24.75" customHeight="1" x14ac:dyDescent="0.2">
      <c r="A53" s="1650" t="s">
        <v>787</v>
      </c>
      <c r="B53" s="1650"/>
      <c r="C53" s="1650"/>
      <c r="D53" s="1650"/>
      <c r="E53" s="1650"/>
      <c r="F53" s="1650"/>
      <c r="G53" s="1650"/>
      <c r="H53" s="1650"/>
      <c r="I53" s="1650"/>
      <c r="J53" s="1650"/>
      <c r="K53" s="1650"/>
      <c r="L53" s="1650"/>
    </row>
    <row r="54" spans="1:12" ht="21" customHeight="1" x14ac:dyDescent="0.2">
      <c r="A54" s="2271" t="s">
        <v>435</v>
      </c>
      <c r="B54" s="2271"/>
      <c r="C54" s="2271"/>
      <c r="D54" s="2271"/>
      <c r="E54" s="2271"/>
      <c r="F54" s="2271"/>
      <c r="G54" s="2271"/>
      <c r="H54" s="2271"/>
      <c r="I54" s="2271"/>
      <c r="J54" s="2271"/>
      <c r="K54" s="2271"/>
      <c r="L54" s="2271"/>
    </row>
    <row r="55" spans="1:12" ht="13.5" customHeight="1" x14ac:dyDescent="0.2">
      <c r="A55" s="2271" t="s">
        <v>320</v>
      </c>
      <c r="B55" s="2271"/>
      <c r="C55" s="2271"/>
      <c r="D55" s="2271"/>
      <c r="E55" s="2271"/>
      <c r="F55" s="2271"/>
      <c r="G55" s="2271"/>
      <c r="H55" s="2271"/>
      <c r="I55" s="2271"/>
      <c r="J55" s="2271"/>
      <c r="K55" s="2271"/>
      <c r="L55" s="2271"/>
    </row>
    <row r="56" spans="1:12" x14ac:dyDescent="0.2">
      <c r="A56" s="2270" t="s">
        <v>786</v>
      </c>
      <c r="B56" s="2270"/>
      <c r="C56" s="2270"/>
      <c r="D56" s="2270"/>
      <c r="E56" s="2270"/>
      <c r="F56" s="2270"/>
      <c r="G56" s="2270"/>
      <c r="H56" s="2270"/>
      <c r="I56" s="2270"/>
      <c r="J56" s="2270"/>
      <c r="K56" s="2270"/>
      <c r="L56" s="2270"/>
    </row>
    <row r="57" spans="1:12" x14ac:dyDescent="0.2">
      <c r="A57" s="1651" t="s">
        <v>785</v>
      </c>
      <c r="B57" s="2270"/>
      <c r="C57" s="2270"/>
      <c r="D57" s="2270"/>
      <c r="E57" s="2270"/>
      <c r="F57" s="2270"/>
      <c r="G57" s="2270"/>
      <c r="H57" s="2270"/>
      <c r="I57" s="2270"/>
      <c r="J57" s="2270"/>
      <c r="K57" s="2270"/>
      <c r="L57" s="2270"/>
    </row>
    <row r="58" spans="1:12" x14ac:dyDescent="0.2">
      <c r="A58" s="464" t="s">
        <v>784</v>
      </c>
    </row>
  </sheetData>
  <customSheetViews>
    <customSheetView guid="{FA98832E-F01A-4598-9960-E27C2FDAB118}" scale="80" showPageBreaks="1" printArea="1" view="pageBreakPreview">
      <selection activeCell="J20" sqref="J20"/>
      <pageMargins left="0.7" right="0.7" top="0.75" bottom="0.75" header="0.3" footer="0.3"/>
      <pageSetup paperSize="9" scale="58" orientation="portrait" r:id="rId1"/>
    </customSheetView>
    <customSheetView guid="{8494577A-77FB-45FD-BD2B-C737BCFAD5B3}" scale="80" showPageBreaks="1" printArea="1" view="pageBreakPreview">
      <selection activeCell="J20" sqref="J20"/>
      <pageMargins left="0.7" right="0.7" top="0.75" bottom="0.75" header="0.3" footer="0.3"/>
      <pageSetup paperSize="9" scale="58" orientation="portrait" r:id="rId2"/>
    </customSheetView>
  </customSheetViews>
  <mergeCells count="104">
    <mergeCell ref="B47:B48"/>
    <mergeCell ref="C47:C48"/>
    <mergeCell ref="E47:L47"/>
    <mergeCell ref="E48:L48"/>
    <mergeCell ref="A49:L49"/>
    <mergeCell ref="A50:L50"/>
    <mergeCell ref="A57:L57"/>
    <mergeCell ref="A51:L51"/>
    <mergeCell ref="A52:L52"/>
    <mergeCell ref="A53:L53"/>
    <mergeCell ref="A54:L54"/>
    <mergeCell ref="A55:L55"/>
    <mergeCell ref="A56:L56"/>
    <mergeCell ref="A40:A48"/>
    <mergeCell ref="B40:B44"/>
    <mergeCell ref="C40:C44"/>
    <mergeCell ref="E40:F40"/>
    <mergeCell ref="H40:I40"/>
    <mergeCell ref="C45:C46"/>
    <mergeCell ref="E45:L45"/>
    <mergeCell ref="E46:L46"/>
    <mergeCell ref="L40:L44"/>
    <mergeCell ref="K41:K42"/>
    <mergeCell ref="K43:K44"/>
    <mergeCell ref="E24:L24"/>
    <mergeCell ref="E25:L25"/>
    <mergeCell ref="E26:L26"/>
    <mergeCell ref="A36:A39"/>
    <mergeCell ref="D36:E36"/>
    <mergeCell ref="F36:G36"/>
    <mergeCell ref="D43:D44"/>
    <mergeCell ref="E43:F43"/>
    <mergeCell ref="H43:I43"/>
    <mergeCell ref="D38:E38"/>
    <mergeCell ref="F38:G38"/>
    <mergeCell ref="H38:I38"/>
    <mergeCell ref="D41:D42"/>
    <mergeCell ref="E41:F41"/>
    <mergeCell ref="H41:I41"/>
    <mergeCell ref="E42:F42"/>
    <mergeCell ref="H42:I42"/>
    <mergeCell ref="E44:F44"/>
    <mergeCell ref="H44:I44"/>
    <mergeCell ref="D15:E15"/>
    <mergeCell ref="D16:E16"/>
    <mergeCell ref="B17:B21"/>
    <mergeCell ref="C17:C21"/>
    <mergeCell ref="B45:B46"/>
    <mergeCell ref="E17:L17"/>
    <mergeCell ref="E18:L18"/>
    <mergeCell ref="E19:L19"/>
    <mergeCell ref="E20:L20"/>
    <mergeCell ref="B32:B33"/>
    <mergeCell ref="C32:C33"/>
    <mergeCell ref="H36:I36"/>
    <mergeCell ref="J36:K36"/>
    <mergeCell ref="L36:L38"/>
    <mergeCell ref="D37:E37"/>
    <mergeCell ref="F37:G37"/>
    <mergeCell ref="H37:I37"/>
    <mergeCell ref="J37:K37"/>
    <mergeCell ref="J38:K38"/>
    <mergeCell ref="D39:L39"/>
    <mergeCell ref="B22:B26"/>
    <mergeCell ref="C22:C26"/>
    <mergeCell ref="E22:L22"/>
    <mergeCell ref="E23:L23"/>
    <mergeCell ref="E21:L21"/>
    <mergeCell ref="A8:A35"/>
    <mergeCell ref="D8:L8"/>
    <mergeCell ref="D32:L33"/>
    <mergeCell ref="B34:B35"/>
    <mergeCell ref="C34:C35"/>
    <mergeCell ref="D34:L35"/>
    <mergeCell ref="I6:L7"/>
    <mergeCell ref="D7:G7"/>
    <mergeCell ref="D13:E13"/>
    <mergeCell ref="E31:L31"/>
    <mergeCell ref="B9:B16"/>
    <mergeCell ref="C9:C16"/>
    <mergeCell ref="D9:E10"/>
    <mergeCell ref="F9:F10"/>
    <mergeCell ref="G9:K9"/>
    <mergeCell ref="L9:L10"/>
    <mergeCell ref="D11:E11"/>
    <mergeCell ref="B27:B31"/>
    <mergeCell ref="C27:C31"/>
    <mergeCell ref="E27:L27"/>
    <mergeCell ref="E28:L28"/>
    <mergeCell ref="E29:L29"/>
    <mergeCell ref="E30:L30"/>
    <mergeCell ref="A1:L1"/>
    <mergeCell ref="A2:L2"/>
    <mergeCell ref="A3:C3"/>
    <mergeCell ref="D3:L3"/>
    <mergeCell ref="A4:C4"/>
    <mergeCell ref="D4:L4"/>
    <mergeCell ref="D14:E14"/>
    <mergeCell ref="A5:C5"/>
    <mergeCell ref="D5:L5"/>
    <mergeCell ref="A6:B7"/>
    <mergeCell ref="D6:G6"/>
    <mergeCell ref="H6:H7"/>
    <mergeCell ref="D12:E12"/>
  </mergeCells>
  <phoneticPr fontId="6"/>
  <pageMargins left="0.7" right="0.7" top="0.75" bottom="0.75" header="0.3" footer="0.3"/>
  <pageSetup paperSize="9" scale="58" orientation="portrait" r:id="rId3"/>
  <drawing r:id="rId4"/>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5"/>
  <sheetViews>
    <sheetView view="pageBreakPreview" zoomScale="60" zoomScaleNormal="100" workbookViewId="0">
      <selection activeCell="J20" sqref="J20"/>
    </sheetView>
  </sheetViews>
  <sheetFormatPr defaultRowHeight="13.2" x14ac:dyDescent="0.2"/>
  <cols>
    <col min="1" max="1" width="3.77734375" style="56" customWidth="1"/>
    <col min="2" max="2" width="20.33203125" style="56" customWidth="1"/>
    <col min="3" max="3" width="3.88671875" style="56" bestFit="1" customWidth="1"/>
    <col min="4" max="7" width="16.33203125" style="56" customWidth="1"/>
    <col min="8" max="8" width="3.77734375" style="56" customWidth="1"/>
    <col min="9" max="9" width="2.44140625" style="56" customWidth="1"/>
    <col min="10" max="256" width="9" style="56"/>
    <col min="257" max="257" width="3.77734375" style="56" customWidth="1"/>
    <col min="258" max="258" width="20.33203125" style="56" customWidth="1"/>
    <col min="259" max="259" width="3.88671875" style="56" bestFit="1" customWidth="1"/>
    <col min="260" max="263" width="16.33203125" style="56" customWidth="1"/>
    <col min="264" max="264" width="3.77734375" style="56" customWidth="1"/>
    <col min="265" max="265" width="2.44140625" style="56" customWidth="1"/>
    <col min="266" max="512" width="9" style="56"/>
    <col min="513" max="513" width="3.77734375" style="56" customWidth="1"/>
    <col min="514" max="514" width="20.33203125" style="56" customWidth="1"/>
    <col min="515" max="515" width="3.88671875" style="56" bestFit="1" customWidth="1"/>
    <col min="516" max="519" width="16.33203125" style="56" customWidth="1"/>
    <col min="520" max="520" width="3.77734375" style="56" customWidth="1"/>
    <col min="521" max="521" width="2.44140625" style="56" customWidth="1"/>
    <col min="522" max="768" width="9" style="56"/>
    <col min="769" max="769" width="3.77734375" style="56" customWidth="1"/>
    <col min="770" max="770" width="20.33203125" style="56" customWidth="1"/>
    <col min="771" max="771" width="3.88671875" style="56" bestFit="1" customWidth="1"/>
    <col min="772" max="775" width="16.33203125" style="56" customWidth="1"/>
    <col min="776" max="776" width="3.77734375" style="56" customWidth="1"/>
    <col min="777" max="777" width="2.44140625" style="56" customWidth="1"/>
    <col min="778" max="1024" width="9" style="56"/>
    <col min="1025" max="1025" width="3.77734375" style="56" customWidth="1"/>
    <col min="1026" max="1026" width="20.33203125" style="56" customWidth="1"/>
    <col min="1027" max="1027" width="3.88671875" style="56" bestFit="1" customWidth="1"/>
    <col min="1028" max="1031" width="16.33203125" style="56" customWidth="1"/>
    <col min="1032" max="1032" width="3.77734375" style="56" customWidth="1"/>
    <col min="1033" max="1033" width="2.44140625" style="56" customWidth="1"/>
    <col min="1034" max="1280" width="9" style="56"/>
    <col min="1281" max="1281" width="3.77734375" style="56" customWidth="1"/>
    <col min="1282" max="1282" width="20.33203125" style="56" customWidth="1"/>
    <col min="1283" max="1283" width="3.88671875" style="56" bestFit="1" customWidth="1"/>
    <col min="1284" max="1287" width="16.33203125" style="56" customWidth="1"/>
    <col min="1288" max="1288" width="3.77734375" style="56" customWidth="1"/>
    <col min="1289" max="1289" width="2.44140625" style="56" customWidth="1"/>
    <col min="1290" max="1536" width="9" style="56"/>
    <col min="1537" max="1537" width="3.77734375" style="56" customWidth="1"/>
    <col min="1538" max="1538" width="20.33203125" style="56" customWidth="1"/>
    <col min="1539" max="1539" width="3.88671875" style="56" bestFit="1" customWidth="1"/>
    <col min="1540" max="1543" width="16.33203125" style="56" customWidth="1"/>
    <col min="1544" max="1544" width="3.77734375" style="56" customWidth="1"/>
    <col min="1545" max="1545" width="2.44140625" style="56" customWidth="1"/>
    <col min="1546" max="1792" width="9" style="56"/>
    <col min="1793" max="1793" width="3.77734375" style="56" customWidth="1"/>
    <col min="1794" max="1794" width="20.33203125" style="56" customWidth="1"/>
    <col min="1795" max="1795" width="3.88671875" style="56" bestFit="1" customWidth="1"/>
    <col min="1796" max="1799" width="16.33203125" style="56" customWidth="1"/>
    <col min="1800" max="1800" width="3.77734375" style="56" customWidth="1"/>
    <col min="1801" max="1801" width="2.44140625" style="56" customWidth="1"/>
    <col min="1802" max="2048" width="9" style="56"/>
    <col min="2049" max="2049" width="3.77734375" style="56" customWidth="1"/>
    <col min="2050" max="2050" width="20.33203125" style="56" customWidth="1"/>
    <col min="2051" max="2051" width="3.88671875" style="56" bestFit="1" customWidth="1"/>
    <col min="2052" max="2055" width="16.33203125" style="56" customWidth="1"/>
    <col min="2056" max="2056" width="3.77734375" style="56" customWidth="1"/>
    <col min="2057" max="2057" width="2.44140625" style="56" customWidth="1"/>
    <col min="2058" max="2304" width="9" style="56"/>
    <col min="2305" max="2305" width="3.77734375" style="56" customWidth="1"/>
    <col min="2306" max="2306" width="20.33203125" style="56" customWidth="1"/>
    <col min="2307" max="2307" width="3.88671875" style="56" bestFit="1" customWidth="1"/>
    <col min="2308" max="2311" width="16.33203125" style="56" customWidth="1"/>
    <col min="2312" max="2312" width="3.77734375" style="56" customWidth="1"/>
    <col min="2313" max="2313" width="2.44140625" style="56" customWidth="1"/>
    <col min="2314" max="2560" width="9" style="56"/>
    <col min="2561" max="2561" width="3.77734375" style="56" customWidth="1"/>
    <col min="2562" max="2562" width="20.33203125" style="56" customWidth="1"/>
    <col min="2563" max="2563" width="3.88671875" style="56" bestFit="1" customWidth="1"/>
    <col min="2564" max="2567" width="16.33203125" style="56" customWidth="1"/>
    <col min="2568" max="2568" width="3.77734375" style="56" customWidth="1"/>
    <col min="2569" max="2569" width="2.44140625" style="56" customWidth="1"/>
    <col min="2570" max="2816" width="9" style="56"/>
    <col min="2817" max="2817" width="3.77734375" style="56" customWidth="1"/>
    <col min="2818" max="2818" width="20.33203125" style="56" customWidth="1"/>
    <col min="2819" max="2819" width="3.88671875" style="56" bestFit="1" customWidth="1"/>
    <col min="2820" max="2823" width="16.33203125" style="56" customWidth="1"/>
    <col min="2824" max="2824" width="3.77734375" style="56" customWidth="1"/>
    <col min="2825" max="2825" width="2.44140625" style="56" customWidth="1"/>
    <col min="2826" max="3072" width="9" style="56"/>
    <col min="3073" max="3073" width="3.77734375" style="56" customWidth="1"/>
    <col min="3074" max="3074" width="20.33203125" style="56" customWidth="1"/>
    <col min="3075" max="3075" width="3.88671875" style="56" bestFit="1" customWidth="1"/>
    <col min="3076" max="3079" width="16.33203125" style="56" customWidth="1"/>
    <col min="3080" max="3080" width="3.77734375" style="56" customWidth="1"/>
    <col min="3081" max="3081" width="2.44140625" style="56" customWidth="1"/>
    <col min="3082" max="3328" width="9" style="56"/>
    <col min="3329" max="3329" width="3.77734375" style="56" customWidth="1"/>
    <col min="3330" max="3330" width="20.33203125" style="56" customWidth="1"/>
    <col min="3331" max="3331" width="3.88671875" style="56" bestFit="1" customWidth="1"/>
    <col min="3332" max="3335" width="16.33203125" style="56" customWidth="1"/>
    <col min="3336" max="3336" width="3.77734375" style="56" customWidth="1"/>
    <col min="3337" max="3337" width="2.44140625" style="56" customWidth="1"/>
    <col min="3338" max="3584" width="9" style="56"/>
    <col min="3585" max="3585" width="3.77734375" style="56" customWidth="1"/>
    <col min="3586" max="3586" width="20.33203125" style="56" customWidth="1"/>
    <col min="3587" max="3587" width="3.88671875" style="56" bestFit="1" customWidth="1"/>
    <col min="3588" max="3591" width="16.33203125" style="56" customWidth="1"/>
    <col min="3592" max="3592" width="3.77734375" style="56" customWidth="1"/>
    <col min="3593" max="3593" width="2.44140625" style="56" customWidth="1"/>
    <col min="3594" max="3840" width="9" style="56"/>
    <col min="3841" max="3841" width="3.77734375" style="56" customWidth="1"/>
    <col min="3842" max="3842" width="20.33203125" style="56" customWidth="1"/>
    <col min="3843" max="3843" width="3.88671875" style="56" bestFit="1" customWidth="1"/>
    <col min="3844" max="3847" width="16.33203125" style="56" customWidth="1"/>
    <col min="3848" max="3848" width="3.77734375" style="56" customWidth="1"/>
    <col min="3849" max="3849" width="2.44140625" style="56" customWidth="1"/>
    <col min="3850" max="4096" width="9" style="56"/>
    <col min="4097" max="4097" width="3.77734375" style="56" customWidth="1"/>
    <col min="4098" max="4098" width="20.33203125" style="56" customWidth="1"/>
    <col min="4099" max="4099" width="3.88671875" style="56" bestFit="1" customWidth="1"/>
    <col min="4100" max="4103" width="16.33203125" style="56" customWidth="1"/>
    <col min="4104" max="4104" width="3.77734375" style="56" customWidth="1"/>
    <col min="4105" max="4105" width="2.44140625" style="56" customWidth="1"/>
    <col min="4106" max="4352" width="9" style="56"/>
    <col min="4353" max="4353" width="3.77734375" style="56" customWidth="1"/>
    <col min="4354" max="4354" width="20.33203125" style="56" customWidth="1"/>
    <col min="4355" max="4355" width="3.88671875" style="56" bestFit="1" customWidth="1"/>
    <col min="4356" max="4359" width="16.33203125" style="56" customWidth="1"/>
    <col min="4360" max="4360" width="3.77734375" style="56" customWidth="1"/>
    <col min="4361" max="4361" width="2.44140625" style="56" customWidth="1"/>
    <col min="4362" max="4608" width="9" style="56"/>
    <col min="4609" max="4609" width="3.77734375" style="56" customWidth="1"/>
    <col min="4610" max="4610" width="20.33203125" style="56" customWidth="1"/>
    <col min="4611" max="4611" width="3.88671875" style="56" bestFit="1" customWidth="1"/>
    <col min="4612" max="4615" width="16.33203125" style="56" customWidth="1"/>
    <col min="4616" max="4616" width="3.77734375" style="56" customWidth="1"/>
    <col min="4617" max="4617" width="2.44140625" style="56" customWidth="1"/>
    <col min="4618" max="4864" width="9" style="56"/>
    <col min="4865" max="4865" width="3.77734375" style="56" customWidth="1"/>
    <col min="4866" max="4866" width="20.33203125" style="56" customWidth="1"/>
    <col min="4867" max="4867" width="3.88671875" style="56" bestFit="1" customWidth="1"/>
    <col min="4868" max="4871" width="16.33203125" style="56" customWidth="1"/>
    <col min="4872" max="4872" width="3.77734375" style="56" customWidth="1"/>
    <col min="4873" max="4873" width="2.44140625" style="56" customWidth="1"/>
    <col min="4874" max="5120" width="9" style="56"/>
    <col min="5121" max="5121" width="3.77734375" style="56" customWidth="1"/>
    <col min="5122" max="5122" width="20.33203125" style="56" customWidth="1"/>
    <col min="5123" max="5123" width="3.88671875" style="56" bestFit="1" customWidth="1"/>
    <col min="5124" max="5127" width="16.33203125" style="56" customWidth="1"/>
    <col min="5128" max="5128" width="3.77734375" style="56" customWidth="1"/>
    <col min="5129" max="5129" width="2.44140625" style="56" customWidth="1"/>
    <col min="5130" max="5376" width="9" style="56"/>
    <col min="5377" max="5377" width="3.77734375" style="56" customWidth="1"/>
    <col min="5378" max="5378" width="20.33203125" style="56" customWidth="1"/>
    <col min="5379" max="5379" width="3.88671875" style="56" bestFit="1" customWidth="1"/>
    <col min="5380" max="5383" width="16.33203125" style="56" customWidth="1"/>
    <col min="5384" max="5384" width="3.77734375" style="56" customWidth="1"/>
    <col min="5385" max="5385" width="2.44140625" style="56" customWidth="1"/>
    <col min="5386" max="5632" width="9" style="56"/>
    <col min="5633" max="5633" width="3.77734375" style="56" customWidth="1"/>
    <col min="5634" max="5634" width="20.33203125" style="56" customWidth="1"/>
    <col min="5635" max="5635" width="3.88671875" style="56" bestFit="1" customWidth="1"/>
    <col min="5636" max="5639" width="16.33203125" style="56" customWidth="1"/>
    <col min="5640" max="5640" width="3.77734375" style="56" customWidth="1"/>
    <col min="5641" max="5641" width="2.44140625" style="56" customWidth="1"/>
    <col min="5642" max="5888" width="9" style="56"/>
    <col min="5889" max="5889" width="3.77734375" style="56" customWidth="1"/>
    <col min="5890" max="5890" width="20.33203125" style="56" customWidth="1"/>
    <col min="5891" max="5891" width="3.88671875" style="56" bestFit="1" customWidth="1"/>
    <col min="5892" max="5895" width="16.33203125" style="56" customWidth="1"/>
    <col min="5896" max="5896" width="3.77734375" style="56" customWidth="1"/>
    <col min="5897" max="5897" width="2.44140625" style="56" customWidth="1"/>
    <col min="5898" max="6144" width="9" style="56"/>
    <col min="6145" max="6145" width="3.77734375" style="56" customWidth="1"/>
    <col min="6146" max="6146" width="20.33203125" style="56" customWidth="1"/>
    <col min="6147" max="6147" width="3.88671875" style="56" bestFit="1" customWidth="1"/>
    <col min="6148" max="6151" width="16.33203125" style="56" customWidth="1"/>
    <col min="6152" max="6152" width="3.77734375" style="56" customWidth="1"/>
    <col min="6153" max="6153" width="2.44140625" style="56" customWidth="1"/>
    <col min="6154" max="6400" width="9" style="56"/>
    <col min="6401" max="6401" width="3.77734375" style="56" customWidth="1"/>
    <col min="6402" max="6402" width="20.33203125" style="56" customWidth="1"/>
    <col min="6403" max="6403" width="3.88671875" style="56" bestFit="1" customWidth="1"/>
    <col min="6404" max="6407" width="16.33203125" style="56" customWidth="1"/>
    <col min="6408" max="6408" width="3.77734375" style="56" customWidth="1"/>
    <col min="6409" max="6409" width="2.44140625" style="56" customWidth="1"/>
    <col min="6410" max="6656" width="9" style="56"/>
    <col min="6657" max="6657" width="3.77734375" style="56" customWidth="1"/>
    <col min="6658" max="6658" width="20.33203125" style="56" customWidth="1"/>
    <col min="6659" max="6659" width="3.88671875" style="56" bestFit="1" customWidth="1"/>
    <col min="6660" max="6663" width="16.33203125" style="56" customWidth="1"/>
    <col min="6664" max="6664" width="3.77734375" style="56" customWidth="1"/>
    <col min="6665" max="6665" width="2.44140625" style="56" customWidth="1"/>
    <col min="6666" max="6912" width="9" style="56"/>
    <col min="6913" max="6913" width="3.77734375" style="56" customWidth="1"/>
    <col min="6914" max="6914" width="20.33203125" style="56" customWidth="1"/>
    <col min="6915" max="6915" width="3.88671875" style="56" bestFit="1" customWidth="1"/>
    <col min="6916" max="6919" width="16.33203125" style="56" customWidth="1"/>
    <col min="6920" max="6920" width="3.77734375" style="56" customWidth="1"/>
    <col min="6921" max="6921" width="2.44140625" style="56" customWidth="1"/>
    <col min="6922" max="7168" width="9" style="56"/>
    <col min="7169" max="7169" width="3.77734375" style="56" customWidth="1"/>
    <col min="7170" max="7170" width="20.33203125" style="56" customWidth="1"/>
    <col min="7171" max="7171" width="3.88671875" style="56" bestFit="1" customWidth="1"/>
    <col min="7172" max="7175" width="16.33203125" style="56" customWidth="1"/>
    <col min="7176" max="7176" width="3.77734375" style="56" customWidth="1"/>
    <col min="7177" max="7177" width="2.44140625" style="56" customWidth="1"/>
    <col min="7178" max="7424" width="9" style="56"/>
    <col min="7425" max="7425" width="3.77734375" style="56" customWidth="1"/>
    <col min="7426" max="7426" width="20.33203125" style="56" customWidth="1"/>
    <col min="7427" max="7427" width="3.88671875" style="56" bestFit="1" customWidth="1"/>
    <col min="7428" max="7431" width="16.33203125" style="56" customWidth="1"/>
    <col min="7432" max="7432" width="3.77734375" style="56" customWidth="1"/>
    <col min="7433" max="7433" width="2.44140625" style="56" customWidth="1"/>
    <col min="7434" max="7680" width="9" style="56"/>
    <col min="7681" max="7681" width="3.77734375" style="56" customWidth="1"/>
    <col min="7682" max="7682" width="20.33203125" style="56" customWidth="1"/>
    <col min="7683" max="7683" width="3.88671875" style="56" bestFit="1" customWidth="1"/>
    <col min="7684" max="7687" width="16.33203125" style="56" customWidth="1"/>
    <col min="7688" max="7688" width="3.77734375" style="56" customWidth="1"/>
    <col min="7689" max="7689" width="2.44140625" style="56" customWidth="1"/>
    <col min="7690" max="7936" width="9" style="56"/>
    <col min="7937" max="7937" width="3.77734375" style="56" customWidth="1"/>
    <col min="7938" max="7938" width="20.33203125" style="56" customWidth="1"/>
    <col min="7939" max="7939" width="3.88671875" style="56" bestFit="1" customWidth="1"/>
    <col min="7940" max="7943" width="16.33203125" style="56" customWidth="1"/>
    <col min="7944" max="7944" width="3.77734375" style="56" customWidth="1"/>
    <col min="7945" max="7945" width="2.44140625" style="56" customWidth="1"/>
    <col min="7946" max="8192" width="9" style="56"/>
    <col min="8193" max="8193" width="3.77734375" style="56" customWidth="1"/>
    <col min="8194" max="8194" width="20.33203125" style="56" customWidth="1"/>
    <col min="8195" max="8195" width="3.88671875" style="56" bestFit="1" customWidth="1"/>
    <col min="8196" max="8199" width="16.33203125" style="56" customWidth="1"/>
    <col min="8200" max="8200" width="3.77734375" style="56" customWidth="1"/>
    <col min="8201" max="8201" width="2.44140625" style="56" customWidth="1"/>
    <col min="8202" max="8448" width="9" style="56"/>
    <col min="8449" max="8449" width="3.77734375" style="56" customWidth="1"/>
    <col min="8450" max="8450" width="20.33203125" style="56" customWidth="1"/>
    <col min="8451" max="8451" width="3.88671875" style="56" bestFit="1" customWidth="1"/>
    <col min="8452" max="8455" width="16.33203125" style="56" customWidth="1"/>
    <col min="8456" max="8456" width="3.77734375" style="56" customWidth="1"/>
    <col min="8457" max="8457" width="2.44140625" style="56" customWidth="1"/>
    <col min="8458" max="8704" width="9" style="56"/>
    <col min="8705" max="8705" width="3.77734375" style="56" customWidth="1"/>
    <col min="8706" max="8706" width="20.33203125" style="56" customWidth="1"/>
    <col min="8707" max="8707" width="3.88671875" style="56" bestFit="1" customWidth="1"/>
    <col min="8708" max="8711" width="16.33203125" style="56" customWidth="1"/>
    <col min="8712" max="8712" width="3.77734375" style="56" customWidth="1"/>
    <col min="8713" max="8713" width="2.44140625" style="56" customWidth="1"/>
    <col min="8714" max="8960" width="9" style="56"/>
    <col min="8961" max="8961" width="3.77734375" style="56" customWidth="1"/>
    <col min="8962" max="8962" width="20.33203125" style="56" customWidth="1"/>
    <col min="8963" max="8963" width="3.88671875" style="56" bestFit="1" customWidth="1"/>
    <col min="8964" max="8967" width="16.33203125" style="56" customWidth="1"/>
    <col min="8968" max="8968" width="3.77734375" style="56" customWidth="1"/>
    <col min="8969" max="8969" width="2.44140625" style="56" customWidth="1"/>
    <col min="8970" max="9216" width="9" style="56"/>
    <col min="9217" max="9217" width="3.77734375" style="56" customWidth="1"/>
    <col min="9218" max="9218" width="20.33203125" style="56" customWidth="1"/>
    <col min="9219" max="9219" width="3.88671875" style="56" bestFit="1" customWidth="1"/>
    <col min="9220" max="9223" width="16.33203125" style="56" customWidth="1"/>
    <col min="9224" max="9224" width="3.77734375" style="56" customWidth="1"/>
    <col min="9225" max="9225" width="2.44140625" style="56" customWidth="1"/>
    <col min="9226" max="9472" width="9" style="56"/>
    <col min="9473" max="9473" width="3.77734375" style="56" customWidth="1"/>
    <col min="9474" max="9474" width="20.33203125" style="56" customWidth="1"/>
    <col min="9475" max="9475" width="3.88671875" style="56" bestFit="1" customWidth="1"/>
    <col min="9476" max="9479" width="16.33203125" style="56" customWidth="1"/>
    <col min="9480" max="9480" width="3.77734375" style="56" customWidth="1"/>
    <col min="9481" max="9481" width="2.44140625" style="56" customWidth="1"/>
    <col min="9482" max="9728" width="9" style="56"/>
    <col min="9729" max="9729" width="3.77734375" style="56" customWidth="1"/>
    <col min="9730" max="9730" width="20.33203125" style="56" customWidth="1"/>
    <col min="9731" max="9731" width="3.88671875" style="56" bestFit="1" customWidth="1"/>
    <col min="9732" max="9735" width="16.33203125" style="56" customWidth="1"/>
    <col min="9736" max="9736" width="3.77734375" style="56" customWidth="1"/>
    <col min="9737" max="9737" width="2.44140625" style="56" customWidth="1"/>
    <col min="9738" max="9984" width="9" style="56"/>
    <col min="9985" max="9985" width="3.77734375" style="56" customWidth="1"/>
    <col min="9986" max="9986" width="20.33203125" style="56" customWidth="1"/>
    <col min="9987" max="9987" width="3.88671875" style="56" bestFit="1" customWidth="1"/>
    <col min="9988" max="9991" width="16.33203125" style="56" customWidth="1"/>
    <col min="9992" max="9992" width="3.77734375" style="56" customWidth="1"/>
    <col min="9993" max="9993" width="2.44140625" style="56" customWidth="1"/>
    <col min="9994" max="10240" width="9" style="56"/>
    <col min="10241" max="10241" width="3.77734375" style="56" customWidth="1"/>
    <col min="10242" max="10242" width="20.33203125" style="56" customWidth="1"/>
    <col min="10243" max="10243" width="3.88671875" style="56" bestFit="1" customWidth="1"/>
    <col min="10244" max="10247" width="16.33203125" style="56" customWidth="1"/>
    <col min="10248" max="10248" width="3.77734375" style="56" customWidth="1"/>
    <col min="10249" max="10249" width="2.44140625" style="56" customWidth="1"/>
    <col min="10250" max="10496" width="9" style="56"/>
    <col min="10497" max="10497" width="3.77734375" style="56" customWidth="1"/>
    <col min="10498" max="10498" width="20.33203125" style="56" customWidth="1"/>
    <col min="10499" max="10499" width="3.88671875" style="56" bestFit="1" customWidth="1"/>
    <col min="10500" max="10503" width="16.33203125" style="56" customWidth="1"/>
    <col min="10504" max="10504" width="3.77734375" style="56" customWidth="1"/>
    <col min="10505" max="10505" width="2.44140625" style="56" customWidth="1"/>
    <col min="10506" max="10752" width="9" style="56"/>
    <col min="10753" max="10753" width="3.77734375" style="56" customWidth="1"/>
    <col min="10754" max="10754" width="20.33203125" style="56" customWidth="1"/>
    <col min="10755" max="10755" width="3.88671875" style="56" bestFit="1" customWidth="1"/>
    <col min="10756" max="10759" width="16.33203125" style="56" customWidth="1"/>
    <col min="10760" max="10760" width="3.77734375" style="56" customWidth="1"/>
    <col min="10761" max="10761" width="2.44140625" style="56" customWidth="1"/>
    <col min="10762" max="11008" width="9" style="56"/>
    <col min="11009" max="11009" width="3.77734375" style="56" customWidth="1"/>
    <col min="11010" max="11010" width="20.33203125" style="56" customWidth="1"/>
    <col min="11011" max="11011" width="3.88671875" style="56" bestFit="1" customWidth="1"/>
    <col min="11012" max="11015" width="16.33203125" style="56" customWidth="1"/>
    <col min="11016" max="11016" width="3.77734375" style="56" customWidth="1"/>
    <col min="11017" max="11017" width="2.44140625" style="56" customWidth="1"/>
    <col min="11018" max="11264" width="9" style="56"/>
    <col min="11265" max="11265" width="3.77734375" style="56" customWidth="1"/>
    <col min="11266" max="11266" width="20.33203125" style="56" customWidth="1"/>
    <col min="11267" max="11267" width="3.88671875" style="56" bestFit="1" customWidth="1"/>
    <col min="11268" max="11271" width="16.33203125" style="56" customWidth="1"/>
    <col min="11272" max="11272" width="3.77734375" style="56" customWidth="1"/>
    <col min="11273" max="11273" width="2.44140625" style="56" customWidth="1"/>
    <col min="11274" max="11520" width="9" style="56"/>
    <col min="11521" max="11521" width="3.77734375" style="56" customWidth="1"/>
    <col min="11522" max="11522" width="20.33203125" style="56" customWidth="1"/>
    <col min="11523" max="11523" width="3.88671875" style="56" bestFit="1" customWidth="1"/>
    <col min="11524" max="11527" width="16.33203125" style="56" customWidth="1"/>
    <col min="11528" max="11528" width="3.77734375" style="56" customWidth="1"/>
    <col min="11529" max="11529" width="2.44140625" style="56" customWidth="1"/>
    <col min="11530" max="11776" width="9" style="56"/>
    <col min="11777" max="11777" width="3.77734375" style="56" customWidth="1"/>
    <col min="11778" max="11778" width="20.33203125" style="56" customWidth="1"/>
    <col min="11779" max="11779" width="3.88671875" style="56" bestFit="1" customWidth="1"/>
    <col min="11780" max="11783" width="16.33203125" style="56" customWidth="1"/>
    <col min="11784" max="11784" width="3.77734375" style="56" customWidth="1"/>
    <col min="11785" max="11785" width="2.44140625" style="56" customWidth="1"/>
    <col min="11786" max="12032" width="9" style="56"/>
    <col min="12033" max="12033" width="3.77734375" style="56" customWidth="1"/>
    <col min="12034" max="12034" width="20.33203125" style="56" customWidth="1"/>
    <col min="12035" max="12035" width="3.88671875" style="56" bestFit="1" customWidth="1"/>
    <col min="12036" max="12039" width="16.33203125" style="56" customWidth="1"/>
    <col min="12040" max="12040" width="3.77734375" style="56" customWidth="1"/>
    <col min="12041" max="12041" width="2.44140625" style="56" customWidth="1"/>
    <col min="12042" max="12288" width="9" style="56"/>
    <col min="12289" max="12289" width="3.77734375" style="56" customWidth="1"/>
    <col min="12290" max="12290" width="20.33203125" style="56" customWidth="1"/>
    <col min="12291" max="12291" width="3.88671875" style="56" bestFit="1" customWidth="1"/>
    <col min="12292" max="12295" width="16.33203125" style="56" customWidth="1"/>
    <col min="12296" max="12296" width="3.77734375" style="56" customWidth="1"/>
    <col min="12297" max="12297" width="2.44140625" style="56" customWidth="1"/>
    <col min="12298" max="12544" width="9" style="56"/>
    <col min="12545" max="12545" width="3.77734375" style="56" customWidth="1"/>
    <col min="12546" max="12546" width="20.33203125" style="56" customWidth="1"/>
    <col min="12547" max="12547" width="3.88671875" style="56" bestFit="1" customWidth="1"/>
    <col min="12548" max="12551" width="16.33203125" style="56" customWidth="1"/>
    <col min="12552" max="12552" width="3.77734375" style="56" customWidth="1"/>
    <col min="12553" max="12553" width="2.44140625" style="56" customWidth="1"/>
    <col min="12554" max="12800" width="9" style="56"/>
    <col min="12801" max="12801" width="3.77734375" style="56" customWidth="1"/>
    <col min="12802" max="12802" width="20.33203125" style="56" customWidth="1"/>
    <col min="12803" max="12803" width="3.88671875" style="56" bestFit="1" customWidth="1"/>
    <col min="12804" max="12807" width="16.33203125" style="56" customWidth="1"/>
    <col min="12808" max="12808" width="3.77734375" style="56" customWidth="1"/>
    <col min="12809" max="12809" width="2.44140625" style="56" customWidth="1"/>
    <col min="12810" max="13056" width="9" style="56"/>
    <col min="13057" max="13057" width="3.77734375" style="56" customWidth="1"/>
    <col min="13058" max="13058" width="20.33203125" style="56" customWidth="1"/>
    <col min="13059" max="13059" width="3.88671875" style="56" bestFit="1" customWidth="1"/>
    <col min="13060" max="13063" width="16.33203125" style="56" customWidth="1"/>
    <col min="13064" max="13064" width="3.77734375" style="56" customWidth="1"/>
    <col min="13065" max="13065" width="2.44140625" style="56" customWidth="1"/>
    <col min="13066" max="13312" width="9" style="56"/>
    <col min="13313" max="13313" width="3.77734375" style="56" customWidth="1"/>
    <col min="13314" max="13314" width="20.33203125" style="56" customWidth="1"/>
    <col min="13315" max="13315" width="3.88671875" style="56" bestFit="1" customWidth="1"/>
    <col min="13316" max="13319" width="16.33203125" style="56" customWidth="1"/>
    <col min="13320" max="13320" width="3.77734375" style="56" customWidth="1"/>
    <col min="13321" max="13321" width="2.44140625" style="56" customWidth="1"/>
    <col min="13322" max="13568" width="9" style="56"/>
    <col min="13569" max="13569" width="3.77734375" style="56" customWidth="1"/>
    <col min="13570" max="13570" width="20.33203125" style="56" customWidth="1"/>
    <col min="13571" max="13571" width="3.88671875" style="56" bestFit="1" customWidth="1"/>
    <col min="13572" max="13575" width="16.33203125" style="56" customWidth="1"/>
    <col min="13576" max="13576" width="3.77734375" style="56" customWidth="1"/>
    <col min="13577" max="13577" width="2.44140625" style="56" customWidth="1"/>
    <col min="13578" max="13824" width="9" style="56"/>
    <col min="13825" max="13825" width="3.77734375" style="56" customWidth="1"/>
    <col min="13826" max="13826" width="20.33203125" style="56" customWidth="1"/>
    <col min="13827" max="13827" width="3.88671875" style="56" bestFit="1" customWidth="1"/>
    <col min="13828" max="13831" width="16.33203125" style="56" customWidth="1"/>
    <col min="13832" max="13832" width="3.77734375" style="56" customWidth="1"/>
    <col min="13833" max="13833" width="2.44140625" style="56" customWidth="1"/>
    <col min="13834" max="14080" width="9" style="56"/>
    <col min="14081" max="14081" width="3.77734375" style="56" customWidth="1"/>
    <col min="14082" max="14082" width="20.33203125" style="56" customWidth="1"/>
    <col min="14083" max="14083" width="3.88671875" style="56" bestFit="1" customWidth="1"/>
    <col min="14084" max="14087" width="16.33203125" style="56" customWidth="1"/>
    <col min="14088" max="14088" width="3.77734375" style="56" customWidth="1"/>
    <col min="14089" max="14089" width="2.44140625" style="56" customWidth="1"/>
    <col min="14090" max="14336" width="9" style="56"/>
    <col min="14337" max="14337" width="3.77734375" style="56" customWidth="1"/>
    <col min="14338" max="14338" width="20.33203125" style="56" customWidth="1"/>
    <col min="14339" max="14339" width="3.88671875" style="56" bestFit="1" customWidth="1"/>
    <col min="14340" max="14343" width="16.33203125" style="56" customWidth="1"/>
    <col min="14344" max="14344" width="3.77734375" style="56" customWidth="1"/>
    <col min="14345" max="14345" width="2.44140625" style="56" customWidth="1"/>
    <col min="14346" max="14592" width="9" style="56"/>
    <col min="14593" max="14593" width="3.77734375" style="56" customWidth="1"/>
    <col min="14594" max="14594" width="20.33203125" style="56" customWidth="1"/>
    <col min="14595" max="14595" width="3.88671875" style="56" bestFit="1" customWidth="1"/>
    <col min="14596" max="14599" width="16.33203125" style="56" customWidth="1"/>
    <col min="14600" max="14600" width="3.77734375" style="56" customWidth="1"/>
    <col min="14601" max="14601" width="2.44140625" style="56" customWidth="1"/>
    <col min="14602" max="14848" width="9" style="56"/>
    <col min="14849" max="14849" width="3.77734375" style="56" customWidth="1"/>
    <col min="14850" max="14850" width="20.33203125" style="56" customWidth="1"/>
    <col min="14851" max="14851" width="3.88671875" style="56" bestFit="1" customWidth="1"/>
    <col min="14852" max="14855" width="16.33203125" style="56" customWidth="1"/>
    <col min="14856" max="14856" width="3.77734375" style="56" customWidth="1"/>
    <col min="14857" max="14857" width="2.44140625" style="56" customWidth="1"/>
    <col min="14858" max="15104" width="9" style="56"/>
    <col min="15105" max="15105" width="3.77734375" style="56" customWidth="1"/>
    <col min="15106" max="15106" width="20.33203125" style="56" customWidth="1"/>
    <col min="15107" max="15107" width="3.88671875" style="56" bestFit="1" customWidth="1"/>
    <col min="15108" max="15111" width="16.33203125" style="56" customWidth="1"/>
    <col min="15112" max="15112" width="3.77734375" style="56" customWidth="1"/>
    <col min="15113" max="15113" width="2.44140625" style="56" customWidth="1"/>
    <col min="15114" max="15360" width="9" style="56"/>
    <col min="15361" max="15361" width="3.77734375" style="56" customWidth="1"/>
    <col min="15362" max="15362" width="20.33203125" style="56" customWidth="1"/>
    <col min="15363" max="15363" width="3.88671875" style="56" bestFit="1" customWidth="1"/>
    <col min="15364" max="15367" width="16.33203125" style="56" customWidth="1"/>
    <col min="15368" max="15368" width="3.77734375" style="56" customWidth="1"/>
    <col min="15369" max="15369" width="2.44140625" style="56" customWidth="1"/>
    <col min="15370" max="15616" width="9" style="56"/>
    <col min="15617" max="15617" width="3.77734375" style="56" customWidth="1"/>
    <col min="15618" max="15618" width="20.33203125" style="56" customWidth="1"/>
    <col min="15619" max="15619" width="3.88671875" style="56" bestFit="1" customWidth="1"/>
    <col min="15620" max="15623" width="16.33203125" style="56" customWidth="1"/>
    <col min="15624" max="15624" width="3.77734375" style="56" customWidth="1"/>
    <col min="15625" max="15625" width="2.44140625" style="56" customWidth="1"/>
    <col min="15626" max="15872" width="9" style="56"/>
    <col min="15873" max="15873" width="3.77734375" style="56" customWidth="1"/>
    <col min="15874" max="15874" width="20.33203125" style="56" customWidth="1"/>
    <col min="15875" max="15875" width="3.88671875" style="56" bestFit="1" customWidth="1"/>
    <col min="15876" max="15879" width="16.33203125" style="56" customWidth="1"/>
    <col min="15880" max="15880" width="3.77734375" style="56" customWidth="1"/>
    <col min="15881" max="15881" width="2.44140625" style="56" customWidth="1"/>
    <col min="15882" max="16128" width="9" style="56"/>
    <col min="16129" max="16129" width="3.77734375" style="56" customWidth="1"/>
    <col min="16130" max="16130" width="20.33203125" style="56" customWidth="1"/>
    <col min="16131" max="16131" width="3.88671875" style="56" bestFit="1" customWidth="1"/>
    <col min="16132" max="16135" width="16.33203125" style="56" customWidth="1"/>
    <col min="16136" max="16136" width="3.77734375" style="56" customWidth="1"/>
    <col min="16137" max="16137" width="2.44140625" style="56" customWidth="1"/>
    <col min="16138" max="16384" width="9" style="56"/>
  </cols>
  <sheetData>
    <row r="1" spans="1:9" ht="16.2" x14ac:dyDescent="0.2">
      <c r="A1" s="55"/>
      <c r="B1" s="531" t="s">
        <v>36</v>
      </c>
    </row>
    <row r="2" spans="1:9" ht="16.2" x14ac:dyDescent="0.2">
      <c r="A2" s="55"/>
      <c r="H2" s="254" t="s">
        <v>723</v>
      </c>
    </row>
    <row r="3" spans="1:9" ht="16.2" x14ac:dyDescent="0.2">
      <c r="A3" s="223"/>
      <c r="B3" s="2287" t="s">
        <v>851</v>
      </c>
      <c r="C3" s="2287"/>
      <c r="D3" s="2287"/>
      <c r="E3" s="2287"/>
      <c r="F3" s="2287"/>
      <c r="G3" s="2287"/>
      <c r="H3" s="2287"/>
    </row>
    <row r="4" spans="1:9" ht="16.2" x14ac:dyDescent="0.2">
      <c r="A4" s="255"/>
      <c r="B4" s="255"/>
      <c r="C4" s="255"/>
      <c r="D4" s="255"/>
      <c r="E4" s="255"/>
      <c r="F4" s="255"/>
      <c r="G4" s="255"/>
    </row>
    <row r="5" spans="1:9" ht="30" customHeight="1" x14ac:dyDescent="0.2">
      <c r="A5" s="255"/>
      <c r="B5" s="273" t="s">
        <v>215</v>
      </c>
      <c r="C5" s="2288"/>
      <c r="D5" s="2289"/>
      <c r="E5" s="2289"/>
      <c r="F5" s="2289"/>
      <c r="G5" s="2289"/>
      <c r="H5" s="2290"/>
    </row>
    <row r="6" spans="1:9" ht="30" customHeight="1" x14ac:dyDescent="0.2">
      <c r="A6" s="255"/>
      <c r="B6" s="273" t="s">
        <v>133</v>
      </c>
      <c r="C6" s="2288"/>
      <c r="D6" s="2289"/>
      <c r="E6" s="2289"/>
      <c r="F6" s="2289"/>
      <c r="G6" s="2289"/>
      <c r="H6" s="2290"/>
    </row>
    <row r="7" spans="1:9" ht="30" customHeight="1" x14ac:dyDescent="0.2">
      <c r="A7" s="255"/>
      <c r="B7" s="273" t="s">
        <v>331</v>
      </c>
      <c r="C7" s="2288"/>
      <c r="D7" s="2289"/>
      <c r="E7" s="2289"/>
      <c r="F7" s="2289"/>
      <c r="G7" s="2289"/>
      <c r="H7" s="2290"/>
    </row>
    <row r="8" spans="1:9" ht="30" customHeight="1" x14ac:dyDescent="0.2">
      <c r="B8" s="529" t="s">
        <v>150</v>
      </c>
      <c r="C8" s="1913" t="s">
        <v>332</v>
      </c>
      <c r="D8" s="2291"/>
      <c r="E8" s="2291"/>
      <c r="F8" s="2291"/>
      <c r="G8" s="2291"/>
      <c r="H8" s="2292"/>
      <c r="I8" s="75"/>
    </row>
    <row r="9" spans="1:9" ht="30" customHeight="1" x14ac:dyDescent="0.2">
      <c r="B9" s="529" t="s">
        <v>850</v>
      </c>
      <c r="C9" s="1913" t="s">
        <v>69</v>
      </c>
      <c r="D9" s="2291"/>
      <c r="E9" s="2291"/>
      <c r="F9" s="2291"/>
      <c r="G9" s="2291"/>
      <c r="H9" s="2292"/>
      <c r="I9" s="75"/>
    </row>
    <row r="10" spans="1:9" ht="45" customHeight="1" x14ac:dyDescent="0.2">
      <c r="B10" s="2293" t="s">
        <v>333</v>
      </c>
      <c r="C10" s="269">
        <v>1</v>
      </c>
      <c r="D10" s="2307" t="s">
        <v>334</v>
      </c>
      <c r="E10" s="2311"/>
      <c r="F10" s="2308"/>
      <c r="G10" s="2308"/>
      <c r="H10" s="2308"/>
    </row>
    <row r="11" spans="1:9" ht="45" customHeight="1" x14ac:dyDescent="0.2">
      <c r="B11" s="2294"/>
      <c r="C11" s="269">
        <v>2</v>
      </c>
      <c r="D11" s="2311" t="s">
        <v>335</v>
      </c>
      <c r="E11" s="2311"/>
      <c r="F11" s="2308" t="s">
        <v>336</v>
      </c>
      <c r="G11" s="2308"/>
      <c r="H11" s="2308"/>
    </row>
    <row r="12" spans="1:9" ht="45" customHeight="1" x14ac:dyDescent="0.2">
      <c r="B12" s="2293" t="s">
        <v>337</v>
      </c>
      <c r="C12" s="269">
        <v>1</v>
      </c>
      <c r="D12" s="2307" t="s">
        <v>338</v>
      </c>
      <c r="E12" s="2307"/>
      <c r="F12" s="2308"/>
      <c r="G12" s="2308"/>
      <c r="H12" s="2308"/>
    </row>
    <row r="13" spans="1:9" ht="45" customHeight="1" x14ac:dyDescent="0.2">
      <c r="B13" s="2305"/>
      <c r="C13" s="269">
        <v>2</v>
      </c>
      <c r="D13" s="2309" t="s">
        <v>339</v>
      </c>
      <c r="E13" s="2310"/>
      <c r="F13" s="2308"/>
      <c r="G13" s="2308"/>
      <c r="H13" s="2308"/>
    </row>
    <row r="14" spans="1:9" ht="45" customHeight="1" x14ac:dyDescent="0.2">
      <c r="B14" s="2306"/>
      <c r="C14" s="530">
        <v>3</v>
      </c>
      <c r="D14" s="2313" t="s">
        <v>849</v>
      </c>
      <c r="E14" s="2314"/>
      <c r="F14" s="2315"/>
      <c r="G14" s="2315"/>
      <c r="H14" s="2315"/>
    </row>
    <row r="15" spans="1:9" x14ac:dyDescent="0.2">
      <c r="B15" s="2293" t="s">
        <v>340</v>
      </c>
      <c r="C15" s="2299"/>
      <c r="D15" s="2300"/>
      <c r="E15" s="2300"/>
      <c r="F15" s="2300"/>
      <c r="G15" s="2300"/>
      <c r="H15" s="2301"/>
    </row>
    <row r="16" spans="1:9" x14ac:dyDescent="0.2">
      <c r="B16" s="2294"/>
      <c r="C16" s="2302"/>
      <c r="D16" s="2303"/>
      <c r="E16" s="2303"/>
      <c r="F16" s="2303"/>
      <c r="G16" s="2303"/>
      <c r="H16" s="2304"/>
    </row>
    <row r="17" spans="2:8" ht="30" customHeight="1" x14ac:dyDescent="0.2">
      <c r="B17" s="2293" t="s">
        <v>341</v>
      </c>
      <c r="C17" s="529">
        <v>1</v>
      </c>
      <c r="D17" s="2309" t="s">
        <v>342</v>
      </c>
      <c r="E17" s="2316"/>
      <c r="F17" s="1913" t="s">
        <v>336</v>
      </c>
      <c r="G17" s="2291"/>
      <c r="H17" s="2292"/>
    </row>
    <row r="18" spans="2:8" ht="39.9" customHeight="1" x14ac:dyDescent="0.2">
      <c r="B18" s="2305"/>
      <c r="C18" s="2293">
        <v>2</v>
      </c>
      <c r="D18" s="2295" t="s">
        <v>343</v>
      </c>
      <c r="E18" s="2296"/>
      <c r="F18" s="2299" t="s">
        <v>336</v>
      </c>
      <c r="G18" s="2300"/>
      <c r="H18" s="2301"/>
    </row>
    <row r="19" spans="2:8" ht="39.9" customHeight="1" x14ac:dyDescent="0.2">
      <c r="B19" s="2294"/>
      <c r="C19" s="2294"/>
      <c r="D19" s="2297"/>
      <c r="E19" s="2298"/>
      <c r="F19" s="2302"/>
      <c r="G19" s="2303"/>
      <c r="H19" s="2304"/>
    </row>
    <row r="20" spans="2:8" x14ac:dyDescent="0.2">
      <c r="B20" s="64" t="s">
        <v>44</v>
      </c>
    </row>
    <row r="21" spans="2:8" ht="24.75" customHeight="1" x14ac:dyDescent="0.2">
      <c r="B21" s="64" t="s">
        <v>848</v>
      </c>
    </row>
    <row r="22" spans="2:8" ht="42" customHeight="1" x14ac:dyDescent="0.2">
      <c r="B22" s="2312" t="s">
        <v>847</v>
      </c>
      <c r="C22" s="2312"/>
      <c r="D22" s="2312"/>
      <c r="E22" s="2312"/>
      <c r="F22" s="2312"/>
      <c r="G22" s="2312"/>
      <c r="H22" s="2312"/>
    </row>
    <row r="23" spans="2:8" ht="39" customHeight="1" x14ac:dyDescent="0.2">
      <c r="B23" s="2312" t="s">
        <v>846</v>
      </c>
      <c r="C23" s="2312"/>
      <c r="D23" s="2312"/>
      <c r="E23" s="2312"/>
      <c r="F23" s="2312"/>
      <c r="G23" s="2312"/>
      <c r="H23" s="2312"/>
    </row>
    <row r="24" spans="2:8" ht="29.25" customHeight="1" x14ac:dyDescent="0.2">
      <c r="B24" s="2312" t="s">
        <v>845</v>
      </c>
      <c r="C24" s="2312"/>
      <c r="D24" s="2312"/>
      <c r="E24" s="2312"/>
      <c r="F24" s="2312"/>
      <c r="G24" s="2312"/>
      <c r="H24" s="2312"/>
    </row>
    <row r="25" spans="2:8" x14ac:dyDescent="0.2">
      <c r="B25" s="64" t="s">
        <v>844</v>
      </c>
    </row>
  </sheetData>
  <customSheetViews>
    <customSheetView guid="{FA98832E-F01A-4598-9960-E27C2FDAB118}" scale="60" showPageBreaks="1" fitToPage="1" view="pageBreakPreview">
      <selection activeCell="J20" sqref="J20"/>
      <pageMargins left="0.70866141732283472" right="0.70866141732283472" top="0.74803149606299213" bottom="0.74803149606299213" header="0.31496062992125984" footer="0.31496062992125984"/>
      <printOptions horizontalCentered="1"/>
      <pageSetup paperSize="9" scale="91" orientation="portrait" r:id="rId1"/>
    </customSheetView>
    <customSheetView guid="{8494577A-77FB-45FD-BD2B-C737BCFAD5B3}" scale="60" showPageBreaks="1" fitToPage="1" view="pageBreakPreview">
      <selection activeCell="J20" sqref="J20"/>
      <pageMargins left="0.70866141732283472" right="0.70866141732283472" top="0.74803149606299213" bottom="0.74803149606299213" header="0.31496062992125984" footer="0.31496062992125984"/>
      <printOptions horizontalCentered="1"/>
      <pageSetup paperSize="9" scale="91" orientation="portrait" r:id="rId2"/>
    </customSheetView>
  </customSheetViews>
  <mergeCells count="29">
    <mergeCell ref="B22:H22"/>
    <mergeCell ref="B23:H23"/>
    <mergeCell ref="B24:H24"/>
    <mergeCell ref="D14:E14"/>
    <mergeCell ref="F14:H14"/>
    <mergeCell ref="B15:B16"/>
    <mergeCell ref="C15:H16"/>
    <mergeCell ref="B17:B19"/>
    <mergeCell ref="D17:E17"/>
    <mergeCell ref="F17:H17"/>
    <mergeCell ref="C9:H9"/>
    <mergeCell ref="C18:C19"/>
    <mergeCell ref="D18:E19"/>
    <mergeCell ref="F18:H19"/>
    <mergeCell ref="B12:B14"/>
    <mergeCell ref="D12:E12"/>
    <mergeCell ref="F12:H12"/>
    <mergeCell ref="D13:E13"/>
    <mergeCell ref="F13:H13"/>
    <mergeCell ref="B10:B11"/>
    <mergeCell ref="D10:E10"/>
    <mergeCell ref="F10:H10"/>
    <mergeCell ref="D11:E11"/>
    <mergeCell ref="F11:H11"/>
    <mergeCell ref="B3:H3"/>
    <mergeCell ref="C5:H5"/>
    <mergeCell ref="C6:H6"/>
    <mergeCell ref="C7:H7"/>
    <mergeCell ref="C8:H8"/>
  </mergeCells>
  <phoneticPr fontId="6"/>
  <printOptions horizontalCentered="1"/>
  <pageMargins left="0.70866141732283472" right="0.70866141732283472" top="0.74803149606299213" bottom="0.74803149606299213" header="0.31496062992125984" footer="0.31496062992125984"/>
  <pageSetup paperSize="9" scale="91" orientation="portrait" r:id="rId3"/>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I20"/>
  <sheetViews>
    <sheetView view="pageBreakPreview" zoomScaleNormal="100" zoomScaleSheetLayoutView="100" workbookViewId="0">
      <selection activeCell="K7" sqref="K7"/>
    </sheetView>
  </sheetViews>
  <sheetFormatPr defaultRowHeight="13.2" x14ac:dyDescent="0.2"/>
  <cols>
    <col min="1" max="1" width="1.21875" style="631" customWidth="1"/>
    <col min="2" max="2" width="26.88671875" style="631" customWidth="1"/>
    <col min="3" max="3" width="4.44140625" style="631" customWidth="1"/>
    <col min="4" max="6" width="22.33203125" style="631" customWidth="1"/>
    <col min="7" max="7" width="3.44140625" style="631" customWidth="1"/>
    <col min="8" max="8" width="1.109375" style="631" customWidth="1"/>
    <col min="9" max="9" width="2.77734375" style="631" customWidth="1"/>
    <col min="10" max="256" width="8.88671875" style="631"/>
    <col min="257" max="257" width="4.109375" style="631" customWidth="1"/>
    <col min="258" max="258" width="26.88671875" style="631" customWidth="1"/>
    <col min="259" max="259" width="4.44140625" style="631" customWidth="1"/>
    <col min="260" max="262" width="22.33203125" style="631" customWidth="1"/>
    <col min="263" max="263" width="3.44140625" style="631" customWidth="1"/>
    <col min="264" max="264" width="4.109375" style="631" customWidth="1"/>
    <col min="265" max="265" width="2.77734375" style="631" customWidth="1"/>
    <col min="266" max="512" width="8.88671875" style="631"/>
    <col min="513" max="513" width="4.109375" style="631" customWidth="1"/>
    <col min="514" max="514" width="26.88671875" style="631" customWidth="1"/>
    <col min="515" max="515" width="4.44140625" style="631" customWidth="1"/>
    <col min="516" max="518" width="22.33203125" style="631" customWidth="1"/>
    <col min="519" max="519" width="3.44140625" style="631" customWidth="1"/>
    <col min="520" max="520" width="4.109375" style="631" customWidth="1"/>
    <col min="521" max="521" width="2.77734375" style="631" customWidth="1"/>
    <col min="522" max="768" width="8.88671875" style="631"/>
    <col min="769" max="769" width="4.109375" style="631" customWidth="1"/>
    <col min="770" max="770" width="26.88671875" style="631" customWidth="1"/>
    <col min="771" max="771" width="4.44140625" style="631" customWidth="1"/>
    <col min="772" max="774" width="22.33203125" style="631" customWidth="1"/>
    <col min="775" max="775" width="3.44140625" style="631" customWidth="1"/>
    <col min="776" max="776" width="4.109375" style="631" customWidth="1"/>
    <col min="777" max="777" width="2.77734375" style="631" customWidth="1"/>
    <col min="778" max="1024" width="8.88671875" style="631"/>
    <col min="1025" max="1025" width="4.109375" style="631" customWidth="1"/>
    <col min="1026" max="1026" width="26.88671875" style="631" customWidth="1"/>
    <col min="1027" max="1027" width="4.44140625" style="631" customWidth="1"/>
    <col min="1028" max="1030" width="22.33203125" style="631" customWidth="1"/>
    <col min="1031" max="1031" width="3.44140625" style="631" customWidth="1"/>
    <col min="1032" max="1032" width="4.109375" style="631" customWidth="1"/>
    <col min="1033" max="1033" width="2.77734375" style="631" customWidth="1"/>
    <col min="1034" max="1280" width="8.88671875" style="631"/>
    <col min="1281" max="1281" width="4.109375" style="631" customWidth="1"/>
    <col min="1282" max="1282" width="26.88671875" style="631" customWidth="1"/>
    <col min="1283" max="1283" width="4.44140625" style="631" customWidth="1"/>
    <col min="1284" max="1286" width="22.33203125" style="631" customWidth="1"/>
    <col min="1287" max="1287" width="3.44140625" style="631" customWidth="1"/>
    <col min="1288" max="1288" width="4.109375" style="631" customWidth="1"/>
    <col min="1289" max="1289" width="2.77734375" style="631" customWidth="1"/>
    <col min="1290" max="1536" width="8.88671875" style="631"/>
    <col min="1537" max="1537" width="4.109375" style="631" customWidth="1"/>
    <col min="1538" max="1538" width="26.88671875" style="631" customWidth="1"/>
    <col min="1539" max="1539" width="4.44140625" style="631" customWidth="1"/>
    <col min="1540" max="1542" width="22.33203125" style="631" customWidth="1"/>
    <col min="1543" max="1543" width="3.44140625" style="631" customWidth="1"/>
    <col min="1544" max="1544" width="4.109375" style="631" customWidth="1"/>
    <col min="1545" max="1545" width="2.77734375" style="631" customWidth="1"/>
    <col min="1546" max="1792" width="8.88671875" style="631"/>
    <col min="1793" max="1793" width="4.109375" style="631" customWidth="1"/>
    <col min="1794" max="1794" width="26.88671875" style="631" customWidth="1"/>
    <col min="1795" max="1795" width="4.44140625" style="631" customWidth="1"/>
    <col min="1796" max="1798" width="22.33203125" style="631" customWidth="1"/>
    <col min="1799" max="1799" width="3.44140625" style="631" customWidth="1"/>
    <col min="1800" max="1800" width="4.109375" style="631" customWidth="1"/>
    <col min="1801" max="1801" width="2.77734375" style="631" customWidth="1"/>
    <col min="1802" max="2048" width="8.88671875" style="631"/>
    <col min="2049" max="2049" width="4.109375" style="631" customWidth="1"/>
    <col min="2050" max="2050" width="26.88671875" style="631" customWidth="1"/>
    <col min="2051" max="2051" width="4.44140625" style="631" customWidth="1"/>
    <col min="2052" max="2054" width="22.33203125" style="631" customWidth="1"/>
    <col min="2055" max="2055" width="3.44140625" style="631" customWidth="1"/>
    <col min="2056" max="2056" width="4.109375" style="631" customWidth="1"/>
    <col min="2057" max="2057" width="2.77734375" style="631" customWidth="1"/>
    <col min="2058" max="2304" width="8.88671875" style="631"/>
    <col min="2305" max="2305" width="4.109375" style="631" customWidth="1"/>
    <col min="2306" max="2306" width="26.88671875" style="631" customWidth="1"/>
    <col min="2307" max="2307" width="4.44140625" style="631" customWidth="1"/>
    <col min="2308" max="2310" width="22.33203125" style="631" customWidth="1"/>
    <col min="2311" max="2311" width="3.44140625" style="631" customWidth="1"/>
    <col min="2312" max="2312" width="4.109375" style="631" customWidth="1"/>
    <col min="2313" max="2313" width="2.77734375" style="631" customWidth="1"/>
    <col min="2314" max="2560" width="8.88671875" style="631"/>
    <col min="2561" max="2561" width="4.109375" style="631" customWidth="1"/>
    <col min="2562" max="2562" width="26.88671875" style="631" customWidth="1"/>
    <col min="2563" max="2563" width="4.44140625" style="631" customWidth="1"/>
    <col min="2564" max="2566" width="22.33203125" style="631" customWidth="1"/>
    <col min="2567" max="2567" width="3.44140625" style="631" customWidth="1"/>
    <col min="2568" max="2568" width="4.109375" style="631" customWidth="1"/>
    <col min="2569" max="2569" width="2.77734375" style="631" customWidth="1"/>
    <col min="2570" max="2816" width="8.88671875" style="631"/>
    <col min="2817" max="2817" width="4.109375" style="631" customWidth="1"/>
    <col min="2818" max="2818" width="26.88671875" style="631" customWidth="1"/>
    <col min="2819" max="2819" width="4.44140625" style="631" customWidth="1"/>
    <col min="2820" max="2822" width="22.33203125" style="631" customWidth="1"/>
    <col min="2823" max="2823" width="3.44140625" style="631" customWidth="1"/>
    <col min="2824" max="2824" width="4.109375" style="631" customWidth="1"/>
    <col min="2825" max="2825" width="2.77734375" style="631" customWidth="1"/>
    <col min="2826" max="3072" width="8.88671875" style="631"/>
    <col min="3073" max="3073" width="4.109375" style="631" customWidth="1"/>
    <col min="3074" max="3074" width="26.88671875" style="631" customWidth="1"/>
    <col min="3075" max="3075" width="4.44140625" style="631" customWidth="1"/>
    <col min="3076" max="3078" width="22.33203125" style="631" customWidth="1"/>
    <col min="3079" max="3079" width="3.44140625" style="631" customWidth="1"/>
    <col min="3080" max="3080" width="4.109375" style="631" customWidth="1"/>
    <col min="3081" max="3081" width="2.77734375" style="631" customWidth="1"/>
    <col min="3082" max="3328" width="8.88671875" style="631"/>
    <col min="3329" max="3329" width="4.109375" style="631" customWidth="1"/>
    <col min="3330" max="3330" width="26.88671875" style="631" customWidth="1"/>
    <col min="3331" max="3331" width="4.44140625" style="631" customWidth="1"/>
    <col min="3332" max="3334" width="22.33203125" style="631" customWidth="1"/>
    <col min="3335" max="3335" width="3.44140625" style="631" customWidth="1"/>
    <col min="3336" max="3336" width="4.109375" style="631" customWidth="1"/>
    <col min="3337" max="3337" width="2.77734375" style="631" customWidth="1"/>
    <col min="3338" max="3584" width="8.88671875" style="631"/>
    <col min="3585" max="3585" width="4.109375" style="631" customWidth="1"/>
    <col min="3586" max="3586" width="26.88671875" style="631" customWidth="1"/>
    <col min="3587" max="3587" width="4.44140625" style="631" customWidth="1"/>
    <col min="3588" max="3590" width="22.33203125" style="631" customWidth="1"/>
    <col min="3591" max="3591" width="3.44140625" style="631" customWidth="1"/>
    <col min="3592" max="3592" width="4.109375" style="631" customWidth="1"/>
    <col min="3593" max="3593" width="2.77734375" style="631" customWidth="1"/>
    <col min="3594" max="3840" width="8.88671875" style="631"/>
    <col min="3841" max="3841" width="4.109375" style="631" customWidth="1"/>
    <col min="3842" max="3842" width="26.88671875" style="631" customWidth="1"/>
    <col min="3843" max="3843" width="4.44140625" style="631" customWidth="1"/>
    <col min="3844" max="3846" width="22.33203125" style="631" customWidth="1"/>
    <col min="3847" max="3847" width="3.44140625" style="631" customWidth="1"/>
    <col min="3848" max="3848" width="4.109375" style="631" customWidth="1"/>
    <col min="3849" max="3849" width="2.77734375" style="631" customWidth="1"/>
    <col min="3850" max="4096" width="8.88671875" style="631"/>
    <col min="4097" max="4097" width="4.109375" style="631" customWidth="1"/>
    <col min="4098" max="4098" width="26.88671875" style="631" customWidth="1"/>
    <col min="4099" max="4099" width="4.44140625" style="631" customWidth="1"/>
    <col min="4100" max="4102" width="22.33203125" style="631" customWidth="1"/>
    <col min="4103" max="4103" width="3.44140625" style="631" customWidth="1"/>
    <col min="4104" max="4104" width="4.109375" style="631" customWidth="1"/>
    <col min="4105" max="4105" width="2.77734375" style="631" customWidth="1"/>
    <col min="4106" max="4352" width="8.88671875" style="631"/>
    <col min="4353" max="4353" width="4.109375" style="631" customWidth="1"/>
    <col min="4354" max="4354" width="26.88671875" style="631" customWidth="1"/>
    <col min="4355" max="4355" width="4.44140625" style="631" customWidth="1"/>
    <col min="4356" max="4358" width="22.33203125" style="631" customWidth="1"/>
    <col min="4359" max="4359" width="3.44140625" style="631" customWidth="1"/>
    <col min="4360" max="4360" width="4.109375" style="631" customWidth="1"/>
    <col min="4361" max="4361" width="2.77734375" style="631" customWidth="1"/>
    <col min="4362" max="4608" width="8.88671875" style="631"/>
    <col min="4609" max="4609" width="4.109375" style="631" customWidth="1"/>
    <col min="4610" max="4610" width="26.88671875" style="631" customWidth="1"/>
    <col min="4611" max="4611" width="4.44140625" style="631" customWidth="1"/>
    <col min="4612" max="4614" width="22.33203125" style="631" customWidth="1"/>
    <col min="4615" max="4615" width="3.44140625" style="631" customWidth="1"/>
    <col min="4616" max="4616" width="4.109375" style="631" customWidth="1"/>
    <col min="4617" max="4617" width="2.77734375" style="631" customWidth="1"/>
    <col min="4618" max="4864" width="8.88671875" style="631"/>
    <col min="4865" max="4865" width="4.109375" style="631" customWidth="1"/>
    <col min="4866" max="4866" width="26.88671875" style="631" customWidth="1"/>
    <col min="4867" max="4867" width="4.44140625" style="631" customWidth="1"/>
    <col min="4868" max="4870" width="22.33203125" style="631" customWidth="1"/>
    <col min="4871" max="4871" width="3.44140625" style="631" customWidth="1"/>
    <col min="4872" max="4872" width="4.109375" style="631" customWidth="1"/>
    <col min="4873" max="4873" width="2.77734375" style="631" customWidth="1"/>
    <col min="4874" max="5120" width="8.88671875" style="631"/>
    <col min="5121" max="5121" width="4.109375" style="631" customWidth="1"/>
    <col min="5122" max="5122" width="26.88671875" style="631" customWidth="1"/>
    <col min="5123" max="5123" width="4.44140625" style="631" customWidth="1"/>
    <col min="5124" max="5126" width="22.33203125" style="631" customWidth="1"/>
    <col min="5127" max="5127" width="3.44140625" style="631" customWidth="1"/>
    <col min="5128" max="5128" width="4.109375" style="631" customWidth="1"/>
    <col min="5129" max="5129" width="2.77734375" style="631" customWidth="1"/>
    <col min="5130" max="5376" width="8.88671875" style="631"/>
    <col min="5377" max="5377" width="4.109375" style="631" customWidth="1"/>
    <col min="5378" max="5378" width="26.88671875" style="631" customWidth="1"/>
    <col min="5379" max="5379" width="4.44140625" style="631" customWidth="1"/>
    <col min="5380" max="5382" width="22.33203125" style="631" customWidth="1"/>
    <col min="5383" max="5383" width="3.44140625" style="631" customWidth="1"/>
    <col min="5384" max="5384" width="4.109375" style="631" customWidth="1"/>
    <col min="5385" max="5385" width="2.77734375" style="631" customWidth="1"/>
    <col min="5386" max="5632" width="8.88671875" style="631"/>
    <col min="5633" max="5633" width="4.109375" style="631" customWidth="1"/>
    <col min="5634" max="5634" width="26.88671875" style="631" customWidth="1"/>
    <col min="5635" max="5635" width="4.44140625" style="631" customWidth="1"/>
    <col min="5636" max="5638" width="22.33203125" style="631" customWidth="1"/>
    <col min="5639" max="5639" width="3.44140625" style="631" customWidth="1"/>
    <col min="5640" max="5640" width="4.109375" style="631" customWidth="1"/>
    <col min="5641" max="5641" width="2.77734375" style="631" customWidth="1"/>
    <col min="5642" max="5888" width="8.88671875" style="631"/>
    <col min="5889" max="5889" width="4.109375" style="631" customWidth="1"/>
    <col min="5890" max="5890" width="26.88671875" style="631" customWidth="1"/>
    <col min="5891" max="5891" width="4.44140625" style="631" customWidth="1"/>
    <col min="5892" max="5894" width="22.33203125" style="631" customWidth="1"/>
    <col min="5895" max="5895" width="3.44140625" style="631" customWidth="1"/>
    <col min="5896" max="5896" width="4.109375" style="631" customWidth="1"/>
    <col min="5897" max="5897" width="2.77734375" style="631" customWidth="1"/>
    <col min="5898" max="6144" width="8.88671875" style="631"/>
    <col min="6145" max="6145" width="4.109375" style="631" customWidth="1"/>
    <col min="6146" max="6146" width="26.88671875" style="631" customWidth="1"/>
    <col min="6147" max="6147" width="4.44140625" style="631" customWidth="1"/>
    <col min="6148" max="6150" width="22.33203125" style="631" customWidth="1"/>
    <col min="6151" max="6151" width="3.44140625" style="631" customWidth="1"/>
    <col min="6152" max="6152" width="4.109375" style="631" customWidth="1"/>
    <col min="6153" max="6153" width="2.77734375" style="631" customWidth="1"/>
    <col min="6154" max="6400" width="8.88671875" style="631"/>
    <col min="6401" max="6401" width="4.109375" style="631" customWidth="1"/>
    <col min="6402" max="6402" width="26.88671875" style="631" customWidth="1"/>
    <col min="6403" max="6403" width="4.44140625" style="631" customWidth="1"/>
    <col min="6404" max="6406" width="22.33203125" style="631" customWidth="1"/>
    <col min="6407" max="6407" width="3.44140625" style="631" customWidth="1"/>
    <col min="6408" max="6408" width="4.109375" style="631" customWidth="1"/>
    <col min="6409" max="6409" width="2.77734375" style="631" customWidth="1"/>
    <col min="6410" max="6656" width="8.88671875" style="631"/>
    <col min="6657" max="6657" width="4.109375" style="631" customWidth="1"/>
    <col min="6658" max="6658" width="26.88671875" style="631" customWidth="1"/>
    <col min="6659" max="6659" width="4.44140625" style="631" customWidth="1"/>
    <col min="6660" max="6662" width="22.33203125" style="631" customWidth="1"/>
    <col min="6663" max="6663" width="3.44140625" style="631" customWidth="1"/>
    <col min="6664" max="6664" width="4.109375" style="631" customWidth="1"/>
    <col min="6665" max="6665" width="2.77734375" style="631" customWidth="1"/>
    <col min="6666" max="6912" width="8.88671875" style="631"/>
    <col min="6913" max="6913" width="4.109375" style="631" customWidth="1"/>
    <col min="6914" max="6914" width="26.88671875" style="631" customWidth="1"/>
    <col min="6915" max="6915" width="4.44140625" style="631" customWidth="1"/>
    <col min="6916" max="6918" width="22.33203125" style="631" customWidth="1"/>
    <col min="6919" max="6919" width="3.44140625" style="631" customWidth="1"/>
    <col min="6920" max="6920" width="4.109375" style="631" customWidth="1"/>
    <col min="6921" max="6921" width="2.77734375" style="631" customWidth="1"/>
    <col min="6922" max="7168" width="8.88671875" style="631"/>
    <col min="7169" max="7169" width="4.109375" style="631" customWidth="1"/>
    <col min="7170" max="7170" width="26.88671875" style="631" customWidth="1"/>
    <col min="7171" max="7171" width="4.44140625" style="631" customWidth="1"/>
    <col min="7172" max="7174" width="22.33203125" style="631" customWidth="1"/>
    <col min="7175" max="7175" width="3.44140625" style="631" customWidth="1"/>
    <col min="7176" max="7176" width="4.109375" style="631" customWidth="1"/>
    <col min="7177" max="7177" width="2.77734375" style="631" customWidth="1"/>
    <col min="7178" max="7424" width="8.88671875" style="631"/>
    <col min="7425" max="7425" width="4.109375" style="631" customWidth="1"/>
    <col min="7426" max="7426" width="26.88671875" style="631" customWidth="1"/>
    <col min="7427" max="7427" width="4.44140625" style="631" customWidth="1"/>
    <col min="7428" max="7430" width="22.33203125" style="631" customWidth="1"/>
    <col min="7431" max="7431" width="3.44140625" style="631" customWidth="1"/>
    <col min="7432" max="7432" width="4.109375" style="631" customWidth="1"/>
    <col min="7433" max="7433" width="2.77734375" style="631" customWidth="1"/>
    <col min="7434" max="7680" width="8.88671875" style="631"/>
    <col min="7681" max="7681" width="4.109375" style="631" customWidth="1"/>
    <col min="7682" max="7682" width="26.88671875" style="631" customWidth="1"/>
    <col min="7683" max="7683" width="4.44140625" style="631" customWidth="1"/>
    <col min="7684" max="7686" width="22.33203125" style="631" customWidth="1"/>
    <col min="7687" max="7687" width="3.44140625" style="631" customWidth="1"/>
    <col min="7688" max="7688" width="4.109375" style="631" customWidth="1"/>
    <col min="7689" max="7689" width="2.77734375" style="631" customWidth="1"/>
    <col min="7690" max="7936" width="8.88671875" style="631"/>
    <col min="7937" max="7937" width="4.109375" style="631" customWidth="1"/>
    <col min="7938" max="7938" width="26.88671875" style="631" customWidth="1"/>
    <col min="7939" max="7939" width="4.44140625" style="631" customWidth="1"/>
    <col min="7940" max="7942" width="22.33203125" style="631" customWidth="1"/>
    <col min="7943" max="7943" width="3.44140625" style="631" customWidth="1"/>
    <col min="7944" max="7944" width="4.109375" style="631" customWidth="1"/>
    <col min="7945" max="7945" width="2.77734375" style="631" customWidth="1"/>
    <col min="7946" max="8192" width="8.88671875" style="631"/>
    <col min="8193" max="8193" width="4.109375" style="631" customWidth="1"/>
    <col min="8194" max="8194" width="26.88671875" style="631" customWidth="1"/>
    <col min="8195" max="8195" width="4.44140625" style="631" customWidth="1"/>
    <col min="8196" max="8198" width="22.33203125" style="631" customWidth="1"/>
    <col min="8199" max="8199" width="3.44140625" style="631" customWidth="1"/>
    <col min="8200" max="8200" width="4.109375" style="631" customWidth="1"/>
    <col min="8201" max="8201" width="2.77734375" style="631" customWidth="1"/>
    <col min="8202" max="8448" width="8.88671875" style="631"/>
    <col min="8449" max="8449" width="4.109375" style="631" customWidth="1"/>
    <col min="8450" max="8450" width="26.88671875" style="631" customWidth="1"/>
    <col min="8451" max="8451" width="4.44140625" style="631" customWidth="1"/>
    <col min="8452" max="8454" width="22.33203125" style="631" customWidth="1"/>
    <col min="8455" max="8455" width="3.44140625" style="631" customWidth="1"/>
    <col min="8456" max="8456" width="4.109375" style="631" customWidth="1"/>
    <col min="8457" max="8457" width="2.77734375" style="631" customWidth="1"/>
    <col min="8458" max="8704" width="8.88671875" style="631"/>
    <col min="8705" max="8705" width="4.109375" style="631" customWidth="1"/>
    <col min="8706" max="8706" width="26.88671875" style="631" customWidth="1"/>
    <col min="8707" max="8707" width="4.44140625" style="631" customWidth="1"/>
    <col min="8708" max="8710" width="22.33203125" style="631" customWidth="1"/>
    <col min="8711" max="8711" width="3.44140625" style="631" customWidth="1"/>
    <col min="8712" max="8712" width="4.109375" style="631" customWidth="1"/>
    <col min="8713" max="8713" width="2.77734375" style="631" customWidth="1"/>
    <col min="8714" max="8960" width="8.88671875" style="631"/>
    <col min="8961" max="8961" width="4.109375" style="631" customWidth="1"/>
    <col min="8962" max="8962" width="26.88671875" style="631" customWidth="1"/>
    <col min="8963" max="8963" width="4.44140625" style="631" customWidth="1"/>
    <col min="8964" max="8966" width="22.33203125" style="631" customWidth="1"/>
    <col min="8967" max="8967" width="3.44140625" style="631" customWidth="1"/>
    <col min="8968" max="8968" width="4.109375" style="631" customWidth="1"/>
    <col min="8969" max="8969" width="2.77734375" style="631" customWidth="1"/>
    <col min="8970" max="9216" width="8.88671875" style="631"/>
    <col min="9217" max="9217" width="4.109375" style="631" customWidth="1"/>
    <col min="9218" max="9218" width="26.88671875" style="631" customWidth="1"/>
    <col min="9219" max="9219" width="4.44140625" style="631" customWidth="1"/>
    <col min="9220" max="9222" width="22.33203125" style="631" customWidth="1"/>
    <col min="9223" max="9223" width="3.44140625" style="631" customWidth="1"/>
    <col min="9224" max="9224" width="4.109375" style="631" customWidth="1"/>
    <col min="9225" max="9225" width="2.77734375" style="631" customWidth="1"/>
    <col min="9226" max="9472" width="8.88671875" style="631"/>
    <col min="9473" max="9473" width="4.109375" style="631" customWidth="1"/>
    <col min="9474" max="9474" width="26.88671875" style="631" customWidth="1"/>
    <col min="9475" max="9475" width="4.44140625" style="631" customWidth="1"/>
    <col min="9476" max="9478" width="22.33203125" style="631" customWidth="1"/>
    <col min="9479" max="9479" width="3.44140625" style="631" customWidth="1"/>
    <col min="9480" max="9480" width="4.109375" style="631" customWidth="1"/>
    <col min="9481" max="9481" width="2.77734375" style="631" customWidth="1"/>
    <col min="9482" max="9728" width="8.88671875" style="631"/>
    <col min="9729" max="9729" width="4.109375" style="631" customWidth="1"/>
    <col min="9730" max="9730" width="26.88671875" style="631" customWidth="1"/>
    <col min="9731" max="9731" width="4.44140625" style="631" customWidth="1"/>
    <col min="9732" max="9734" width="22.33203125" style="631" customWidth="1"/>
    <col min="9735" max="9735" width="3.44140625" style="631" customWidth="1"/>
    <col min="9736" max="9736" width="4.109375" style="631" customWidth="1"/>
    <col min="9737" max="9737" width="2.77734375" style="631" customWidth="1"/>
    <col min="9738" max="9984" width="8.88671875" style="631"/>
    <col min="9985" max="9985" width="4.109375" style="631" customWidth="1"/>
    <col min="9986" max="9986" width="26.88671875" style="631" customWidth="1"/>
    <col min="9987" max="9987" width="4.44140625" style="631" customWidth="1"/>
    <col min="9988" max="9990" width="22.33203125" style="631" customWidth="1"/>
    <col min="9991" max="9991" width="3.44140625" style="631" customWidth="1"/>
    <col min="9992" max="9992" width="4.109375" style="631" customWidth="1"/>
    <col min="9993" max="9993" width="2.77734375" style="631" customWidth="1"/>
    <col min="9994" max="10240" width="8.88671875" style="631"/>
    <col min="10241" max="10241" width="4.109375" style="631" customWidth="1"/>
    <col min="10242" max="10242" width="26.88671875" style="631" customWidth="1"/>
    <col min="10243" max="10243" width="4.44140625" style="631" customWidth="1"/>
    <col min="10244" max="10246" width="22.33203125" style="631" customWidth="1"/>
    <col min="10247" max="10247" width="3.44140625" style="631" customWidth="1"/>
    <col min="10248" max="10248" width="4.109375" style="631" customWidth="1"/>
    <col min="10249" max="10249" width="2.77734375" style="631" customWidth="1"/>
    <col min="10250" max="10496" width="8.88671875" style="631"/>
    <col min="10497" max="10497" width="4.109375" style="631" customWidth="1"/>
    <col min="10498" max="10498" width="26.88671875" style="631" customWidth="1"/>
    <col min="10499" max="10499" width="4.44140625" style="631" customWidth="1"/>
    <col min="10500" max="10502" width="22.33203125" style="631" customWidth="1"/>
    <col min="10503" max="10503" width="3.44140625" style="631" customWidth="1"/>
    <col min="10504" max="10504" width="4.109375" style="631" customWidth="1"/>
    <col min="10505" max="10505" width="2.77734375" style="631" customWidth="1"/>
    <col min="10506" max="10752" width="8.88671875" style="631"/>
    <col min="10753" max="10753" width="4.109375" style="631" customWidth="1"/>
    <col min="10754" max="10754" width="26.88671875" style="631" customWidth="1"/>
    <col min="10755" max="10755" width="4.44140625" style="631" customWidth="1"/>
    <col min="10756" max="10758" width="22.33203125" style="631" customWidth="1"/>
    <col min="10759" max="10759" width="3.44140625" style="631" customWidth="1"/>
    <col min="10760" max="10760" width="4.109375" style="631" customWidth="1"/>
    <col min="10761" max="10761" width="2.77734375" style="631" customWidth="1"/>
    <col min="10762" max="11008" width="8.88671875" style="631"/>
    <col min="11009" max="11009" width="4.109375" style="631" customWidth="1"/>
    <col min="11010" max="11010" width="26.88671875" style="631" customWidth="1"/>
    <col min="11011" max="11011" width="4.44140625" style="631" customWidth="1"/>
    <col min="11012" max="11014" width="22.33203125" style="631" customWidth="1"/>
    <col min="11015" max="11015" width="3.44140625" style="631" customWidth="1"/>
    <col min="11016" max="11016" width="4.109375" style="631" customWidth="1"/>
    <col min="11017" max="11017" width="2.77734375" style="631" customWidth="1"/>
    <col min="11018" max="11264" width="8.88671875" style="631"/>
    <col min="11265" max="11265" width="4.109375" style="631" customWidth="1"/>
    <col min="11266" max="11266" width="26.88671875" style="631" customWidth="1"/>
    <col min="11267" max="11267" width="4.44140625" style="631" customWidth="1"/>
    <col min="11268" max="11270" width="22.33203125" style="631" customWidth="1"/>
    <col min="11271" max="11271" width="3.44140625" style="631" customWidth="1"/>
    <col min="11272" max="11272" width="4.109375" style="631" customWidth="1"/>
    <col min="11273" max="11273" width="2.77734375" style="631" customWidth="1"/>
    <col min="11274" max="11520" width="8.88671875" style="631"/>
    <col min="11521" max="11521" width="4.109375" style="631" customWidth="1"/>
    <col min="11522" max="11522" width="26.88671875" style="631" customWidth="1"/>
    <col min="11523" max="11523" width="4.44140625" style="631" customWidth="1"/>
    <col min="11524" max="11526" width="22.33203125" style="631" customWidth="1"/>
    <col min="11527" max="11527" width="3.44140625" style="631" customWidth="1"/>
    <col min="11528" max="11528" width="4.109375" style="631" customWidth="1"/>
    <col min="11529" max="11529" width="2.77734375" style="631" customWidth="1"/>
    <col min="11530" max="11776" width="8.88671875" style="631"/>
    <col min="11777" max="11777" width="4.109375" style="631" customWidth="1"/>
    <col min="11778" max="11778" width="26.88671875" style="631" customWidth="1"/>
    <col min="11779" max="11779" width="4.44140625" style="631" customWidth="1"/>
    <col min="11780" max="11782" width="22.33203125" style="631" customWidth="1"/>
    <col min="11783" max="11783" width="3.44140625" style="631" customWidth="1"/>
    <col min="11784" max="11784" width="4.109375" style="631" customWidth="1"/>
    <col min="11785" max="11785" width="2.77734375" style="631" customWidth="1"/>
    <col min="11786" max="12032" width="8.88671875" style="631"/>
    <col min="12033" max="12033" width="4.109375" style="631" customWidth="1"/>
    <col min="12034" max="12034" width="26.88671875" style="631" customWidth="1"/>
    <col min="12035" max="12035" width="4.44140625" style="631" customWidth="1"/>
    <col min="12036" max="12038" width="22.33203125" style="631" customWidth="1"/>
    <col min="12039" max="12039" width="3.44140625" style="631" customWidth="1"/>
    <col min="12040" max="12040" width="4.109375" style="631" customWidth="1"/>
    <col min="12041" max="12041" width="2.77734375" style="631" customWidth="1"/>
    <col min="12042" max="12288" width="8.88671875" style="631"/>
    <col min="12289" max="12289" width="4.109375" style="631" customWidth="1"/>
    <col min="12290" max="12290" width="26.88671875" style="631" customWidth="1"/>
    <col min="12291" max="12291" width="4.44140625" style="631" customWidth="1"/>
    <col min="12292" max="12294" width="22.33203125" style="631" customWidth="1"/>
    <col min="12295" max="12295" width="3.44140625" style="631" customWidth="1"/>
    <col min="12296" max="12296" width="4.109375" style="631" customWidth="1"/>
    <col min="12297" max="12297" width="2.77734375" style="631" customWidth="1"/>
    <col min="12298" max="12544" width="8.88671875" style="631"/>
    <col min="12545" max="12545" width="4.109375" style="631" customWidth="1"/>
    <col min="12546" max="12546" width="26.88671875" style="631" customWidth="1"/>
    <col min="12547" max="12547" width="4.44140625" style="631" customWidth="1"/>
    <col min="12548" max="12550" width="22.33203125" style="631" customWidth="1"/>
    <col min="12551" max="12551" width="3.44140625" style="631" customWidth="1"/>
    <col min="12552" max="12552" width="4.109375" style="631" customWidth="1"/>
    <col min="12553" max="12553" width="2.77734375" style="631" customWidth="1"/>
    <col min="12554" max="12800" width="8.88671875" style="631"/>
    <col min="12801" max="12801" width="4.109375" style="631" customWidth="1"/>
    <col min="12802" max="12802" width="26.88671875" style="631" customWidth="1"/>
    <col min="12803" max="12803" width="4.44140625" style="631" customWidth="1"/>
    <col min="12804" max="12806" width="22.33203125" style="631" customWidth="1"/>
    <col min="12807" max="12807" width="3.44140625" style="631" customWidth="1"/>
    <col min="12808" max="12808" width="4.109375" style="631" customWidth="1"/>
    <col min="12809" max="12809" width="2.77734375" style="631" customWidth="1"/>
    <col min="12810" max="13056" width="8.88671875" style="631"/>
    <col min="13057" max="13057" width="4.109375" style="631" customWidth="1"/>
    <col min="13058" max="13058" width="26.88671875" style="631" customWidth="1"/>
    <col min="13059" max="13059" width="4.44140625" style="631" customWidth="1"/>
    <col min="13060" max="13062" width="22.33203125" style="631" customWidth="1"/>
    <col min="13063" max="13063" width="3.44140625" style="631" customWidth="1"/>
    <col min="13064" max="13064" width="4.109375" style="631" customWidth="1"/>
    <col min="13065" max="13065" width="2.77734375" style="631" customWidth="1"/>
    <col min="13066" max="13312" width="8.88671875" style="631"/>
    <col min="13313" max="13313" width="4.109375" style="631" customWidth="1"/>
    <col min="13314" max="13314" width="26.88671875" style="631" customWidth="1"/>
    <col min="13315" max="13315" width="4.44140625" style="631" customWidth="1"/>
    <col min="13316" max="13318" width="22.33203125" style="631" customWidth="1"/>
    <col min="13319" max="13319" width="3.44140625" style="631" customWidth="1"/>
    <col min="13320" max="13320" width="4.109375" style="631" customWidth="1"/>
    <col min="13321" max="13321" width="2.77734375" style="631" customWidth="1"/>
    <col min="13322" max="13568" width="8.88671875" style="631"/>
    <col min="13569" max="13569" width="4.109375" style="631" customWidth="1"/>
    <col min="13570" max="13570" width="26.88671875" style="631" customWidth="1"/>
    <col min="13571" max="13571" width="4.44140625" style="631" customWidth="1"/>
    <col min="13572" max="13574" width="22.33203125" style="631" customWidth="1"/>
    <col min="13575" max="13575" width="3.44140625" style="631" customWidth="1"/>
    <col min="13576" max="13576" width="4.109375" style="631" customWidth="1"/>
    <col min="13577" max="13577" width="2.77734375" style="631" customWidth="1"/>
    <col min="13578" max="13824" width="8.88671875" style="631"/>
    <col min="13825" max="13825" width="4.109375" style="631" customWidth="1"/>
    <col min="13826" max="13826" width="26.88671875" style="631" customWidth="1"/>
    <col min="13827" max="13827" width="4.44140625" style="631" customWidth="1"/>
    <col min="13828" max="13830" width="22.33203125" style="631" customWidth="1"/>
    <col min="13831" max="13831" width="3.44140625" style="631" customWidth="1"/>
    <col min="13832" max="13832" width="4.109375" style="631" customWidth="1"/>
    <col min="13833" max="13833" width="2.77734375" style="631" customWidth="1"/>
    <col min="13834" max="14080" width="8.88671875" style="631"/>
    <col min="14081" max="14081" width="4.109375" style="631" customWidth="1"/>
    <col min="14082" max="14082" width="26.88671875" style="631" customWidth="1"/>
    <col min="14083" max="14083" width="4.44140625" style="631" customWidth="1"/>
    <col min="14084" max="14086" width="22.33203125" style="631" customWidth="1"/>
    <col min="14087" max="14087" width="3.44140625" style="631" customWidth="1"/>
    <col min="14088" max="14088" width="4.109375" style="631" customWidth="1"/>
    <col min="14089" max="14089" width="2.77734375" style="631" customWidth="1"/>
    <col min="14090" max="14336" width="8.88671875" style="631"/>
    <col min="14337" max="14337" width="4.109375" style="631" customWidth="1"/>
    <col min="14338" max="14338" width="26.88671875" style="631" customWidth="1"/>
    <col min="14339" max="14339" width="4.44140625" style="631" customWidth="1"/>
    <col min="14340" max="14342" width="22.33203125" style="631" customWidth="1"/>
    <col min="14343" max="14343" width="3.44140625" style="631" customWidth="1"/>
    <col min="14344" max="14344" width="4.109375" style="631" customWidth="1"/>
    <col min="14345" max="14345" width="2.77734375" style="631" customWidth="1"/>
    <col min="14346" max="14592" width="8.88671875" style="631"/>
    <col min="14593" max="14593" width="4.109375" style="631" customWidth="1"/>
    <col min="14594" max="14594" width="26.88671875" style="631" customWidth="1"/>
    <col min="14595" max="14595" width="4.44140625" style="631" customWidth="1"/>
    <col min="14596" max="14598" width="22.33203125" style="631" customWidth="1"/>
    <col min="14599" max="14599" width="3.44140625" style="631" customWidth="1"/>
    <col min="14600" max="14600" width="4.109375" style="631" customWidth="1"/>
    <col min="14601" max="14601" width="2.77734375" style="631" customWidth="1"/>
    <col min="14602" max="14848" width="8.88671875" style="631"/>
    <col min="14849" max="14849" width="4.109375" style="631" customWidth="1"/>
    <col min="14850" max="14850" width="26.88671875" style="631" customWidth="1"/>
    <col min="14851" max="14851" width="4.44140625" style="631" customWidth="1"/>
    <col min="14852" max="14854" width="22.33203125" style="631" customWidth="1"/>
    <col min="14855" max="14855" width="3.44140625" style="631" customWidth="1"/>
    <col min="14856" max="14856" width="4.109375" style="631" customWidth="1"/>
    <col min="14857" max="14857" width="2.77734375" style="631" customWidth="1"/>
    <col min="14858" max="15104" width="8.88671875" style="631"/>
    <col min="15105" max="15105" width="4.109375" style="631" customWidth="1"/>
    <col min="15106" max="15106" width="26.88671875" style="631" customWidth="1"/>
    <col min="15107" max="15107" width="4.44140625" style="631" customWidth="1"/>
    <col min="15108" max="15110" width="22.33203125" style="631" customWidth="1"/>
    <col min="15111" max="15111" width="3.44140625" style="631" customWidth="1"/>
    <col min="15112" max="15112" width="4.109375" style="631" customWidth="1"/>
    <col min="15113" max="15113" width="2.77734375" style="631" customWidth="1"/>
    <col min="15114" max="15360" width="8.88671875" style="631"/>
    <col min="15361" max="15361" width="4.109375" style="631" customWidth="1"/>
    <col min="15362" max="15362" width="26.88671875" style="631" customWidth="1"/>
    <col min="15363" max="15363" width="4.44140625" style="631" customWidth="1"/>
    <col min="15364" max="15366" width="22.33203125" style="631" customWidth="1"/>
    <col min="15367" max="15367" width="3.44140625" style="631" customWidth="1"/>
    <col min="15368" max="15368" width="4.109375" style="631" customWidth="1"/>
    <col min="15369" max="15369" width="2.77734375" style="631" customWidth="1"/>
    <col min="15370" max="15616" width="8.88671875" style="631"/>
    <col min="15617" max="15617" width="4.109375" style="631" customWidth="1"/>
    <col min="15618" max="15618" width="26.88671875" style="631" customWidth="1"/>
    <col min="15619" max="15619" width="4.44140625" style="631" customWidth="1"/>
    <col min="15620" max="15622" width="22.33203125" style="631" customWidth="1"/>
    <col min="15623" max="15623" width="3.44140625" style="631" customWidth="1"/>
    <col min="15624" max="15624" width="4.109375" style="631" customWidth="1"/>
    <col min="15625" max="15625" width="2.77734375" style="631" customWidth="1"/>
    <col min="15626" max="15872" width="8.88671875" style="631"/>
    <col min="15873" max="15873" width="4.109375" style="631" customWidth="1"/>
    <col min="15874" max="15874" width="26.88671875" style="631" customWidth="1"/>
    <col min="15875" max="15875" width="4.44140625" style="631" customWidth="1"/>
    <col min="15876" max="15878" width="22.33203125" style="631" customWidth="1"/>
    <col min="15879" max="15879" width="3.44140625" style="631" customWidth="1"/>
    <col min="15880" max="15880" width="4.109375" style="631" customWidth="1"/>
    <col min="15881" max="15881" width="2.77734375" style="631" customWidth="1"/>
    <col min="15882" max="16128" width="8.88671875" style="631"/>
    <col min="16129" max="16129" width="4.109375" style="631" customWidth="1"/>
    <col min="16130" max="16130" width="26.88671875" style="631" customWidth="1"/>
    <col min="16131" max="16131" width="4.44140625" style="631" customWidth="1"/>
    <col min="16132" max="16134" width="22.33203125" style="631" customWidth="1"/>
    <col min="16135" max="16135" width="3.44140625" style="631" customWidth="1"/>
    <col min="16136" max="16136" width="4.109375" style="631" customWidth="1"/>
    <col min="16137" max="16137" width="2.77734375" style="631" customWidth="1"/>
    <col min="16138" max="16384" width="8.88671875" style="631"/>
  </cols>
  <sheetData>
    <row r="1" spans="1:7" ht="20.100000000000001" customHeight="1" x14ac:dyDescent="0.2">
      <c r="B1" s="773" t="s">
        <v>1340</v>
      </c>
    </row>
    <row r="2" spans="1:7" ht="20.100000000000001" customHeight="1" x14ac:dyDescent="0.2">
      <c r="A2" s="630"/>
      <c r="F2" s="2327" t="s">
        <v>1302</v>
      </c>
      <c r="G2" s="2327"/>
    </row>
    <row r="3" spans="1:7" ht="20.100000000000001" customHeight="1" x14ac:dyDescent="0.2">
      <c r="A3" s="630"/>
      <c r="F3" s="632"/>
      <c r="G3" s="632"/>
    </row>
    <row r="4" spans="1:7" ht="20.100000000000001" customHeight="1" x14ac:dyDescent="0.2">
      <c r="A4" s="2328" t="s">
        <v>1303</v>
      </c>
      <c r="B4" s="2328"/>
      <c r="C4" s="2328"/>
      <c r="D4" s="2328"/>
      <c r="E4" s="2328"/>
      <c r="F4" s="2328"/>
      <c r="G4" s="2328"/>
    </row>
    <row r="5" spans="1:7" ht="20.100000000000001" customHeight="1" x14ac:dyDescent="0.2">
      <c r="A5" s="633"/>
      <c r="B5" s="633"/>
      <c r="C5" s="633"/>
      <c r="D5" s="633"/>
      <c r="E5" s="633"/>
      <c r="F5" s="633"/>
      <c r="G5" s="633"/>
    </row>
    <row r="6" spans="1:7" ht="39.9" customHeight="1" x14ac:dyDescent="0.2">
      <c r="A6" s="633"/>
      <c r="B6" s="662" t="s">
        <v>1304</v>
      </c>
      <c r="C6" s="2329"/>
      <c r="D6" s="2329"/>
      <c r="E6" s="2329"/>
      <c r="F6" s="2329"/>
      <c r="G6" s="2330"/>
    </row>
    <row r="7" spans="1:7" ht="39.9" customHeight="1" x14ac:dyDescent="0.2">
      <c r="B7" s="662" t="s">
        <v>1084</v>
      </c>
      <c r="C7" s="2331"/>
      <c r="D7" s="2331"/>
      <c r="E7" s="2331"/>
      <c r="F7" s="2331"/>
      <c r="G7" s="2332"/>
    </row>
    <row r="8" spans="1:7" ht="39.9" customHeight="1" x14ac:dyDescent="0.2">
      <c r="B8" s="662" t="s">
        <v>1085</v>
      </c>
      <c r="C8" s="2331" t="s">
        <v>1305</v>
      </c>
      <c r="D8" s="2331"/>
      <c r="E8" s="2331"/>
      <c r="F8" s="2331"/>
      <c r="G8" s="2332"/>
    </row>
    <row r="9" spans="1:7" ht="80.099999999999994" customHeight="1" x14ac:dyDescent="0.2">
      <c r="B9" s="651" t="s">
        <v>1306</v>
      </c>
      <c r="C9" s="2333" t="s">
        <v>1307</v>
      </c>
      <c r="D9" s="2334"/>
      <c r="E9" s="2334"/>
      <c r="F9" s="2334"/>
      <c r="G9" s="2335"/>
    </row>
    <row r="10" spans="1:7" ht="9.75" customHeight="1" x14ac:dyDescent="0.2">
      <c r="B10" s="2317" t="s">
        <v>1308</v>
      </c>
      <c r="C10" s="758"/>
      <c r="D10" s="758"/>
      <c r="E10" s="758"/>
      <c r="F10" s="758"/>
      <c r="G10" s="759"/>
    </row>
    <row r="11" spans="1:7" ht="40.5" customHeight="1" x14ac:dyDescent="0.2">
      <c r="B11" s="2318"/>
      <c r="C11" s="760"/>
      <c r="D11" s="761" t="s">
        <v>1309</v>
      </c>
      <c r="E11" s="647" t="s">
        <v>1310</v>
      </c>
      <c r="F11" s="647" t="s">
        <v>1311</v>
      </c>
      <c r="G11" s="667"/>
    </row>
    <row r="12" spans="1:7" ht="44.25" customHeight="1" x14ac:dyDescent="0.2">
      <c r="B12" s="2318"/>
      <c r="D12" s="762" t="s">
        <v>49</v>
      </c>
      <c r="E12" s="762" t="s">
        <v>49</v>
      </c>
      <c r="F12" s="762" t="s">
        <v>1312</v>
      </c>
      <c r="G12" s="667"/>
    </row>
    <row r="13" spans="1:7" x14ac:dyDescent="0.2">
      <c r="B13" s="2318"/>
      <c r="C13" s="2320" t="s">
        <v>1313</v>
      </c>
      <c r="D13" s="2321"/>
      <c r="E13" s="2321"/>
      <c r="F13" s="2321"/>
      <c r="G13" s="2322"/>
    </row>
    <row r="14" spans="1:7" ht="12.75" customHeight="1" x14ac:dyDescent="0.2">
      <c r="B14" s="2319"/>
      <c r="C14" s="2323"/>
      <c r="D14" s="2324"/>
      <c r="E14" s="2324"/>
      <c r="F14" s="2324"/>
      <c r="G14" s="2325"/>
    </row>
    <row r="15" spans="1:7" ht="12" customHeight="1" x14ac:dyDescent="0.2">
      <c r="B15" s="631" t="s">
        <v>1314</v>
      </c>
    </row>
    <row r="16" spans="1:7" ht="17.100000000000001" customHeight="1" x14ac:dyDescent="0.2">
      <c r="B16" s="683" t="s">
        <v>44</v>
      </c>
      <c r="C16" s="683"/>
      <c r="D16" s="683"/>
      <c r="E16" s="683"/>
      <c r="F16" s="683"/>
      <c r="G16" s="683"/>
    </row>
    <row r="17" spans="2:9" ht="17.100000000000001" customHeight="1" x14ac:dyDescent="0.2">
      <c r="B17" s="683" t="s">
        <v>1315</v>
      </c>
      <c r="C17" s="683"/>
      <c r="D17" s="683"/>
      <c r="E17" s="683"/>
      <c r="F17" s="683"/>
      <c r="G17" s="683"/>
    </row>
    <row r="18" spans="2:9" ht="17.100000000000001" customHeight="1" x14ac:dyDescent="0.2">
      <c r="B18" s="683" t="s">
        <v>1316</v>
      </c>
      <c r="C18" s="683"/>
      <c r="D18" s="683"/>
      <c r="E18" s="683"/>
      <c r="F18" s="683"/>
      <c r="G18" s="683"/>
    </row>
    <row r="19" spans="2:9" ht="33" customHeight="1" x14ac:dyDescent="0.2">
      <c r="B19" s="2326" t="s">
        <v>1317</v>
      </c>
      <c r="C19" s="2326"/>
      <c r="D19" s="2326"/>
      <c r="E19" s="2326"/>
      <c r="F19" s="2326"/>
      <c r="G19" s="683"/>
    </row>
    <row r="20" spans="2:9" ht="17.100000000000001" customHeight="1" x14ac:dyDescent="0.2">
      <c r="B20" s="683"/>
      <c r="C20" s="683"/>
      <c r="D20" s="683"/>
      <c r="E20" s="683"/>
      <c r="F20" s="683"/>
      <c r="G20" s="683"/>
      <c r="H20" s="683"/>
      <c r="I20" s="683"/>
    </row>
  </sheetData>
  <mergeCells count="9">
    <mergeCell ref="B10:B14"/>
    <mergeCell ref="C13:G14"/>
    <mergeCell ref="B19:F19"/>
    <mergeCell ref="F2:G2"/>
    <mergeCell ref="A4:G4"/>
    <mergeCell ref="C6:G6"/>
    <mergeCell ref="C7:G7"/>
    <mergeCell ref="C8:G8"/>
    <mergeCell ref="C9:G9"/>
  </mergeCells>
  <phoneticPr fontId="6"/>
  <pageMargins left="0.7" right="0.7" top="0.75" bottom="0.75" header="0.3" footer="0.3"/>
  <pageSetup paperSize="9" scale="85" orientation="portrait"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I16"/>
  <sheetViews>
    <sheetView view="pageBreakPreview" zoomScaleNormal="100" zoomScaleSheetLayoutView="100" workbookViewId="0">
      <selection activeCell="B1" sqref="B1"/>
    </sheetView>
  </sheetViews>
  <sheetFormatPr defaultRowHeight="13.2" x14ac:dyDescent="0.2"/>
  <cols>
    <col min="1" max="1" width="1.6640625" style="447" customWidth="1"/>
    <col min="2" max="2" width="29.44140625" style="447" customWidth="1"/>
    <col min="3" max="3" width="4.44140625" style="447" customWidth="1"/>
    <col min="4" max="6" width="22.33203125" style="447" customWidth="1"/>
    <col min="7" max="7" width="3.44140625" style="447" customWidth="1"/>
    <col min="8" max="8" width="1.33203125" style="447" customWidth="1"/>
    <col min="9" max="9" width="2.77734375" style="447" customWidth="1"/>
    <col min="10" max="256" width="8.88671875" style="447"/>
    <col min="257" max="257" width="4.109375" style="447" customWidth="1"/>
    <col min="258" max="258" width="26.88671875" style="447" customWidth="1"/>
    <col min="259" max="259" width="4.44140625" style="447" customWidth="1"/>
    <col min="260" max="262" width="22.33203125" style="447" customWidth="1"/>
    <col min="263" max="263" width="3.44140625" style="447" customWidth="1"/>
    <col min="264" max="264" width="4.109375" style="447" customWidth="1"/>
    <col min="265" max="265" width="2.77734375" style="447" customWidth="1"/>
    <col min="266" max="512" width="8.88671875" style="447"/>
    <col min="513" max="513" width="4.109375" style="447" customWidth="1"/>
    <col min="514" max="514" width="26.88671875" style="447" customWidth="1"/>
    <col min="515" max="515" width="4.44140625" style="447" customWidth="1"/>
    <col min="516" max="518" width="22.33203125" style="447" customWidth="1"/>
    <col min="519" max="519" width="3.44140625" style="447" customWidth="1"/>
    <col min="520" max="520" width="4.109375" style="447" customWidth="1"/>
    <col min="521" max="521" width="2.77734375" style="447" customWidth="1"/>
    <col min="522" max="768" width="8.88671875" style="447"/>
    <col min="769" max="769" width="4.109375" style="447" customWidth="1"/>
    <col min="770" max="770" width="26.88671875" style="447" customWidth="1"/>
    <col min="771" max="771" width="4.44140625" style="447" customWidth="1"/>
    <col min="772" max="774" width="22.33203125" style="447" customWidth="1"/>
    <col min="775" max="775" width="3.44140625" style="447" customWidth="1"/>
    <col min="776" max="776" width="4.109375" style="447" customWidth="1"/>
    <col min="777" max="777" width="2.77734375" style="447" customWidth="1"/>
    <col min="778" max="1024" width="8.88671875" style="447"/>
    <col min="1025" max="1025" width="4.109375" style="447" customWidth="1"/>
    <col min="1026" max="1026" width="26.88671875" style="447" customWidth="1"/>
    <col min="1027" max="1027" width="4.44140625" style="447" customWidth="1"/>
    <col min="1028" max="1030" width="22.33203125" style="447" customWidth="1"/>
    <col min="1031" max="1031" width="3.44140625" style="447" customWidth="1"/>
    <col min="1032" max="1032" width="4.109375" style="447" customWidth="1"/>
    <col min="1033" max="1033" width="2.77734375" style="447" customWidth="1"/>
    <col min="1034" max="1280" width="8.88671875" style="447"/>
    <col min="1281" max="1281" width="4.109375" style="447" customWidth="1"/>
    <col min="1282" max="1282" width="26.88671875" style="447" customWidth="1"/>
    <col min="1283" max="1283" width="4.44140625" style="447" customWidth="1"/>
    <col min="1284" max="1286" width="22.33203125" style="447" customWidth="1"/>
    <col min="1287" max="1287" width="3.44140625" style="447" customWidth="1"/>
    <col min="1288" max="1288" width="4.109375" style="447" customWidth="1"/>
    <col min="1289" max="1289" width="2.77734375" style="447" customWidth="1"/>
    <col min="1290" max="1536" width="8.88671875" style="447"/>
    <col min="1537" max="1537" width="4.109375" style="447" customWidth="1"/>
    <col min="1538" max="1538" width="26.88671875" style="447" customWidth="1"/>
    <col min="1539" max="1539" width="4.44140625" style="447" customWidth="1"/>
    <col min="1540" max="1542" width="22.33203125" style="447" customWidth="1"/>
    <col min="1543" max="1543" width="3.44140625" style="447" customWidth="1"/>
    <col min="1544" max="1544" width="4.109375" style="447" customWidth="1"/>
    <col min="1545" max="1545" width="2.77734375" style="447" customWidth="1"/>
    <col min="1546" max="1792" width="8.88671875" style="447"/>
    <col min="1793" max="1793" width="4.109375" style="447" customWidth="1"/>
    <col min="1794" max="1794" width="26.88671875" style="447" customWidth="1"/>
    <col min="1795" max="1795" width="4.44140625" style="447" customWidth="1"/>
    <col min="1796" max="1798" width="22.33203125" style="447" customWidth="1"/>
    <col min="1799" max="1799" width="3.44140625" style="447" customWidth="1"/>
    <col min="1800" max="1800" width="4.109375" style="447" customWidth="1"/>
    <col min="1801" max="1801" width="2.77734375" style="447" customWidth="1"/>
    <col min="1802" max="2048" width="8.88671875" style="447"/>
    <col min="2049" max="2049" width="4.109375" style="447" customWidth="1"/>
    <col min="2050" max="2050" width="26.88671875" style="447" customWidth="1"/>
    <col min="2051" max="2051" width="4.44140625" style="447" customWidth="1"/>
    <col min="2052" max="2054" width="22.33203125" style="447" customWidth="1"/>
    <col min="2055" max="2055" width="3.44140625" style="447" customWidth="1"/>
    <col min="2056" max="2056" width="4.109375" style="447" customWidth="1"/>
    <col min="2057" max="2057" width="2.77734375" style="447" customWidth="1"/>
    <col min="2058" max="2304" width="8.88671875" style="447"/>
    <col min="2305" max="2305" width="4.109375" style="447" customWidth="1"/>
    <col min="2306" max="2306" width="26.88671875" style="447" customWidth="1"/>
    <col min="2307" max="2307" width="4.44140625" style="447" customWidth="1"/>
    <col min="2308" max="2310" width="22.33203125" style="447" customWidth="1"/>
    <col min="2311" max="2311" width="3.44140625" style="447" customWidth="1"/>
    <col min="2312" max="2312" width="4.109375" style="447" customWidth="1"/>
    <col min="2313" max="2313" width="2.77734375" style="447" customWidth="1"/>
    <col min="2314" max="2560" width="8.88671875" style="447"/>
    <col min="2561" max="2561" width="4.109375" style="447" customWidth="1"/>
    <col min="2562" max="2562" width="26.88671875" style="447" customWidth="1"/>
    <col min="2563" max="2563" width="4.44140625" style="447" customWidth="1"/>
    <col min="2564" max="2566" width="22.33203125" style="447" customWidth="1"/>
    <col min="2567" max="2567" width="3.44140625" style="447" customWidth="1"/>
    <col min="2568" max="2568" width="4.109375" style="447" customWidth="1"/>
    <col min="2569" max="2569" width="2.77734375" style="447" customWidth="1"/>
    <col min="2570" max="2816" width="8.88671875" style="447"/>
    <col min="2817" max="2817" width="4.109375" style="447" customWidth="1"/>
    <col min="2818" max="2818" width="26.88671875" style="447" customWidth="1"/>
    <col min="2819" max="2819" width="4.44140625" style="447" customWidth="1"/>
    <col min="2820" max="2822" width="22.33203125" style="447" customWidth="1"/>
    <col min="2823" max="2823" width="3.44140625" style="447" customWidth="1"/>
    <col min="2824" max="2824" width="4.109375" style="447" customWidth="1"/>
    <col min="2825" max="2825" width="2.77734375" style="447" customWidth="1"/>
    <col min="2826" max="3072" width="8.88671875" style="447"/>
    <col min="3073" max="3073" width="4.109375" style="447" customWidth="1"/>
    <col min="3074" max="3074" width="26.88671875" style="447" customWidth="1"/>
    <col min="3075" max="3075" width="4.44140625" style="447" customWidth="1"/>
    <col min="3076" max="3078" width="22.33203125" style="447" customWidth="1"/>
    <col min="3079" max="3079" width="3.44140625" style="447" customWidth="1"/>
    <col min="3080" max="3080" width="4.109375" style="447" customWidth="1"/>
    <col min="3081" max="3081" width="2.77734375" style="447" customWidth="1"/>
    <col min="3082" max="3328" width="8.88671875" style="447"/>
    <col min="3329" max="3329" width="4.109375" style="447" customWidth="1"/>
    <col min="3330" max="3330" width="26.88671875" style="447" customWidth="1"/>
    <col min="3331" max="3331" width="4.44140625" style="447" customWidth="1"/>
    <col min="3332" max="3334" width="22.33203125" style="447" customWidth="1"/>
    <col min="3335" max="3335" width="3.44140625" style="447" customWidth="1"/>
    <col min="3336" max="3336" width="4.109375" style="447" customWidth="1"/>
    <col min="3337" max="3337" width="2.77734375" style="447" customWidth="1"/>
    <col min="3338" max="3584" width="8.88671875" style="447"/>
    <col min="3585" max="3585" width="4.109375" style="447" customWidth="1"/>
    <col min="3586" max="3586" width="26.88671875" style="447" customWidth="1"/>
    <col min="3587" max="3587" width="4.44140625" style="447" customWidth="1"/>
    <col min="3588" max="3590" width="22.33203125" style="447" customWidth="1"/>
    <col min="3591" max="3591" width="3.44140625" style="447" customWidth="1"/>
    <col min="3592" max="3592" width="4.109375" style="447" customWidth="1"/>
    <col min="3593" max="3593" width="2.77734375" style="447" customWidth="1"/>
    <col min="3594" max="3840" width="8.88671875" style="447"/>
    <col min="3841" max="3841" width="4.109375" style="447" customWidth="1"/>
    <col min="3842" max="3842" width="26.88671875" style="447" customWidth="1"/>
    <col min="3843" max="3843" width="4.44140625" style="447" customWidth="1"/>
    <col min="3844" max="3846" width="22.33203125" style="447" customWidth="1"/>
    <col min="3847" max="3847" width="3.44140625" style="447" customWidth="1"/>
    <col min="3848" max="3848" width="4.109375" style="447" customWidth="1"/>
    <col min="3849" max="3849" width="2.77734375" style="447" customWidth="1"/>
    <col min="3850" max="4096" width="8.88671875" style="447"/>
    <col min="4097" max="4097" width="4.109375" style="447" customWidth="1"/>
    <col min="4098" max="4098" width="26.88671875" style="447" customWidth="1"/>
    <col min="4099" max="4099" width="4.44140625" style="447" customWidth="1"/>
    <col min="4100" max="4102" width="22.33203125" style="447" customWidth="1"/>
    <col min="4103" max="4103" width="3.44140625" style="447" customWidth="1"/>
    <col min="4104" max="4104" width="4.109375" style="447" customWidth="1"/>
    <col min="4105" max="4105" width="2.77734375" style="447" customWidth="1"/>
    <col min="4106" max="4352" width="8.88671875" style="447"/>
    <col min="4353" max="4353" width="4.109375" style="447" customWidth="1"/>
    <col min="4354" max="4354" width="26.88671875" style="447" customWidth="1"/>
    <col min="4355" max="4355" width="4.44140625" style="447" customWidth="1"/>
    <col min="4356" max="4358" width="22.33203125" style="447" customWidth="1"/>
    <col min="4359" max="4359" width="3.44140625" style="447" customWidth="1"/>
    <col min="4360" max="4360" width="4.109375" style="447" customWidth="1"/>
    <col min="4361" max="4361" width="2.77734375" style="447" customWidth="1"/>
    <col min="4362" max="4608" width="8.88671875" style="447"/>
    <col min="4609" max="4609" width="4.109375" style="447" customWidth="1"/>
    <col min="4610" max="4610" width="26.88671875" style="447" customWidth="1"/>
    <col min="4611" max="4611" width="4.44140625" style="447" customWidth="1"/>
    <col min="4612" max="4614" width="22.33203125" style="447" customWidth="1"/>
    <col min="4615" max="4615" width="3.44140625" style="447" customWidth="1"/>
    <col min="4616" max="4616" width="4.109375" style="447" customWidth="1"/>
    <col min="4617" max="4617" width="2.77734375" style="447" customWidth="1"/>
    <col min="4618" max="4864" width="8.88671875" style="447"/>
    <col min="4865" max="4865" width="4.109375" style="447" customWidth="1"/>
    <col min="4866" max="4866" width="26.88671875" style="447" customWidth="1"/>
    <col min="4867" max="4867" width="4.44140625" style="447" customWidth="1"/>
    <col min="4868" max="4870" width="22.33203125" style="447" customWidth="1"/>
    <col min="4871" max="4871" width="3.44140625" style="447" customWidth="1"/>
    <col min="4872" max="4872" width="4.109375" style="447" customWidth="1"/>
    <col min="4873" max="4873" width="2.77734375" style="447" customWidth="1"/>
    <col min="4874" max="5120" width="8.88671875" style="447"/>
    <col min="5121" max="5121" width="4.109375" style="447" customWidth="1"/>
    <col min="5122" max="5122" width="26.88671875" style="447" customWidth="1"/>
    <col min="5123" max="5123" width="4.44140625" style="447" customWidth="1"/>
    <col min="5124" max="5126" width="22.33203125" style="447" customWidth="1"/>
    <col min="5127" max="5127" width="3.44140625" style="447" customWidth="1"/>
    <col min="5128" max="5128" width="4.109375" style="447" customWidth="1"/>
    <col min="5129" max="5129" width="2.77734375" style="447" customWidth="1"/>
    <col min="5130" max="5376" width="8.88671875" style="447"/>
    <col min="5377" max="5377" width="4.109375" style="447" customWidth="1"/>
    <col min="5378" max="5378" width="26.88671875" style="447" customWidth="1"/>
    <col min="5379" max="5379" width="4.44140625" style="447" customWidth="1"/>
    <col min="5380" max="5382" width="22.33203125" style="447" customWidth="1"/>
    <col min="5383" max="5383" width="3.44140625" style="447" customWidth="1"/>
    <col min="5384" max="5384" width="4.109375" style="447" customWidth="1"/>
    <col min="5385" max="5385" width="2.77734375" style="447" customWidth="1"/>
    <col min="5386" max="5632" width="8.88671875" style="447"/>
    <col min="5633" max="5633" width="4.109375" style="447" customWidth="1"/>
    <col min="5634" max="5634" width="26.88671875" style="447" customWidth="1"/>
    <col min="5635" max="5635" width="4.44140625" style="447" customWidth="1"/>
    <col min="5636" max="5638" width="22.33203125" style="447" customWidth="1"/>
    <col min="5639" max="5639" width="3.44140625" style="447" customWidth="1"/>
    <col min="5640" max="5640" width="4.109375" style="447" customWidth="1"/>
    <col min="5641" max="5641" width="2.77734375" style="447" customWidth="1"/>
    <col min="5642" max="5888" width="8.88671875" style="447"/>
    <col min="5889" max="5889" width="4.109375" style="447" customWidth="1"/>
    <col min="5890" max="5890" width="26.88671875" style="447" customWidth="1"/>
    <col min="5891" max="5891" width="4.44140625" style="447" customWidth="1"/>
    <col min="5892" max="5894" width="22.33203125" style="447" customWidth="1"/>
    <col min="5895" max="5895" width="3.44140625" style="447" customWidth="1"/>
    <col min="5896" max="5896" width="4.109375" style="447" customWidth="1"/>
    <col min="5897" max="5897" width="2.77734375" style="447" customWidth="1"/>
    <col min="5898" max="6144" width="8.88671875" style="447"/>
    <col min="6145" max="6145" width="4.109375" style="447" customWidth="1"/>
    <col min="6146" max="6146" width="26.88671875" style="447" customWidth="1"/>
    <col min="6147" max="6147" width="4.44140625" style="447" customWidth="1"/>
    <col min="6148" max="6150" width="22.33203125" style="447" customWidth="1"/>
    <col min="6151" max="6151" width="3.44140625" style="447" customWidth="1"/>
    <col min="6152" max="6152" width="4.109375" style="447" customWidth="1"/>
    <col min="6153" max="6153" width="2.77734375" style="447" customWidth="1"/>
    <col min="6154" max="6400" width="8.88671875" style="447"/>
    <col min="6401" max="6401" width="4.109375" style="447" customWidth="1"/>
    <col min="6402" max="6402" width="26.88671875" style="447" customWidth="1"/>
    <col min="6403" max="6403" width="4.44140625" style="447" customWidth="1"/>
    <col min="6404" max="6406" width="22.33203125" style="447" customWidth="1"/>
    <col min="6407" max="6407" width="3.44140625" style="447" customWidth="1"/>
    <col min="6408" max="6408" width="4.109375" style="447" customWidth="1"/>
    <col min="6409" max="6409" width="2.77734375" style="447" customWidth="1"/>
    <col min="6410" max="6656" width="8.88671875" style="447"/>
    <col min="6657" max="6657" width="4.109375" style="447" customWidth="1"/>
    <col min="6658" max="6658" width="26.88671875" style="447" customWidth="1"/>
    <col min="6659" max="6659" width="4.44140625" style="447" customWidth="1"/>
    <col min="6660" max="6662" width="22.33203125" style="447" customWidth="1"/>
    <col min="6663" max="6663" width="3.44140625" style="447" customWidth="1"/>
    <col min="6664" max="6664" width="4.109375" style="447" customWidth="1"/>
    <col min="6665" max="6665" width="2.77734375" style="447" customWidth="1"/>
    <col min="6666" max="6912" width="8.88671875" style="447"/>
    <col min="6913" max="6913" width="4.109375" style="447" customWidth="1"/>
    <col min="6914" max="6914" width="26.88671875" style="447" customWidth="1"/>
    <col min="6915" max="6915" width="4.44140625" style="447" customWidth="1"/>
    <col min="6916" max="6918" width="22.33203125" style="447" customWidth="1"/>
    <col min="6919" max="6919" width="3.44140625" style="447" customWidth="1"/>
    <col min="6920" max="6920" width="4.109375" style="447" customWidth="1"/>
    <col min="6921" max="6921" width="2.77734375" style="447" customWidth="1"/>
    <col min="6922" max="7168" width="8.88671875" style="447"/>
    <col min="7169" max="7169" width="4.109375" style="447" customWidth="1"/>
    <col min="7170" max="7170" width="26.88671875" style="447" customWidth="1"/>
    <col min="7171" max="7171" width="4.44140625" style="447" customWidth="1"/>
    <col min="7172" max="7174" width="22.33203125" style="447" customWidth="1"/>
    <col min="7175" max="7175" width="3.44140625" style="447" customWidth="1"/>
    <col min="7176" max="7176" width="4.109375" style="447" customWidth="1"/>
    <col min="7177" max="7177" width="2.77734375" style="447" customWidth="1"/>
    <col min="7178" max="7424" width="8.88671875" style="447"/>
    <col min="7425" max="7425" width="4.109375" style="447" customWidth="1"/>
    <col min="7426" max="7426" width="26.88671875" style="447" customWidth="1"/>
    <col min="7427" max="7427" width="4.44140625" style="447" customWidth="1"/>
    <col min="7428" max="7430" width="22.33203125" style="447" customWidth="1"/>
    <col min="7431" max="7431" width="3.44140625" style="447" customWidth="1"/>
    <col min="7432" max="7432" width="4.109375" style="447" customWidth="1"/>
    <col min="7433" max="7433" width="2.77734375" style="447" customWidth="1"/>
    <col min="7434" max="7680" width="8.88671875" style="447"/>
    <col min="7681" max="7681" width="4.109375" style="447" customWidth="1"/>
    <col min="7682" max="7682" width="26.88671875" style="447" customWidth="1"/>
    <col min="7683" max="7683" width="4.44140625" style="447" customWidth="1"/>
    <col min="7684" max="7686" width="22.33203125" style="447" customWidth="1"/>
    <col min="7687" max="7687" width="3.44140625" style="447" customWidth="1"/>
    <col min="7688" max="7688" width="4.109375" style="447" customWidth="1"/>
    <col min="7689" max="7689" width="2.77734375" style="447" customWidth="1"/>
    <col min="7690" max="7936" width="8.88671875" style="447"/>
    <col min="7937" max="7937" width="4.109375" style="447" customWidth="1"/>
    <col min="7938" max="7938" width="26.88671875" style="447" customWidth="1"/>
    <col min="7939" max="7939" width="4.44140625" style="447" customWidth="1"/>
    <col min="7940" max="7942" width="22.33203125" style="447" customWidth="1"/>
    <col min="7943" max="7943" width="3.44140625" style="447" customWidth="1"/>
    <col min="7944" max="7944" width="4.109375" style="447" customWidth="1"/>
    <col min="7945" max="7945" width="2.77734375" style="447" customWidth="1"/>
    <col min="7946" max="8192" width="8.88671875" style="447"/>
    <col min="8193" max="8193" width="4.109375" style="447" customWidth="1"/>
    <col min="8194" max="8194" width="26.88671875" style="447" customWidth="1"/>
    <col min="8195" max="8195" width="4.44140625" style="447" customWidth="1"/>
    <col min="8196" max="8198" width="22.33203125" style="447" customWidth="1"/>
    <col min="8199" max="8199" width="3.44140625" style="447" customWidth="1"/>
    <col min="8200" max="8200" width="4.109375" style="447" customWidth="1"/>
    <col min="8201" max="8201" width="2.77734375" style="447" customWidth="1"/>
    <col min="8202" max="8448" width="8.88671875" style="447"/>
    <col min="8449" max="8449" width="4.109375" style="447" customWidth="1"/>
    <col min="8450" max="8450" width="26.88671875" style="447" customWidth="1"/>
    <col min="8451" max="8451" width="4.44140625" style="447" customWidth="1"/>
    <col min="8452" max="8454" width="22.33203125" style="447" customWidth="1"/>
    <col min="8455" max="8455" width="3.44140625" style="447" customWidth="1"/>
    <col min="8456" max="8456" width="4.109375" style="447" customWidth="1"/>
    <col min="8457" max="8457" width="2.77734375" style="447" customWidth="1"/>
    <col min="8458" max="8704" width="8.88671875" style="447"/>
    <col min="8705" max="8705" width="4.109375" style="447" customWidth="1"/>
    <col min="8706" max="8706" width="26.88671875" style="447" customWidth="1"/>
    <col min="8707" max="8707" width="4.44140625" style="447" customWidth="1"/>
    <col min="8708" max="8710" width="22.33203125" style="447" customWidth="1"/>
    <col min="8711" max="8711" width="3.44140625" style="447" customWidth="1"/>
    <col min="8712" max="8712" width="4.109375" style="447" customWidth="1"/>
    <col min="8713" max="8713" width="2.77734375" style="447" customWidth="1"/>
    <col min="8714" max="8960" width="8.88671875" style="447"/>
    <col min="8961" max="8961" width="4.109375" style="447" customWidth="1"/>
    <col min="8962" max="8962" width="26.88671875" style="447" customWidth="1"/>
    <col min="8963" max="8963" width="4.44140625" style="447" customWidth="1"/>
    <col min="8964" max="8966" width="22.33203125" style="447" customWidth="1"/>
    <col min="8967" max="8967" width="3.44140625" style="447" customWidth="1"/>
    <col min="8968" max="8968" width="4.109375" style="447" customWidth="1"/>
    <col min="8969" max="8969" width="2.77734375" style="447" customWidth="1"/>
    <col min="8970" max="9216" width="8.88671875" style="447"/>
    <col min="9217" max="9217" width="4.109375" style="447" customWidth="1"/>
    <col min="9218" max="9218" width="26.88671875" style="447" customWidth="1"/>
    <col min="9219" max="9219" width="4.44140625" style="447" customWidth="1"/>
    <col min="9220" max="9222" width="22.33203125" style="447" customWidth="1"/>
    <col min="9223" max="9223" width="3.44140625" style="447" customWidth="1"/>
    <col min="9224" max="9224" width="4.109375" style="447" customWidth="1"/>
    <col min="9225" max="9225" width="2.77734375" style="447" customWidth="1"/>
    <col min="9226" max="9472" width="8.88671875" style="447"/>
    <col min="9473" max="9473" width="4.109375" style="447" customWidth="1"/>
    <col min="9474" max="9474" width="26.88671875" style="447" customWidth="1"/>
    <col min="9475" max="9475" width="4.44140625" style="447" customWidth="1"/>
    <col min="9476" max="9478" width="22.33203125" style="447" customWidth="1"/>
    <col min="9479" max="9479" width="3.44140625" style="447" customWidth="1"/>
    <col min="9480" max="9480" width="4.109375" style="447" customWidth="1"/>
    <col min="9481" max="9481" width="2.77734375" style="447" customWidth="1"/>
    <col min="9482" max="9728" width="8.88671875" style="447"/>
    <col min="9729" max="9729" width="4.109375" style="447" customWidth="1"/>
    <col min="9730" max="9730" width="26.88671875" style="447" customWidth="1"/>
    <col min="9731" max="9731" width="4.44140625" style="447" customWidth="1"/>
    <col min="9732" max="9734" width="22.33203125" style="447" customWidth="1"/>
    <col min="9735" max="9735" width="3.44140625" style="447" customWidth="1"/>
    <col min="9736" max="9736" width="4.109375" style="447" customWidth="1"/>
    <col min="9737" max="9737" width="2.77734375" style="447" customWidth="1"/>
    <col min="9738" max="9984" width="8.88671875" style="447"/>
    <col min="9985" max="9985" width="4.109375" style="447" customWidth="1"/>
    <col min="9986" max="9986" width="26.88671875" style="447" customWidth="1"/>
    <col min="9987" max="9987" width="4.44140625" style="447" customWidth="1"/>
    <col min="9988" max="9990" width="22.33203125" style="447" customWidth="1"/>
    <col min="9991" max="9991" width="3.44140625" style="447" customWidth="1"/>
    <col min="9992" max="9992" width="4.109375" style="447" customWidth="1"/>
    <col min="9993" max="9993" width="2.77734375" style="447" customWidth="1"/>
    <col min="9994" max="10240" width="8.88671875" style="447"/>
    <col min="10241" max="10241" width="4.109375" style="447" customWidth="1"/>
    <col min="10242" max="10242" width="26.88671875" style="447" customWidth="1"/>
    <col min="10243" max="10243" width="4.44140625" style="447" customWidth="1"/>
    <col min="10244" max="10246" width="22.33203125" style="447" customWidth="1"/>
    <col min="10247" max="10247" width="3.44140625" style="447" customWidth="1"/>
    <col min="10248" max="10248" width="4.109375" style="447" customWidth="1"/>
    <col min="10249" max="10249" width="2.77734375" style="447" customWidth="1"/>
    <col min="10250" max="10496" width="8.88671875" style="447"/>
    <col min="10497" max="10497" width="4.109375" style="447" customWidth="1"/>
    <col min="10498" max="10498" width="26.88671875" style="447" customWidth="1"/>
    <col min="10499" max="10499" width="4.44140625" style="447" customWidth="1"/>
    <col min="10500" max="10502" width="22.33203125" style="447" customWidth="1"/>
    <col min="10503" max="10503" width="3.44140625" style="447" customWidth="1"/>
    <col min="10504" max="10504" width="4.109375" style="447" customWidth="1"/>
    <col min="10505" max="10505" width="2.77734375" style="447" customWidth="1"/>
    <col min="10506" max="10752" width="8.88671875" style="447"/>
    <col min="10753" max="10753" width="4.109375" style="447" customWidth="1"/>
    <col min="10754" max="10754" width="26.88671875" style="447" customWidth="1"/>
    <col min="10755" max="10755" width="4.44140625" style="447" customWidth="1"/>
    <col min="10756" max="10758" width="22.33203125" style="447" customWidth="1"/>
    <col min="10759" max="10759" width="3.44140625" style="447" customWidth="1"/>
    <col min="10760" max="10760" width="4.109375" style="447" customWidth="1"/>
    <col min="10761" max="10761" width="2.77734375" style="447" customWidth="1"/>
    <col min="10762" max="11008" width="8.88671875" style="447"/>
    <col min="11009" max="11009" width="4.109375" style="447" customWidth="1"/>
    <col min="11010" max="11010" width="26.88671875" style="447" customWidth="1"/>
    <col min="11011" max="11011" width="4.44140625" style="447" customWidth="1"/>
    <col min="11012" max="11014" width="22.33203125" style="447" customWidth="1"/>
    <col min="11015" max="11015" width="3.44140625" style="447" customWidth="1"/>
    <col min="11016" max="11016" width="4.109375" style="447" customWidth="1"/>
    <col min="11017" max="11017" width="2.77734375" style="447" customWidth="1"/>
    <col min="11018" max="11264" width="8.88671875" style="447"/>
    <col min="11265" max="11265" width="4.109375" style="447" customWidth="1"/>
    <col min="11266" max="11266" width="26.88671875" style="447" customWidth="1"/>
    <col min="11267" max="11267" width="4.44140625" style="447" customWidth="1"/>
    <col min="11268" max="11270" width="22.33203125" style="447" customWidth="1"/>
    <col min="11271" max="11271" width="3.44140625" style="447" customWidth="1"/>
    <col min="11272" max="11272" width="4.109375" style="447" customWidth="1"/>
    <col min="11273" max="11273" width="2.77734375" style="447" customWidth="1"/>
    <col min="11274" max="11520" width="8.88671875" style="447"/>
    <col min="11521" max="11521" width="4.109375" style="447" customWidth="1"/>
    <col min="11522" max="11522" width="26.88671875" style="447" customWidth="1"/>
    <col min="11523" max="11523" width="4.44140625" style="447" customWidth="1"/>
    <col min="11524" max="11526" width="22.33203125" style="447" customWidth="1"/>
    <col min="11527" max="11527" width="3.44140625" style="447" customWidth="1"/>
    <col min="11528" max="11528" width="4.109375" style="447" customWidth="1"/>
    <col min="11529" max="11529" width="2.77734375" style="447" customWidth="1"/>
    <col min="11530" max="11776" width="8.88671875" style="447"/>
    <col min="11777" max="11777" width="4.109375" style="447" customWidth="1"/>
    <col min="11778" max="11778" width="26.88671875" style="447" customWidth="1"/>
    <col min="11779" max="11779" width="4.44140625" style="447" customWidth="1"/>
    <col min="11780" max="11782" width="22.33203125" style="447" customWidth="1"/>
    <col min="11783" max="11783" width="3.44140625" style="447" customWidth="1"/>
    <col min="11784" max="11784" width="4.109375" style="447" customWidth="1"/>
    <col min="11785" max="11785" width="2.77734375" style="447" customWidth="1"/>
    <col min="11786" max="12032" width="8.88671875" style="447"/>
    <col min="12033" max="12033" width="4.109375" style="447" customWidth="1"/>
    <col min="12034" max="12034" width="26.88671875" style="447" customWidth="1"/>
    <col min="12035" max="12035" width="4.44140625" style="447" customWidth="1"/>
    <col min="12036" max="12038" width="22.33203125" style="447" customWidth="1"/>
    <col min="12039" max="12039" width="3.44140625" style="447" customWidth="1"/>
    <col min="12040" max="12040" width="4.109375" style="447" customWidth="1"/>
    <col min="12041" max="12041" width="2.77734375" style="447" customWidth="1"/>
    <col min="12042" max="12288" width="8.88671875" style="447"/>
    <col min="12289" max="12289" width="4.109375" style="447" customWidth="1"/>
    <col min="12290" max="12290" width="26.88671875" style="447" customWidth="1"/>
    <col min="12291" max="12291" width="4.44140625" style="447" customWidth="1"/>
    <col min="12292" max="12294" width="22.33203125" style="447" customWidth="1"/>
    <col min="12295" max="12295" width="3.44140625" style="447" customWidth="1"/>
    <col min="12296" max="12296" width="4.109375" style="447" customWidth="1"/>
    <col min="12297" max="12297" width="2.77734375" style="447" customWidth="1"/>
    <col min="12298" max="12544" width="8.88671875" style="447"/>
    <col min="12545" max="12545" width="4.109375" style="447" customWidth="1"/>
    <col min="12546" max="12546" width="26.88671875" style="447" customWidth="1"/>
    <col min="12547" max="12547" width="4.44140625" style="447" customWidth="1"/>
    <col min="12548" max="12550" width="22.33203125" style="447" customWidth="1"/>
    <col min="12551" max="12551" width="3.44140625" style="447" customWidth="1"/>
    <col min="12552" max="12552" width="4.109375" style="447" customWidth="1"/>
    <col min="12553" max="12553" width="2.77734375" style="447" customWidth="1"/>
    <col min="12554" max="12800" width="8.88671875" style="447"/>
    <col min="12801" max="12801" width="4.109375" style="447" customWidth="1"/>
    <col min="12802" max="12802" width="26.88671875" style="447" customWidth="1"/>
    <col min="12803" max="12803" width="4.44140625" style="447" customWidth="1"/>
    <col min="12804" max="12806" width="22.33203125" style="447" customWidth="1"/>
    <col min="12807" max="12807" width="3.44140625" style="447" customWidth="1"/>
    <col min="12808" max="12808" width="4.109375" style="447" customWidth="1"/>
    <col min="12809" max="12809" width="2.77734375" style="447" customWidth="1"/>
    <col min="12810" max="13056" width="8.88671875" style="447"/>
    <col min="13057" max="13057" width="4.109375" style="447" customWidth="1"/>
    <col min="13058" max="13058" width="26.88671875" style="447" customWidth="1"/>
    <col min="13059" max="13059" width="4.44140625" style="447" customWidth="1"/>
    <col min="13060" max="13062" width="22.33203125" style="447" customWidth="1"/>
    <col min="13063" max="13063" width="3.44140625" style="447" customWidth="1"/>
    <col min="13064" max="13064" width="4.109375" style="447" customWidth="1"/>
    <col min="13065" max="13065" width="2.77734375" style="447" customWidth="1"/>
    <col min="13066" max="13312" width="8.88671875" style="447"/>
    <col min="13313" max="13313" width="4.109375" style="447" customWidth="1"/>
    <col min="13314" max="13314" width="26.88671875" style="447" customWidth="1"/>
    <col min="13315" max="13315" width="4.44140625" style="447" customWidth="1"/>
    <col min="13316" max="13318" width="22.33203125" style="447" customWidth="1"/>
    <col min="13319" max="13319" width="3.44140625" style="447" customWidth="1"/>
    <col min="13320" max="13320" width="4.109375" style="447" customWidth="1"/>
    <col min="13321" max="13321" width="2.77734375" style="447" customWidth="1"/>
    <col min="13322" max="13568" width="8.88671875" style="447"/>
    <col min="13569" max="13569" width="4.109375" style="447" customWidth="1"/>
    <col min="13570" max="13570" width="26.88671875" style="447" customWidth="1"/>
    <col min="13571" max="13571" width="4.44140625" style="447" customWidth="1"/>
    <col min="13572" max="13574" width="22.33203125" style="447" customWidth="1"/>
    <col min="13575" max="13575" width="3.44140625" style="447" customWidth="1"/>
    <col min="13576" max="13576" width="4.109375" style="447" customWidth="1"/>
    <col min="13577" max="13577" width="2.77734375" style="447" customWidth="1"/>
    <col min="13578" max="13824" width="8.88671875" style="447"/>
    <col min="13825" max="13825" width="4.109375" style="447" customWidth="1"/>
    <col min="13826" max="13826" width="26.88671875" style="447" customWidth="1"/>
    <col min="13827" max="13827" width="4.44140625" style="447" customWidth="1"/>
    <col min="13828" max="13830" width="22.33203125" style="447" customWidth="1"/>
    <col min="13831" max="13831" width="3.44140625" style="447" customWidth="1"/>
    <col min="13832" max="13832" width="4.109375" style="447" customWidth="1"/>
    <col min="13833" max="13833" width="2.77734375" style="447" customWidth="1"/>
    <col min="13834" max="14080" width="8.88671875" style="447"/>
    <col min="14081" max="14081" width="4.109375" style="447" customWidth="1"/>
    <col min="14082" max="14082" width="26.88671875" style="447" customWidth="1"/>
    <col min="14083" max="14083" width="4.44140625" style="447" customWidth="1"/>
    <col min="14084" max="14086" width="22.33203125" style="447" customWidth="1"/>
    <col min="14087" max="14087" width="3.44140625" style="447" customWidth="1"/>
    <col min="14088" max="14088" width="4.109375" style="447" customWidth="1"/>
    <col min="14089" max="14089" width="2.77734375" style="447" customWidth="1"/>
    <col min="14090" max="14336" width="8.88671875" style="447"/>
    <col min="14337" max="14337" width="4.109375" style="447" customWidth="1"/>
    <col min="14338" max="14338" width="26.88671875" style="447" customWidth="1"/>
    <col min="14339" max="14339" width="4.44140625" style="447" customWidth="1"/>
    <col min="14340" max="14342" width="22.33203125" style="447" customWidth="1"/>
    <col min="14343" max="14343" width="3.44140625" style="447" customWidth="1"/>
    <col min="14344" max="14344" width="4.109375" style="447" customWidth="1"/>
    <col min="14345" max="14345" width="2.77734375" style="447" customWidth="1"/>
    <col min="14346" max="14592" width="8.88671875" style="447"/>
    <col min="14593" max="14593" width="4.109375" style="447" customWidth="1"/>
    <col min="14594" max="14594" width="26.88671875" style="447" customWidth="1"/>
    <col min="14595" max="14595" width="4.44140625" style="447" customWidth="1"/>
    <col min="14596" max="14598" width="22.33203125" style="447" customWidth="1"/>
    <col min="14599" max="14599" width="3.44140625" style="447" customWidth="1"/>
    <col min="14600" max="14600" width="4.109375" style="447" customWidth="1"/>
    <col min="14601" max="14601" width="2.77734375" style="447" customWidth="1"/>
    <col min="14602" max="14848" width="8.88671875" style="447"/>
    <col min="14849" max="14849" width="4.109375" style="447" customWidth="1"/>
    <col min="14850" max="14850" width="26.88671875" style="447" customWidth="1"/>
    <col min="14851" max="14851" width="4.44140625" style="447" customWidth="1"/>
    <col min="14852" max="14854" width="22.33203125" style="447" customWidth="1"/>
    <col min="14855" max="14855" width="3.44140625" style="447" customWidth="1"/>
    <col min="14856" max="14856" width="4.109375" style="447" customWidth="1"/>
    <col min="14857" max="14857" width="2.77734375" style="447" customWidth="1"/>
    <col min="14858" max="15104" width="8.88671875" style="447"/>
    <col min="15105" max="15105" width="4.109375" style="447" customWidth="1"/>
    <col min="15106" max="15106" width="26.88671875" style="447" customWidth="1"/>
    <col min="15107" max="15107" width="4.44140625" style="447" customWidth="1"/>
    <col min="15108" max="15110" width="22.33203125" style="447" customWidth="1"/>
    <col min="15111" max="15111" width="3.44140625" style="447" customWidth="1"/>
    <col min="15112" max="15112" width="4.109375" style="447" customWidth="1"/>
    <col min="15113" max="15113" width="2.77734375" style="447" customWidth="1"/>
    <col min="15114" max="15360" width="8.88671875" style="447"/>
    <col min="15361" max="15361" width="4.109375" style="447" customWidth="1"/>
    <col min="15362" max="15362" width="26.88671875" style="447" customWidth="1"/>
    <col min="15363" max="15363" width="4.44140625" style="447" customWidth="1"/>
    <col min="15364" max="15366" width="22.33203125" style="447" customWidth="1"/>
    <col min="15367" max="15367" width="3.44140625" style="447" customWidth="1"/>
    <col min="15368" max="15368" width="4.109375" style="447" customWidth="1"/>
    <col min="15369" max="15369" width="2.77734375" style="447" customWidth="1"/>
    <col min="15370" max="15616" width="8.88671875" style="447"/>
    <col min="15617" max="15617" width="4.109375" style="447" customWidth="1"/>
    <col min="15618" max="15618" width="26.88671875" style="447" customWidth="1"/>
    <col min="15619" max="15619" width="4.44140625" style="447" customWidth="1"/>
    <col min="15620" max="15622" width="22.33203125" style="447" customWidth="1"/>
    <col min="15623" max="15623" width="3.44140625" style="447" customWidth="1"/>
    <col min="15624" max="15624" width="4.109375" style="447" customWidth="1"/>
    <col min="15625" max="15625" width="2.77734375" style="447" customWidth="1"/>
    <col min="15626" max="15872" width="8.88671875" style="447"/>
    <col min="15873" max="15873" width="4.109375" style="447" customWidth="1"/>
    <col min="15874" max="15874" width="26.88671875" style="447" customWidth="1"/>
    <col min="15875" max="15875" width="4.44140625" style="447" customWidth="1"/>
    <col min="15876" max="15878" width="22.33203125" style="447" customWidth="1"/>
    <col min="15879" max="15879" width="3.44140625" style="447" customWidth="1"/>
    <col min="15880" max="15880" width="4.109375" style="447" customWidth="1"/>
    <col min="15881" max="15881" width="2.77734375" style="447" customWidth="1"/>
    <col min="15882" max="16128" width="8.88671875" style="447"/>
    <col min="16129" max="16129" width="4.109375" style="447" customWidth="1"/>
    <col min="16130" max="16130" width="26.88671875" style="447" customWidth="1"/>
    <col min="16131" max="16131" width="4.44140625" style="447" customWidth="1"/>
    <col min="16132" max="16134" width="22.33203125" style="447" customWidth="1"/>
    <col min="16135" max="16135" width="3.44140625" style="447" customWidth="1"/>
    <col min="16136" max="16136" width="4.109375" style="447" customWidth="1"/>
    <col min="16137" max="16137" width="2.77734375" style="447" customWidth="1"/>
    <col min="16138" max="16384" width="8.88671875" style="447"/>
  </cols>
  <sheetData>
    <row r="1" spans="1:9" ht="20.100000000000001" customHeight="1" x14ac:dyDescent="0.2">
      <c r="A1" s="630"/>
      <c r="B1" s="773" t="s">
        <v>1340</v>
      </c>
      <c r="C1" s="638"/>
      <c r="D1" s="638"/>
      <c r="E1" s="638"/>
      <c r="F1" s="638"/>
      <c r="G1" s="638"/>
      <c r="H1" s="638"/>
    </row>
    <row r="2" spans="1:9" ht="20.100000000000001" customHeight="1" x14ac:dyDescent="0.2">
      <c r="A2" s="630"/>
      <c r="B2" s="638"/>
      <c r="C2" s="638"/>
      <c r="D2" s="638"/>
      <c r="E2" s="638"/>
      <c r="F2" s="1805" t="s">
        <v>1302</v>
      </c>
      <c r="G2" s="1805"/>
      <c r="H2" s="638"/>
    </row>
    <row r="3" spans="1:9" ht="20.100000000000001" customHeight="1" x14ac:dyDescent="0.2">
      <c r="A3" s="630"/>
      <c r="B3" s="638"/>
      <c r="C3" s="638"/>
      <c r="D3" s="638"/>
      <c r="E3" s="638"/>
      <c r="F3" s="655"/>
      <c r="G3" s="655"/>
      <c r="H3" s="638"/>
    </row>
    <row r="4" spans="1:9" ht="20.100000000000001" customHeight="1" x14ac:dyDescent="0.2">
      <c r="A4" s="2328" t="s">
        <v>393</v>
      </c>
      <c r="B4" s="2328"/>
      <c r="C4" s="2328"/>
      <c r="D4" s="2328"/>
      <c r="E4" s="2328"/>
      <c r="F4" s="2328"/>
      <c r="G4" s="2328"/>
      <c r="H4" s="638"/>
    </row>
    <row r="5" spans="1:9" ht="20.100000000000001" customHeight="1" x14ac:dyDescent="0.2">
      <c r="A5" s="633"/>
      <c r="B5" s="633"/>
      <c r="C5" s="633"/>
      <c r="D5" s="633"/>
      <c r="E5" s="633"/>
      <c r="F5" s="633"/>
      <c r="G5" s="633"/>
      <c r="H5" s="638"/>
    </row>
    <row r="6" spans="1:9" ht="36" customHeight="1" x14ac:dyDescent="0.2">
      <c r="A6" s="633"/>
      <c r="B6" s="634" t="s">
        <v>1304</v>
      </c>
      <c r="C6" s="2339"/>
      <c r="D6" s="2329"/>
      <c r="E6" s="2329"/>
      <c r="F6" s="2329"/>
      <c r="G6" s="2330"/>
      <c r="H6" s="638"/>
    </row>
    <row r="7" spans="1:9" ht="46.5" customHeight="1" x14ac:dyDescent="0.2">
      <c r="A7" s="638"/>
      <c r="B7" s="763" t="s">
        <v>81</v>
      </c>
      <c r="C7" s="2340" t="s">
        <v>1318</v>
      </c>
      <c r="D7" s="2340"/>
      <c r="E7" s="2340"/>
      <c r="F7" s="2340"/>
      <c r="G7" s="2341"/>
      <c r="H7" s="638"/>
    </row>
    <row r="8" spans="1:9" ht="69.900000000000006" customHeight="1" x14ac:dyDescent="0.2">
      <c r="A8" s="638"/>
      <c r="B8" s="764" t="s">
        <v>1319</v>
      </c>
      <c r="C8" s="1818"/>
      <c r="D8" s="2342"/>
      <c r="E8" s="2342"/>
      <c r="F8" s="2342"/>
      <c r="G8" s="2343"/>
      <c r="H8" s="638"/>
    </row>
    <row r="9" spans="1:9" ht="69.900000000000006" customHeight="1" x14ac:dyDescent="0.2">
      <c r="A9" s="638"/>
      <c r="B9" s="765" t="s">
        <v>1320</v>
      </c>
      <c r="C9" s="2336"/>
      <c r="D9" s="2337"/>
      <c r="E9" s="2337"/>
      <c r="F9" s="2337"/>
      <c r="G9" s="2338"/>
      <c r="H9" s="638"/>
    </row>
    <row r="10" spans="1:9" ht="69.900000000000006" customHeight="1" x14ac:dyDescent="0.2">
      <c r="A10" s="638"/>
      <c r="B10" s="765" t="s">
        <v>1321</v>
      </c>
      <c r="C10" s="2336"/>
      <c r="D10" s="2337"/>
      <c r="E10" s="2337"/>
      <c r="F10" s="2337"/>
      <c r="G10" s="2338"/>
      <c r="H10" s="638"/>
    </row>
    <row r="11" spans="1:9" ht="17.25" customHeight="1" x14ac:dyDescent="0.2">
      <c r="A11" s="638"/>
      <c r="B11" s="638"/>
      <c r="C11" s="638"/>
      <c r="D11" s="638"/>
      <c r="E11" s="638"/>
      <c r="F11" s="638"/>
      <c r="G11" s="638"/>
      <c r="H11" s="683"/>
      <c r="I11" s="449"/>
    </row>
    <row r="12" spans="1:9" ht="17.25" customHeight="1" x14ac:dyDescent="0.2">
      <c r="A12" s="638"/>
      <c r="B12" s="683" t="s">
        <v>204</v>
      </c>
      <c r="C12" s="683"/>
      <c r="D12" s="683"/>
      <c r="E12" s="683"/>
      <c r="F12" s="683"/>
      <c r="G12" s="683"/>
      <c r="H12" s="683"/>
      <c r="I12" s="449"/>
    </row>
    <row r="13" spans="1:9" x14ac:dyDescent="0.2">
      <c r="A13" s="638"/>
      <c r="B13" s="683" t="s">
        <v>1322</v>
      </c>
      <c r="C13" s="683"/>
      <c r="D13" s="683"/>
      <c r="E13" s="683"/>
      <c r="F13" s="683"/>
      <c r="G13" s="683"/>
      <c r="H13" s="638"/>
    </row>
    <row r="14" spans="1:9" x14ac:dyDescent="0.2">
      <c r="A14" s="766"/>
      <c r="B14" s="683" t="s">
        <v>1323</v>
      </c>
      <c r="C14" s="767"/>
      <c r="D14" s="767"/>
      <c r="E14" s="767"/>
      <c r="F14" s="767"/>
      <c r="G14" s="767"/>
      <c r="H14" s="638"/>
    </row>
    <row r="15" spans="1:9" ht="17.25" customHeight="1" x14ac:dyDescent="0.2">
      <c r="A15" s="766"/>
      <c r="B15" s="683" t="s">
        <v>1324</v>
      </c>
      <c r="C15" s="767"/>
      <c r="D15" s="767"/>
      <c r="E15" s="767"/>
      <c r="F15" s="767"/>
      <c r="G15" s="767"/>
      <c r="H15" s="683"/>
      <c r="I15" s="449"/>
    </row>
    <row r="16" spans="1:9" ht="6" customHeight="1" x14ac:dyDescent="0.2"/>
  </sheetData>
  <mergeCells count="7">
    <mergeCell ref="C10:G10"/>
    <mergeCell ref="F2:G2"/>
    <mergeCell ref="A4:G4"/>
    <mergeCell ref="C6:G6"/>
    <mergeCell ref="C7:G7"/>
    <mergeCell ref="C8:G8"/>
    <mergeCell ref="C9:G9"/>
  </mergeCells>
  <phoneticPr fontId="6"/>
  <pageMargins left="0.7" right="0.7" top="0.75" bottom="0.75" header="0.3" footer="0.3"/>
  <pageSetup paperSize="9" scale="79" orientation="portrait"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H355"/>
  <sheetViews>
    <sheetView view="pageBreakPreview" zoomScale="110" zoomScaleNormal="100" zoomScaleSheetLayoutView="110" workbookViewId="0">
      <selection activeCell="AO8" sqref="AO8"/>
    </sheetView>
  </sheetViews>
  <sheetFormatPr defaultRowHeight="13.2" x14ac:dyDescent="0.2"/>
  <cols>
    <col min="1" max="1" width="2.109375" style="198" customWidth="1"/>
    <col min="2" max="62" width="2.88671875" style="198" customWidth="1"/>
    <col min="63" max="257" width="8.88671875" style="198"/>
    <col min="258" max="318" width="2.88671875" style="198" customWidth="1"/>
    <col min="319" max="513" width="8.88671875" style="198"/>
    <col min="514" max="574" width="2.88671875" style="198" customWidth="1"/>
    <col min="575" max="769" width="8.88671875" style="198"/>
    <col min="770" max="830" width="2.88671875" style="198" customWidth="1"/>
    <col min="831" max="1025" width="8.88671875" style="198"/>
    <col min="1026" max="1086" width="2.88671875" style="198" customWidth="1"/>
    <col min="1087" max="1281" width="8.88671875" style="198"/>
    <col min="1282" max="1342" width="2.88671875" style="198" customWidth="1"/>
    <col min="1343" max="1537" width="8.88671875" style="198"/>
    <col min="1538" max="1598" width="2.88671875" style="198" customWidth="1"/>
    <col min="1599" max="1793" width="8.88671875" style="198"/>
    <col min="1794" max="1854" width="2.88671875" style="198" customWidth="1"/>
    <col min="1855" max="2049" width="8.88671875" style="198"/>
    <col min="2050" max="2110" width="2.88671875" style="198" customWidth="1"/>
    <col min="2111" max="2305" width="8.88671875" style="198"/>
    <col min="2306" max="2366" width="2.88671875" style="198" customWidth="1"/>
    <col min="2367" max="2561" width="8.88671875" style="198"/>
    <col min="2562" max="2622" width="2.88671875" style="198" customWidth="1"/>
    <col min="2623" max="2817" width="8.88671875" style="198"/>
    <col min="2818" max="2878" width="2.88671875" style="198" customWidth="1"/>
    <col min="2879" max="3073" width="8.88671875" style="198"/>
    <col min="3074" max="3134" width="2.88671875" style="198" customWidth="1"/>
    <col min="3135" max="3329" width="8.88671875" style="198"/>
    <col min="3330" max="3390" width="2.88671875" style="198" customWidth="1"/>
    <col min="3391" max="3585" width="8.88671875" style="198"/>
    <col min="3586" max="3646" width="2.88671875" style="198" customWidth="1"/>
    <col min="3647" max="3841" width="8.88671875" style="198"/>
    <col min="3842" max="3902" width="2.88671875" style="198" customWidth="1"/>
    <col min="3903" max="4097" width="8.88671875" style="198"/>
    <col min="4098" max="4158" width="2.88671875" style="198" customWidth="1"/>
    <col min="4159" max="4353" width="8.88671875" style="198"/>
    <col min="4354" max="4414" width="2.88671875" style="198" customWidth="1"/>
    <col min="4415" max="4609" width="8.88671875" style="198"/>
    <col min="4610" max="4670" width="2.88671875" style="198" customWidth="1"/>
    <col min="4671" max="4865" width="8.88671875" style="198"/>
    <col min="4866" max="4926" width="2.88671875" style="198" customWidth="1"/>
    <col min="4927" max="5121" width="8.88671875" style="198"/>
    <col min="5122" max="5182" width="2.88671875" style="198" customWidth="1"/>
    <col min="5183" max="5377" width="8.88671875" style="198"/>
    <col min="5378" max="5438" width="2.88671875" style="198" customWidth="1"/>
    <col min="5439" max="5633" width="8.88671875" style="198"/>
    <col min="5634" max="5694" width="2.88671875" style="198" customWidth="1"/>
    <col min="5695" max="5889" width="8.88671875" style="198"/>
    <col min="5890" max="5950" width="2.88671875" style="198" customWidth="1"/>
    <col min="5951" max="6145" width="8.88671875" style="198"/>
    <col min="6146" max="6206" width="2.88671875" style="198" customWidth="1"/>
    <col min="6207" max="6401" width="8.88671875" style="198"/>
    <col min="6402" max="6462" width="2.88671875" style="198" customWidth="1"/>
    <col min="6463" max="6657" width="8.88671875" style="198"/>
    <col min="6658" max="6718" width="2.88671875" style="198" customWidth="1"/>
    <col min="6719" max="6913" width="8.88671875" style="198"/>
    <col min="6914" max="6974" width="2.88671875" style="198" customWidth="1"/>
    <col min="6975" max="7169" width="8.88671875" style="198"/>
    <col min="7170" max="7230" width="2.88671875" style="198" customWidth="1"/>
    <col min="7231" max="7425" width="8.88671875" style="198"/>
    <col min="7426" max="7486" width="2.88671875" style="198" customWidth="1"/>
    <col min="7487" max="7681" width="8.88671875" style="198"/>
    <col min="7682" max="7742" width="2.88671875" style="198" customWidth="1"/>
    <col min="7743" max="7937" width="8.88671875" style="198"/>
    <col min="7938" max="7998" width="2.88671875" style="198" customWidth="1"/>
    <col min="7999" max="8193" width="8.88671875" style="198"/>
    <col min="8194" max="8254" width="2.88671875" style="198" customWidth="1"/>
    <col min="8255" max="8449" width="8.88671875" style="198"/>
    <col min="8450" max="8510" width="2.88671875" style="198" customWidth="1"/>
    <col min="8511" max="8705" width="8.88671875" style="198"/>
    <col min="8706" max="8766" width="2.88671875" style="198" customWidth="1"/>
    <col min="8767" max="8961" width="8.88671875" style="198"/>
    <col min="8962" max="9022" width="2.88671875" style="198" customWidth="1"/>
    <col min="9023" max="9217" width="8.88671875" style="198"/>
    <col min="9218" max="9278" width="2.88671875" style="198" customWidth="1"/>
    <col min="9279" max="9473" width="8.88671875" style="198"/>
    <col min="9474" max="9534" width="2.88671875" style="198" customWidth="1"/>
    <col min="9535" max="9729" width="8.88671875" style="198"/>
    <col min="9730" max="9790" width="2.88671875" style="198" customWidth="1"/>
    <col min="9791" max="9985" width="8.88671875" style="198"/>
    <col min="9986" max="10046" width="2.88671875" style="198" customWidth="1"/>
    <col min="10047" max="10241" width="8.88671875" style="198"/>
    <col min="10242" max="10302" width="2.88671875" style="198" customWidth="1"/>
    <col min="10303" max="10497" width="8.88671875" style="198"/>
    <col min="10498" max="10558" width="2.88671875" style="198" customWidth="1"/>
    <col min="10559" max="10753" width="8.88671875" style="198"/>
    <col min="10754" max="10814" width="2.88671875" style="198" customWidth="1"/>
    <col min="10815" max="11009" width="8.88671875" style="198"/>
    <col min="11010" max="11070" width="2.88671875" style="198" customWidth="1"/>
    <col min="11071" max="11265" width="8.88671875" style="198"/>
    <col min="11266" max="11326" width="2.88671875" style="198" customWidth="1"/>
    <col min="11327" max="11521" width="8.88671875" style="198"/>
    <col min="11522" max="11582" width="2.88671875" style="198" customWidth="1"/>
    <col min="11583" max="11777" width="8.88671875" style="198"/>
    <col min="11778" max="11838" width="2.88671875" style="198" customWidth="1"/>
    <col min="11839" max="12033" width="8.88671875" style="198"/>
    <col min="12034" max="12094" width="2.88671875" style="198" customWidth="1"/>
    <col min="12095" max="12289" width="8.88671875" style="198"/>
    <col min="12290" max="12350" width="2.88671875" style="198" customWidth="1"/>
    <col min="12351" max="12545" width="8.88671875" style="198"/>
    <col min="12546" max="12606" width="2.88671875" style="198" customWidth="1"/>
    <col min="12607" max="12801" width="8.88671875" style="198"/>
    <col min="12802" max="12862" width="2.88671875" style="198" customWidth="1"/>
    <col min="12863" max="13057" width="8.88671875" style="198"/>
    <col min="13058" max="13118" width="2.88671875" style="198" customWidth="1"/>
    <col min="13119" max="13313" width="8.88671875" style="198"/>
    <col min="13314" max="13374" width="2.88671875" style="198" customWidth="1"/>
    <col min="13375" max="13569" width="8.88671875" style="198"/>
    <col min="13570" max="13630" width="2.88671875" style="198" customWidth="1"/>
    <col min="13631" max="13825" width="8.88671875" style="198"/>
    <col min="13826" max="13886" width="2.88671875" style="198" customWidth="1"/>
    <col min="13887" max="14081" width="8.88671875" style="198"/>
    <col min="14082" max="14142" width="2.88671875" style="198" customWidth="1"/>
    <col min="14143" max="14337" width="8.88671875" style="198"/>
    <col min="14338" max="14398" width="2.88671875" style="198" customWidth="1"/>
    <col min="14399" max="14593" width="8.88671875" style="198"/>
    <col min="14594" max="14654" width="2.88671875" style="198" customWidth="1"/>
    <col min="14655" max="14849" width="8.88671875" style="198"/>
    <col min="14850" max="14910" width="2.88671875" style="198" customWidth="1"/>
    <col min="14911" max="15105" width="8.88671875" style="198"/>
    <col min="15106" max="15166" width="2.88671875" style="198" customWidth="1"/>
    <col min="15167" max="15361" width="8.88671875" style="198"/>
    <col min="15362" max="15422" width="2.88671875" style="198" customWidth="1"/>
    <col min="15423" max="15617" width="8.88671875" style="198"/>
    <col min="15618" max="15678" width="2.88671875" style="198" customWidth="1"/>
    <col min="15679" max="15873" width="8.88671875" style="198"/>
    <col min="15874" max="15934" width="2.88671875" style="198" customWidth="1"/>
    <col min="15935" max="16129" width="8.88671875" style="198"/>
    <col min="16130" max="16190" width="2.88671875" style="198" customWidth="1"/>
    <col min="16191" max="16384" width="8.88671875" style="198"/>
  </cols>
  <sheetData>
    <row r="1" spans="1:34" x14ac:dyDescent="0.2">
      <c r="B1" s="773" t="s">
        <v>1340</v>
      </c>
      <c r="C1" s="774"/>
      <c r="D1" s="774"/>
      <c r="E1" s="774"/>
      <c r="F1" s="774"/>
    </row>
    <row r="2" spans="1:34" x14ac:dyDescent="0.2">
      <c r="Z2" s="2348" t="s">
        <v>1325</v>
      </c>
      <c r="AA2" s="2348"/>
      <c r="AB2" s="2348"/>
      <c r="AC2" s="2348"/>
      <c r="AD2" s="2348"/>
      <c r="AE2" s="2348"/>
      <c r="AF2" s="2348"/>
      <c r="AG2" s="2348"/>
      <c r="AH2" s="2348"/>
    </row>
    <row r="4" spans="1:34" s="197" customFormat="1" ht="21" customHeight="1" x14ac:dyDescent="0.2">
      <c r="A4" s="768"/>
      <c r="B4" s="2349" t="s">
        <v>1326</v>
      </c>
      <c r="C4" s="2349"/>
      <c r="D4" s="2349"/>
      <c r="E4" s="2349"/>
      <c r="F4" s="2349"/>
      <c r="G4" s="2349"/>
      <c r="H4" s="2349"/>
      <c r="I4" s="2349"/>
      <c r="J4" s="2349"/>
      <c r="K4" s="2349"/>
      <c r="L4" s="2349"/>
      <c r="M4" s="2349"/>
      <c r="N4" s="2349"/>
      <c r="O4" s="2349"/>
      <c r="P4" s="2349"/>
      <c r="Q4" s="2349"/>
      <c r="R4" s="2349"/>
      <c r="S4" s="2349"/>
      <c r="T4" s="2349"/>
      <c r="U4" s="2349"/>
      <c r="V4" s="2349"/>
      <c r="W4" s="2349"/>
      <c r="X4" s="2349"/>
      <c r="Y4" s="2349"/>
      <c r="Z4" s="2349"/>
      <c r="AA4" s="2349"/>
      <c r="AB4" s="2349"/>
      <c r="AC4" s="2349"/>
      <c r="AD4" s="2349"/>
      <c r="AE4" s="2349"/>
      <c r="AF4" s="2349"/>
      <c r="AG4" s="2349"/>
      <c r="AH4" s="768"/>
    </row>
    <row r="5" spans="1:34" s="197" customFormat="1" ht="21" customHeight="1" x14ac:dyDescent="0.2">
      <c r="A5" s="768"/>
      <c r="B5" s="2349" t="s">
        <v>1327</v>
      </c>
      <c r="C5" s="2349"/>
      <c r="D5" s="2349"/>
      <c r="E5" s="2349"/>
      <c r="F5" s="2349"/>
      <c r="G5" s="2349"/>
      <c r="H5" s="2349"/>
      <c r="I5" s="2349"/>
      <c r="J5" s="2349"/>
      <c r="K5" s="2349"/>
      <c r="L5" s="2349"/>
      <c r="M5" s="2349"/>
      <c r="N5" s="2349"/>
      <c r="O5" s="2349"/>
      <c r="P5" s="2349"/>
      <c r="Q5" s="2349"/>
      <c r="R5" s="2349"/>
      <c r="S5" s="2349"/>
      <c r="T5" s="2349"/>
      <c r="U5" s="2349"/>
      <c r="V5" s="2349"/>
      <c r="W5" s="2349"/>
      <c r="X5" s="2349"/>
      <c r="Y5" s="2349"/>
      <c r="Z5" s="2349"/>
      <c r="AA5" s="2349"/>
      <c r="AB5" s="2349"/>
      <c r="AC5" s="2349"/>
      <c r="AD5" s="2349"/>
      <c r="AE5" s="2349"/>
      <c r="AF5" s="2349"/>
      <c r="AG5" s="2349"/>
      <c r="AH5" s="768"/>
    </row>
    <row r="6" spans="1:34" ht="21" customHeight="1" thickBot="1" x14ac:dyDescent="0.25">
      <c r="A6" s="769"/>
      <c r="B6" s="769"/>
      <c r="C6" s="769"/>
      <c r="D6" s="769"/>
      <c r="E6" s="769"/>
      <c r="F6" s="769"/>
      <c r="G6" s="769"/>
      <c r="H6" s="769"/>
      <c r="I6" s="769"/>
      <c r="J6" s="769"/>
      <c r="K6" s="769"/>
      <c r="L6" s="769"/>
      <c r="M6" s="769"/>
      <c r="N6" s="769"/>
      <c r="O6" s="769"/>
      <c r="P6" s="769"/>
      <c r="Q6" s="769"/>
      <c r="R6" s="769"/>
      <c r="S6" s="769"/>
      <c r="T6" s="769"/>
      <c r="U6" s="769"/>
      <c r="V6" s="769"/>
      <c r="W6" s="769"/>
      <c r="X6" s="769"/>
      <c r="Y6" s="769"/>
      <c r="Z6" s="769"/>
      <c r="AA6" s="769"/>
      <c r="AB6" s="769"/>
      <c r="AC6" s="769"/>
      <c r="AD6" s="769"/>
      <c r="AE6" s="769"/>
      <c r="AF6" s="769"/>
      <c r="AG6" s="769"/>
      <c r="AH6" s="769"/>
    </row>
    <row r="7" spans="1:34" ht="21" customHeight="1" x14ac:dyDescent="0.2">
      <c r="A7" s="769"/>
      <c r="B7" s="2350" t="s">
        <v>133</v>
      </c>
      <c r="C7" s="2351"/>
      <c r="D7" s="2351"/>
      <c r="E7" s="2351"/>
      <c r="F7" s="2351"/>
      <c r="G7" s="2351"/>
      <c r="H7" s="2351"/>
      <c r="I7" s="2351"/>
      <c r="J7" s="2351"/>
      <c r="K7" s="2351"/>
      <c r="L7" s="2351"/>
      <c r="M7" s="2351"/>
      <c r="N7" s="2352"/>
      <c r="O7" s="2352"/>
      <c r="P7" s="2352"/>
      <c r="Q7" s="2352"/>
      <c r="R7" s="2352"/>
      <c r="S7" s="2352"/>
      <c r="T7" s="2352"/>
      <c r="U7" s="2352"/>
      <c r="V7" s="2352"/>
      <c r="W7" s="2352"/>
      <c r="X7" s="2352"/>
      <c r="Y7" s="2352"/>
      <c r="Z7" s="2352"/>
      <c r="AA7" s="2352"/>
      <c r="AB7" s="2352"/>
      <c r="AC7" s="2352"/>
      <c r="AD7" s="2352"/>
      <c r="AE7" s="2352"/>
      <c r="AF7" s="2352"/>
      <c r="AG7" s="2353"/>
      <c r="AH7" s="769"/>
    </row>
    <row r="8" spans="1:34" ht="21" customHeight="1" thickBot="1" x14ac:dyDescent="0.25">
      <c r="A8" s="769"/>
      <c r="B8" s="2344" t="s">
        <v>150</v>
      </c>
      <c r="C8" s="2345"/>
      <c r="D8" s="2345"/>
      <c r="E8" s="2345"/>
      <c r="F8" s="2345"/>
      <c r="G8" s="2345"/>
      <c r="H8" s="2345"/>
      <c r="I8" s="2345"/>
      <c r="J8" s="2345"/>
      <c r="K8" s="2345"/>
      <c r="L8" s="2345"/>
      <c r="M8" s="2345"/>
      <c r="N8" s="2346" t="s">
        <v>1328</v>
      </c>
      <c r="O8" s="2346"/>
      <c r="P8" s="2346"/>
      <c r="Q8" s="2346"/>
      <c r="R8" s="2346"/>
      <c r="S8" s="2346"/>
      <c r="T8" s="2346"/>
      <c r="U8" s="2346"/>
      <c r="V8" s="2346"/>
      <c r="W8" s="2346"/>
      <c r="X8" s="2346"/>
      <c r="Y8" s="2346"/>
      <c r="Z8" s="2346"/>
      <c r="AA8" s="2346"/>
      <c r="AB8" s="2346"/>
      <c r="AC8" s="2346"/>
      <c r="AD8" s="2346"/>
      <c r="AE8" s="2346"/>
      <c r="AF8" s="2346"/>
      <c r="AG8" s="2347"/>
      <c r="AH8" s="769"/>
    </row>
    <row r="9" spans="1:34" ht="21" customHeight="1" thickTop="1" x14ac:dyDescent="0.2">
      <c r="A9" s="769"/>
      <c r="B9" s="2354" t="s">
        <v>439</v>
      </c>
      <c r="C9" s="2355"/>
      <c r="D9" s="2355"/>
      <c r="E9" s="2355"/>
      <c r="F9" s="2355"/>
      <c r="G9" s="2355"/>
      <c r="H9" s="2355"/>
      <c r="I9" s="2355"/>
      <c r="J9" s="2355"/>
      <c r="K9" s="2355"/>
      <c r="L9" s="2355"/>
      <c r="M9" s="2355"/>
      <c r="N9" s="2355" t="s">
        <v>440</v>
      </c>
      <c r="O9" s="2355"/>
      <c r="P9" s="2355"/>
      <c r="Q9" s="2355"/>
      <c r="R9" s="2355"/>
      <c r="S9" s="2355"/>
      <c r="T9" s="2355"/>
      <c r="U9" s="2355"/>
      <c r="V9" s="2355"/>
      <c r="W9" s="2355"/>
      <c r="X9" s="2355"/>
      <c r="Y9" s="2355"/>
      <c r="Z9" s="2355"/>
      <c r="AA9" s="2355"/>
      <c r="AB9" s="2355"/>
      <c r="AC9" s="2355"/>
      <c r="AD9" s="2355"/>
      <c r="AE9" s="2355"/>
      <c r="AF9" s="2355"/>
      <c r="AG9" s="2356"/>
      <c r="AH9" s="769"/>
    </row>
    <row r="10" spans="1:34" ht="21" customHeight="1" x14ac:dyDescent="0.2">
      <c r="A10" s="769"/>
      <c r="B10" s="2357" t="s">
        <v>53</v>
      </c>
      <c r="C10" s="2358"/>
      <c r="D10" s="2358"/>
      <c r="E10" s="2358"/>
      <c r="F10" s="2358"/>
      <c r="G10" s="2358" t="s">
        <v>54</v>
      </c>
      <c r="H10" s="2358"/>
      <c r="I10" s="2358"/>
      <c r="J10" s="2358"/>
      <c r="K10" s="2358"/>
      <c r="L10" s="2358"/>
      <c r="M10" s="2358"/>
      <c r="N10" s="2359" t="s">
        <v>1329</v>
      </c>
      <c r="O10" s="2360"/>
      <c r="P10" s="2360"/>
      <c r="Q10" s="2360"/>
      <c r="R10" s="2361"/>
      <c r="S10" s="2359" t="s">
        <v>1330</v>
      </c>
      <c r="T10" s="2360"/>
      <c r="U10" s="2360"/>
      <c r="V10" s="2360"/>
      <c r="W10" s="2361"/>
      <c r="X10" s="2368" t="s">
        <v>1331</v>
      </c>
      <c r="Y10" s="2368"/>
      <c r="Z10" s="2368"/>
      <c r="AA10" s="2368"/>
      <c r="AB10" s="2368"/>
      <c r="AC10" s="2368" t="s">
        <v>1332</v>
      </c>
      <c r="AD10" s="2368"/>
      <c r="AE10" s="2368"/>
      <c r="AF10" s="2368"/>
      <c r="AG10" s="2369"/>
      <c r="AH10" s="769"/>
    </row>
    <row r="11" spans="1:34" ht="21" customHeight="1" x14ac:dyDescent="0.2">
      <c r="A11" s="769"/>
      <c r="B11" s="2357"/>
      <c r="C11" s="2358"/>
      <c r="D11" s="2358"/>
      <c r="E11" s="2358"/>
      <c r="F11" s="2358"/>
      <c r="G11" s="2358"/>
      <c r="H11" s="2358"/>
      <c r="I11" s="2358"/>
      <c r="J11" s="2358"/>
      <c r="K11" s="2358"/>
      <c r="L11" s="2358"/>
      <c r="M11" s="2358"/>
      <c r="N11" s="2362"/>
      <c r="O11" s="2363"/>
      <c r="P11" s="2363"/>
      <c r="Q11" s="2363"/>
      <c r="R11" s="2364"/>
      <c r="S11" s="2362"/>
      <c r="T11" s="2363"/>
      <c r="U11" s="2363"/>
      <c r="V11" s="2363"/>
      <c r="W11" s="2364"/>
      <c r="X11" s="2368"/>
      <c r="Y11" s="2368"/>
      <c r="Z11" s="2368"/>
      <c r="AA11" s="2368"/>
      <c r="AB11" s="2368"/>
      <c r="AC11" s="2368"/>
      <c r="AD11" s="2368"/>
      <c r="AE11" s="2368"/>
      <c r="AF11" s="2368"/>
      <c r="AG11" s="2369"/>
      <c r="AH11" s="769"/>
    </row>
    <row r="12" spans="1:34" ht="21" customHeight="1" x14ac:dyDescent="0.2">
      <c r="A12" s="769"/>
      <c r="B12" s="2357"/>
      <c r="C12" s="2358"/>
      <c r="D12" s="2358"/>
      <c r="E12" s="2358"/>
      <c r="F12" s="2358"/>
      <c r="G12" s="2358"/>
      <c r="H12" s="2358"/>
      <c r="I12" s="2358"/>
      <c r="J12" s="2358"/>
      <c r="K12" s="2358"/>
      <c r="L12" s="2358"/>
      <c r="M12" s="2358"/>
      <c r="N12" s="2365"/>
      <c r="O12" s="2366"/>
      <c r="P12" s="2366"/>
      <c r="Q12" s="2366"/>
      <c r="R12" s="2367"/>
      <c r="S12" s="2365"/>
      <c r="T12" s="2366"/>
      <c r="U12" s="2366"/>
      <c r="V12" s="2366"/>
      <c r="W12" s="2367"/>
      <c r="X12" s="2368"/>
      <c r="Y12" s="2368"/>
      <c r="Z12" s="2368"/>
      <c r="AA12" s="2368"/>
      <c r="AB12" s="2368"/>
      <c r="AC12" s="2368"/>
      <c r="AD12" s="2368"/>
      <c r="AE12" s="2368"/>
      <c r="AF12" s="2368"/>
      <c r="AG12" s="2369"/>
      <c r="AH12" s="769"/>
    </row>
    <row r="13" spans="1:34" ht="21" customHeight="1" x14ac:dyDescent="0.2">
      <c r="A13" s="769"/>
      <c r="B13" s="2372"/>
      <c r="C13" s="2370"/>
      <c r="D13" s="2370"/>
      <c r="E13" s="2370"/>
      <c r="F13" s="2370"/>
      <c r="G13" s="2370"/>
      <c r="H13" s="2370"/>
      <c r="I13" s="2370"/>
      <c r="J13" s="2370"/>
      <c r="K13" s="2370"/>
      <c r="L13" s="2370"/>
      <c r="M13" s="2370"/>
      <c r="N13" s="2370"/>
      <c r="O13" s="2370"/>
      <c r="P13" s="2370"/>
      <c r="Q13" s="2370"/>
      <c r="R13" s="2370"/>
      <c r="S13" s="2370"/>
      <c r="T13" s="2370"/>
      <c r="U13" s="2370"/>
      <c r="V13" s="2370"/>
      <c r="W13" s="2370"/>
      <c r="X13" s="2370"/>
      <c r="Y13" s="2370"/>
      <c r="Z13" s="2370"/>
      <c r="AA13" s="2370"/>
      <c r="AB13" s="2370"/>
      <c r="AC13" s="2370"/>
      <c r="AD13" s="2370"/>
      <c r="AE13" s="2370"/>
      <c r="AF13" s="2370"/>
      <c r="AG13" s="2371"/>
      <c r="AH13" s="769"/>
    </row>
    <row r="14" spans="1:34" ht="21" customHeight="1" x14ac:dyDescent="0.2">
      <c r="A14" s="769"/>
      <c r="B14" s="2372"/>
      <c r="C14" s="2370"/>
      <c r="D14" s="2370"/>
      <c r="E14" s="2370"/>
      <c r="F14" s="2370"/>
      <c r="G14" s="2370"/>
      <c r="H14" s="2370"/>
      <c r="I14" s="2370"/>
      <c r="J14" s="2370"/>
      <c r="K14" s="2370"/>
      <c r="L14" s="2370"/>
      <c r="M14" s="2370"/>
      <c r="N14" s="2370"/>
      <c r="O14" s="2370"/>
      <c r="P14" s="2370"/>
      <c r="Q14" s="2370"/>
      <c r="R14" s="2370"/>
      <c r="S14" s="2370"/>
      <c r="T14" s="2370"/>
      <c r="U14" s="2370"/>
      <c r="V14" s="2370"/>
      <c r="W14" s="2370"/>
      <c r="X14" s="2370"/>
      <c r="Y14" s="2370"/>
      <c r="Z14" s="2370"/>
      <c r="AA14" s="2370"/>
      <c r="AB14" s="2370"/>
      <c r="AC14" s="2370"/>
      <c r="AD14" s="2370"/>
      <c r="AE14" s="2370"/>
      <c r="AF14" s="2370"/>
      <c r="AG14" s="2371"/>
      <c r="AH14" s="769"/>
    </row>
    <row r="15" spans="1:34" ht="21" customHeight="1" x14ac:dyDescent="0.2">
      <c r="A15" s="769"/>
      <c r="B15" s="2372"/>
      <c r="C15" s="2370"/>
      <c r="D15" s="2370"/>
      <c r="E15" s="2370"/>
      <c r="F15" s="2370"/>
      <c r="G15" s="2370"/>
      <c r="H15" s="2370"/>
      <c r="I15" s="2370"/>
      <c r="J15" s="2370"/>
      <c r="K15" s="2370"/>
      <c r="L15" s="2370"/>
      <c r="M15" s="2370"/>
      <c r="N15" s="2370"/>
      <c r="O15" s="2370"/>
      <c r="P15" s="2370"/>
      <c r="Q15" s="2370"/>
      <c r="R15" s="2370"/>
      <c r="S15" s="2370"/>
      <c r="T15" s="2370"/>
      <c r="U15" s="2370"/>
      <c r="V15" s="2370"/>
      <c r="W15" s="2370"/>
      <c r="X15" s="2370"/>
      <c r="Y15" s="2370"/>
      <c r="Z15" s="2370"/>
      <c r="AA15" s="2370"/>
      <c r="AB15" s="2370"/>
      <c r="AC15" s="2370"/>
      <c r="AD15" s="2370"/>
      <c r="AE15" s="2370"/>
      <c r="AF15" s="2370"/>
      <c r="AG15" s="2371"/>
      <c r="AH15" s="769"/>
    </row>
    <row r="16" spans="1:34" ht="21" customHeight="1" x14ac:dyDescent="0.2">
      <c r="A16" s="769"/>
      <c r="B16" s="2372"/>
      <c r="C16" s="2370"/>
      <c r="D16" s="2370"/>
      <c r="E16" s="2370"/>
      <c r="F16" s="2370"/>
      <c r="G16" s="2370"/>
      <c r="H16" s="2370"/>
      <c r="I16" s="2370"/>
      <c r="J16" s="2370"/>
      <c r="K16" s="2370"/>
      <c r="L16" s="2370"/>
      <c r="M16" s="2370"/>
      <c r="N16" s="2373"/>
      <c r="O16" s="2374"/>
      <c r="P16" s="2374"/>
      <c r="Q16" s="2374"/>
      <c r="R16" s="2376"/>
      <c r="S16" s="2373"/>
      <c r="T16" s="2374"/>
      <c r="U16" s="2374"/>
      <c r="V16" s="2374"/>
      <c r="W16" s="2376"/>
      <c r="X16" s="2373"/>
      <c r="Y16" s="2374"/>
      <c r="Z16" s="2374"/>
      <c r="AA16" s="2374"/>
      <c r="AB16" s="2376"/>
      <c r="AC16" s="2373"/>
      <c r="AD16" s="2374"/>
      <c r="AE16" s="2374"/>
      <c r="AF16" s="2374"/>
      <c r="AG16" s="2375"/>
      <c r="AH16" s="769"/>
    </row>
    <row r="17" spans="1:34" ht="21" customHeight="1" x14ac:dyDescent="0.2">
      <c r="A17" s="769"/>
      <c r="B17" s="2372"/>
      <c r="C17" s="2370"/>
      <c r="D17" s="2370"/>
      <c r="E17" s="2370"/>
      <c r="F17" s="2370"/>
      <c r="G17" s="2370"/>
      <c r="H17" s="2370"/>
      <c r="I17" s="2370"/>
      <c r="J17" s="2370"/>
      <c r="K17" s="2370"/>
      <c r="L17" s="2370"/>
      <c r="M17" s="2370"/>
      <c r="N17" s="2373"/>
      <c r="O17" s="2374"/>
      <c r="P17" s="2374"/>
      <c r="Q17" s="2374"/>
      <c r="R17" s="2376"/>
      <c r="S17" s="2373"/>
      <c r="T17" s="2374"/>
      <c r="U17" s="2374"/>
      <c r="V17" s="2374"/>
      <c r="W17" s="2376"/>
      <c r="X17" s="2373"/>
      <c r="Y17" s="2374"/>
      <c r="Z17" s="2374"/>
      <c r="AA17" s="2374"/>
      <c r="AB17" s="2376"/>
      <c r="AC17" s="2373"/>
      <c r="AD17" s="2374"/>
      <c r="AE17" s="2374"/>
      <c r="AF17" s="2374"/>
      <c r="AG17" s="2375"/>
      <c r="AH17" s="769"/>
    </row>
    <row r="18" spans="1:34" ht="21" customHeight="1" x14ac:dyDescent="0.2">
      <c r="A18" s="769"/>
      <c r="B18" s="2372"/>
      <c r="C18" s="2370"/>
      <c r="D18" s="2370"/>
      <c r="E18" s="2370"/>
      <c r="F18" s="2370"/>
      <c r="G18" s="2370"/>
      <c r="H18" s="2370"/>
      <c r="I18" s="2370"/>
      <c r="J18" s="2370"/>
      <c r="K18" s="2370"/>
      <c r="L18" s="2370"/>
      <c r="M18" s="2370"/>
      <c r="N18" s="2373"/>
      <c r="O18" s="2374"/>
      <c r="P18" s="2374"/>
      <c r="Q18" s="2374"/>
      <c r="R18" s="2376"/>
      <c r="S18" s="2373"/>
      <c r="T18" s="2374"/>
      <c r="U18" s="2374"/>
      <c r="V18" s="2374"/>
      <c r="W18" s="2376"/>
      <c r="X18" s="2373"/>
      <c r="Y18" s="2374"/>
      <c r="Z18" s="2374"/>
      <c r="AA18" s="2374"/>
      <c r="AB18" s="2376"/>
      <c r="AC18" s="2373"/>
      <c r="AD18" s="2374"/>
      <c r="AE18" s="2374"/>
      <c r="AF18" s="2374"/>
      <c r="AG18" s="2375"/>
      <c r="AH18" s="769"/>
    </row>
    <row r="19" spans="1:34" ht="21" customHeight="1" x14ac:dyDescent="0.2">
      <c r="A19" s="769"/>
      <c r="B19" s="2372"/>
      <c r="C19" s="2370"/>
      <c r="D19" s="2370"/>
      <c r="E19" s="2370"/>
      <c r="F19" s="2370"/>
      <c r="G19" s="2370"/>
      <c r="H19" s="2370"/>
      <c r="I19" s="2370"/>
      <c r="J19" s="2370"/>
      <c r="K19" s="2370"/>
      <c r="L19" s="2370"/>
      <c r="M19" s="2370"/>
      <c r="N19" s="2373"/>
      <c r="O19" s="2374"/>
      <c r="P19" s="2374"/>
      <c r="Q19" s="2374"/>
      <c r="R19" s="2376"/>
      <c r="S19" s="2373"/>
      <c r="T19" s="2374"/>
      <c r="U19" s="2374"/>
      <c r="V19" s="2374"/>
      <c r="W19" s="2376"/>
      <c r="X19" s="2373"/>
      <c r="Y19" s="2374"/>
      <c r="Z19" s="2374"/>
      <c r="AA19" s="2374"/>
      <c r="AB19" s="2376"/>
      <c r="AC19" s="2373"/>
      <c r="AD19" s="2374"/>
      <c r="AE19" s="2374"/>
      <c r="AF19" s="2374"/>
      <c r="AG19" s="2375"/>
      <c r="AH19" s="769"/>
    </row>
    <row r="20" spans="1:34" ht="21" customHeight="1" x14ac:dyDescent="0.2">
      <c r="A20" s="769"/>
      <c r="B20" s="2372"/>
      <c r="C20" s="2370"/>
      <c r="D20" s="2370"/>
      <c r="E20" s="2370"/>
      <c r="F20" s="2370"/>
      <c r="G20" s="2370"/>
      <c r="H20" s="2370"/>
      <c r="I20" s="2370"/>
      <c r="J20" s="2370"/>
      <c r="K20" s="2370"/>
      <c r="L20" s="2370"/>
      <c r="M20" s="2370"/>
      <c r="N20" s="2373"/>
      <c r="O20" s="2374"/>
      <c r="P20" s="2374"/>
      <c r="Q20" s="2374"/>
      <c r="R20" s="2376"/>
      <c r="S20" s="2373"/>
      <c r="T20" s="2374"/>
      <c r="U20" s="2374"/>
      <c r="V20" s="2374"/>
      <c r="W20" s="2376"/>
      <c r="X20" s="2373"/>
      <c r="Y20" s="2374"/>
      <c r="Z20" s="2374"/>
      <c r="AA20" s="2374"/>
      <c r="AB20" s="2376"/>
      <c r="AC20" s="2373"/>
      <c r="AD20" s="2374"/>
      <c r="AE20" s="2374"/>
      <c r="AF20" s="2374"/>
      <c r="AG20" s="2375"/>
      <c r="AH20" s="769"/>
    </row>
    <row r="21" spans="1:34" ht="21" customHeight="1" x14ac:dyDescent="0.2">
      <c r="A21" s="769"/>
      <c r="B21" s="2372"/>
      <c r="C21" s="2370"/>
      <c r="D21" s="2370"/>
      <c r="E21" s="2370"/>
      <c r="F21" s="2370"/>
      <c r="G21" s="2370"/>
      <c r="H21" s="2370"/>
      <c r="I21" s="2370"/>
      <c r="J21" s="2370"/>
      <c r="K21" s="2370"/>
      <c r="L21" s="2370"/>
      <c r="M21" s="2370"/>
      <c r="N21" s="2373"/>
      <c r="O21" s="2374"/>
      <c r="P21" s="2374"/>
      <c r="Q21" s="2374"/>
      <c r="R21" s="2376"/>
      <c r="S21" s="2373"/>
      <c r="T21" s="2374"/>
      <c r="U21" s="2374"/>
      <c r="V21" s="2374"/>
      <c r="W21" s="2376"/>
      <c r="X21" s="2373"/>
      <c r="Y21" s="2374"/>
      <c r="Z21" s="2374"/>
      <c r="AA21" s="2374"/>
      <c r="AB21" s="2376"/>
      <c r="AC21" s="2373"/>
      <c r="AD21" s="2374"/>
      <c r="AE21" s="2374"/>
      <c r="AF21" s="2374"/>
      <c r="AG21" s="2375"/>
      <c r="AH21" s="769"/>
    </row>
    <row r="22" spans="1:34" ht="21" customHeight="1" x14ac:dyDescent="0.2">
      <c r="A22" s="769"/>
      <c r="B22" s="2372"/>
      <c r="C22" s="2370"/>
      <c r="D22" s="2370"/>
      <c r="E22" s="2370"/>
      <c r="F22" s="2370"/>
      <c r="G22" s="2370"/>
      <c r="H22" s="2370"/>
      <c r="I22" s="2370"/>
      <c r="J22" s="2370"/>
      <c r="K22" s="2370"/>
      <c r="L22" s="2370"/>
      <c r="M22" s="2370"/>
      <c r="N22" s="2370"/>
      <c r="O22" s="2370"/>
      <c r="P22" s="2370"/>
      <c r="Q22" s="2370"/>
      <c r="R22" s="2370"/>
      <c r="S22" s="2370"/>
      <c r="T22" s="2370"/>
      <c r="U22" s="2370"/>
      <c r="V22" s="2370"/>
      <c r="W22" s="2370"/>
      <c r="X22" s="2370"/>
      <c r="Y22" s="2370"/>
      <c r="Z22" s="2370"/>
      <c r="AA22" s="2370"/>
      <c r="AB22" s="2370"/>
      <c r="AC22" s="2370"/>
      <c r="AD22" s="2370"/>
      <c r="AE22" s="2370"/>
      <c r="AF22" s="2370"/>
      <c r="AG22" s="2371"/>
      <c r="AH22" s="769"/>
    </row>
    <row r="23" spans="1:34" ht="21" customHeight="1" x14ac:dyDescent="0.2">
      <c r="A23" s="769"/>
      <c r="B23" s="2372"/>
      <c r="C23" s="2370"/>
      <c r="D23" s="2370"/>
      <c r="E23" s="2370"/>
      <c r="F23" s="2370"/>
      <c r="G23" s="2370"/>
      <c r="H23" s="2370"/>
      <c r="I23" s="2370"/>
      <c r="J23" s="2370"/>
      <c r="K23" s="2370"/>
      <c r="L23" s="2370"/>
      <c r="M23" s="2370"/>
      <c r="N23" s="2370"/>
      <c r="O23" s="2370"/>
      <c r="P23" s="2370"/>
      <c r="Q23" s="2370"/>
      <c r="R23" s="2370"/>
      <c r="S23" s="2370"/>
      <c r="T23" s="2370"/>
      <c r="U23" s="2370"/>
      <c r="V23" s="2370"/>
      <c r="W23" s="2370"/>
      <c r="X23" s="2370"/>
      <c r="Y23" s="2370"/>
      <c r="Z23" s="2370"/>
      <c r="AA23" s="2370"/>
      <c r="AB23" s="2370"/>
      <c r="AC23" s="2370"/>
      <c r="AD23" s="2370"/>
      <c r="AE23" s="2370"/>
      <c r="AF23" s="2370"/>
      <c r="AG23" s="2371"/>
      <c r="AH23" s="769"/>
    </row>
    <row r="24" spans="1:34" ht="21" customHeight="1" thickBot="1" x14ac:dyDescent="0.25">
      <c r="A24" s="769"/>
      <c r="B24" s="2379"/>
      <c r="C24" s="2377"/>
      <c r="D24" s="2377"/>
      <c r="E24" s="2377"/>
      <c r="F24" s="2377"/>
      <c r="G24" s="2377"/>
      <c r="H24" s="2377"/>
      <c r="I24" s="2377"/>
      <c r="J24" s="2377"/>
      <c r="K24" s="2377"/>
      <c r="L24" s="2377"/>
      <c r="M24" s="2377"/>
      <c r="N24" s="2377"/>
      <c r="O24" s="2377"/>
      <c r="P24" s="2377"/>
      <c r="Q24" s="2377"/>
      <c r="R24" s="2377"/>
      <c r="S24" s="2377"/>
      <c r="T24" s="2377"/>
      <c r="U24" s="2377"/>
      <c r="V24" s="2377"/>
      <c r="W24" s="2377"/>
      <c r="X24" s="2377"/>
      <c r="Y24" s="2377"/>
      <c r="Z24" s="2377"/>
      <c r="AA24" s="2377"/>
      <c r="AB24" s="2377"/>
      <c r="AC24" s="2377"/>
      <c r="AD24" s="2377"/>
      <c r="AE24" s="2377"/>
      <c r="AF24" s="2377"/>
      <c r="AG24" s="2378"/>
      <c r="AH24" s="769"/>
    </row>
    <row r="25" spans="1:34" ht="21" customHeight="1" thickBot="1" x14ac:dyDescent="0.25">
      <c r="A25" s="769"/>
      <c r="B25" s="770"/>
      <c r="C25" s="770"/>
      <c r="D25" s="770"/>
      <c r="E25" s="770"/>
      <c r="F25" s="770"/>
      <c r="G25" s="770"/>
      <c r="H25" s="770"/>
      <c r="I25" s="770"/>
      <c r="J25" s="770"/>
      <c r="K25" s="770"/>
      <c r="L25" s="770"/>
      <c r="M25" s="770"/>
      <c r="N25" s="770"/>
      <c r="O25" s="770"/>
      <c r="P25" s="770"/>
      <c r="Q25" s="770"/>
      <c r="R25" s="770"/>
      <c r="S25" s="770"/>
      <c r="T25" s="770"/>
      <c r="U25" s="770"/>
      <c r="V25" s="770"/>
      <c r="W25" s="770"/>
      <c r="X25" s="770"/>
      <c r="Y25" s="770"/>
      <c r="Z25" s="770"/>
      <c r="AA25" s="770"/>
      <c r="AB25" s="770"/>
      <c r="AC25" s="770"/>
      <c r="AD25" s="770"/>
      <c r="AE25" s="770"/>
      <c r="AF25" s="770"/>
      <c r="AG25" s="770"/>
      <c r="AH25" s="769"/>
    </row>
    <row r="26" spans="1:34" ht="21" customHeight="1" x14ac:dyDescent="0.2">
      <c r="A26" s="769"/>
      <c r="B26" s="2381" t="s">
        <v>1333</v>
      </c>
      <c r="C26" s="2382"/>
      <c r="D26" s="2382"/>
      <c r="E26" s="2382"/>
      <c r="F26" s="2382"/>
      <c r="G26" s="2382"/>
      <c r="H26" s="2382"/>
      <c r="I26" s="2382"/>
      <c r="J26" s="2382"/>
      <c r="K26" s="2382"/>
      <c r="L26" s="2382"/>
      <c r="M26" s="2382"/>
      <c r="N26" s="2382"/>
      <c r="O26" s="2382"/>
      <c r="P26" s="2382"/>
      <c r="Q26" s="2382"/>
      <c r="R26" s="2385" t="s">
        <v>1334</v>
      </c>
      <c r="S26" s="2385"/>
      <c r="T26" s="2385"/>
      <c r="U26" s="2385"/>
      <c r="V26" s="2385"/>
      <c r="W26" s="2385"/>
      <c r="X26" s="2385"/>
      <c r="Y26" s="2385"/>
      <c r="Z26" s="2385"/>
      <c r="AA26" s="2385"/>
      <c r="AB26" s="2385"/>
      <c r="AC26" s="2385"/>
      <c r="AD26" s="2385"/>
      <c r="AE26" s="2385"/>
      <c r="AF26" s="2385"/>
      <c r="AG26" s="2386"/>
      <c r="AH26" s="769"/>
    </row>
    <row r="27" spans="1:34" ht="21" customHeight="1" thickBot="1" x14ac:dyDescent="0.25">
      <c r="A27" s="769"/>
      <c r="B27" s="2383"/>
      <c r="C27" s="2384"/>
      <c r="D27" s="2384"/>
      <c r="E27" s="2384"/>
      <c r="F27" s="2384"/>
      <c r="G27" s="2384"/>
      <c r="H27" s="2384"/>
      <c r="I27" s="2384"/>
      <c r="J27" s="2384"/>
      <c r="K27" s="2384"/>
      <c r="L27" s="2384"/>
      <c r="M27" s="2384"/>
      <c r="N27" s="2384"/>
      <c r="O27" s="2384"/>
      <c r="P27" s="2384"/>
      <c r="Q27" s="2384"/>
      <c r="R27" s="2387"/>
      <c r="S27" s="2387"/>
      <c r="T27" s="2387"/>
      <c r="U27" s="2387"/>
      <c r="V27" s="2387"/>
      <c r="W27" s="2387"/>
      <c r="X27" s="2387"/>
      <c r="Y27" s="2387"/>
      <c r="Z27" s="2387"/>
      <c r="AA27" s="2387"/>
      <c r="AB27" s="2387"/>
      <c r="AC27" s="2387"/>
      <c r="AD27" s="2387"/>
      <c r="AE27" s="2387"/>
      <c r="AF27" s="2387"/>
      <c r="AG27" s="2388"/>
      <c r="AH27" s="769"/>
    </row>
    <row r="28" spans="1:34" ht="21" customHeight="1" thickBot="1" x14ac:dyDescent="0.25">
      <c r="A28" s="769"/>
      <c r="B28" s="770"/>
      <c r="C28" s="770"/>
      <c r="D28" s="770"/>
      <c r="E28" s="770"/>
      <c r="F28" s="770"/>
      <c r="G28" s="770"/>
      <c r="H28" s="770"/>
      <c r="I28" s="770"/>
      <c r="J28" s="770"/>
      <c r="K28" s="770"/>
      <c r="L28" s="770"/>
      <c r="M28" s="770"/>
      <c r="N28" s="770"/>
      <c r="O28" s="770"/>
      <c r="P28" s="770"/>
      <c r="Q28" s="770"/>
      <c r="R28" s="770"/>
      <c r="S28" s="770"/>
      <c r="T28" s="770"/>
      <c r="U28" s="770"/>
      <c r="V28" s="770"/>
      <c r="W28" s="770"/>
      <c r="X28" s="770"/>
      <c r="Y28" s="770"/>
      <c r="Z28" s="770"/>
      <c r="AA28" s="770"/>
      <c r="AB28" s="770"/>
      <c r="AC28" s="770"/>
      <c r="AD28" s="770"/>
      <c r="AE28" s="770"/>
      <c r="AF28" s="770"/>
      <c r="AG28" s="770"/>
      <c r="AH28" s="769"/>
    </row>
    <row r="29" spans="1:34" ht="21" customHeight="1" x14ac:dyDescent="0.2">
      <c r="A29" s="769"/>
      <c r="B29" s="2389" t="s">
        <v>1335</v>
      </c>
      <c r="C29" s="2390"/>
      <c r="D29" s="2390"/>
      <c r="E29" s="2390"/>
      <c r="F29" s="2390"/>
      <c r="G29" s="2390"/>
      <c r="H29" s="2390"/>
      <c r="I29" s="2391"/>
      <c r="J29" s="2390" t="s">
        <v>441</v>
      </c>
      <c r="K29" s="2390"/>
      <c r="L29" s="2390"/>
      <c r="M29" s="2390"/>
      <c r="N29" s="2390"/>
      <c r="O29" s="2390"/>
      <c r="P29" s="2390"/>
      <c r="Q29" s="2390"/>
      <c r="R29" s="2395"/>
      <c r="S29" s="2395"/>
      <c r="T29" s="2395"/>
      <c r="U29" s="2395"/>
      <c r="V29" s="2395"/>
      <c r="W29" s="2395"/>
      <c r="X29" s="2395"/>
      <c r="Y29" s="2395"/>
      <c r="Z29" s="2395"/>
      <c r="AA29" s="2395"/>
      <c r="AB29" s="2395"/>
      <c r="AC29" s="2395"/>
      <c r="AD29" s="2395"/>
      <c r="AE29" s="2395"/>
      <c r="AF29" s="2395"/>
      <c r="AG29" s="2396"/>
      <c r="AH29" s="769"/>
    </row>
    <row r="30" spans="1:34" ht="42.75" customHeight="1" x14ac:dyDescent="0.2">
      <c r="A30" s="769"/>
      <c r="B30" s="2392"/>
      <c r="C30" s="2393"/>
      <c r="D30" s="2393"/>
      <c r="E30" s="2393"/>
      <c r="F30" s="2393"/>
      <c r="G30" s="2393"/>
      <c r="H30" s="2393"/>
      <c r="I30" s="2394"/>
      <c r="J30" s="2393"/>
      <c r="K30" s="2393"/>
      <c r="L30" s="2393"/>
      <c r="M30" s="2393"/>
      <c r="N30" s="2393"/>
      <c r="O30" s="2393"/>
      <c r="P30" s="2393"/>
      <c r="Q30" s="2394"/>
      <c r="R30" s="2397" t="s">
        <v>1336</v>
      </c>
      <c r="S30" s="2398"/>
      <c r="T30" s="2398"/>
      <c r="U30" s="2398"/>
      <c r="V30" s="2398"/>
      <c r="W30" s="2398"/>
      <c r="X30" s="2398"/>
      <c r="Y30" s="2398"/>
      <c r="Z30" s="2398"/>
      <c r="AA30" s="2398"/>
      <c r="AB30" s="2398"/>
      <c r="AC30" s="2398"/>
      <c r="AD30" s="2398"/>
      <c r="AE30" s="2398"/>
      <c r="AF30" s="2398"/>
      <c r="AG30" s="2399"/>
      <c r="AH30" s="769"/>
    </row>
    <row r="31" spans="1:34" ht="24.75" customHeight="1" thickBot="1" x14ac:dyDescent="0.25">
      <c r="A31" s="769"/>
      <c r="B31" s="2400"/>
      <c r="C31" s="2401"/>
      <c r="D31" s="2401"/>
      <c r="E31" s="2401"/>
      <c r="F31" s="2401"/>
      <c r="G31" s="2401"/>
      <c r="H31" s="2401"/>
      <c r="I31" s="2402"/>
      <c r="J31" s="2403"/>
      <c r="K31" s="2403"/>
      <c r="L31" s="2403"/>
      <c r="M31" s="2403"/>
      <c r="N31" s="2403"/>
      <c r="O31" s="2403"/>
      <c r="P31" s="2403"/>
      <c r="Q31" s="2404"/>
      <c r="R31" s="2405"/>
      <c r="S31" s="2403"/>
      <c r="T31" s="2403"/>
      <c r="U31" s="2403"/>
      <c r="V31" s="2403"/>
      <c r="W31" s="2403"/>
      <c r="X31" s="2403"/>
      <c r="Y31" s="2403"/>
      <c r="Z31" s="2403"/>
      <c r="AA31" s="2403"/>
      <c r="AB31" s="2403"/>
      <c r="AC31" s="2403"/>
      <c r="AD31" s="2403"/>
      <c r="AE31" s="2403"/>
      <c r="AF31" s="2403"/>
      <c r="AG31" s="2406"/>
      <c r="AH31" s="769"/>
    </row>
    <row r="32" spans="1:34" ht="17.100000000000001" customHeight="1" x14ac:dyDescent="0.2">
      <c r="A32" s="769"/>
      <c r="B32" s="2407" t="s">
        <v>1337</v>
      </c>
      <c r="C32" s="2407"/>
      <c r="D32" s="2407"/>
      <c r="E32" s="2407"/>
      <c r="F32" s="2407"/>
      <c r="G32" s="2407"/>
      <c r="H32" s="2407"/>
      <c r="I32" s="2407"/>
      <c r="J32" s="2407"/>
      <c r="K32" s="2407"/>
      <c r="L32" s="2407"/>
      <c r="M32" s="2407"/>
      <c r="N32" s="2407"/>
      <c r="O32" s="2407"/>
      <c r="P32" s="2407"/>
      <c r="Q32" s="2407"/>
      <c r="R32" s="2407"/>
      <c r="S32" s="2407"/>
      <c r="T32" s="2407"/>
      <c r="U32" s="2407"/>
      <c r="V32" s="2407"/>
      <c r="W32" s="2407"/>
      <c r="X32" s="2407"/>
      <c r="Y32" s="2407"/>
      <c r="Z32" s="2407"/>
      <c r="AA32" s="2407"/>
      <c r="AB32" s="2407"/>
      <c r="AC32" s="2407"/>
      <c r="AD32" s="2407"/>
      <c r="AE32" s="2407"/>
      <c r="AF32" s="2407"/>
      <c r="AG32" s="2407"/>
      <c r="AH32" s="769"/>
    </row>
    <row r="33" spans="1:34" ht="17.100000000000001" customHeight="1" x14ac:dyDescent="0.2">
      <c r="A33" s="769"/>
      <c r="B33" s="2380"/>
      <c r="C33" s="2380"/>
      <c r="D33" s="2380"/>
      <c r="E33" s="2380"/>
      <c r="F33" s="2380"/>
      <c r="G33" s="2380"/>
      <c r="H33" s="2380"/>
      <c r="I33" s="2380"/>
      <c r="J33" s="2380"/>
      <c r="K33" s="2380"/>
      <c r="L33" s="2380"/>
      <c r="M33" s="2380"/>
      <c r="N33" s="2380"/>
      <c r="O33" s="2380"/>
      <c r="P33" s="2380"/>
      <c r="Q33" s="2380"/>
      <c r="R33" s="2380"/>
      <c r="S33" s="2380"/>
      <c r="T33" s="2380"/>
      <c r="U33" s="2380"/>
      <c r="V33" s="2380"/>
      <c r="W33" s="2380"/>
      <c r="X33" s="2380"/>
      <c r="Y33" s="2380"/>
      <c r="Z33" s="2380"/>
      <c r="AA33" s="2380"/>
      <c r="AB33" s="2380"/>
      <c r="AC33" s="2380"/>
      <c r="AD33" s="2380"/>
      <c r="AE33" s="2380"/>
      <c r="AF33" s="2380"/>
      <c r="AG33" s="2380"/>
      <c r="AH33" s="769"/>
    </row>
    <row r="34" spans="1:34" ht="17.100000000000001" customHeight="1" x14ac:dyDescent="0.2">
      <c r="A34" s="769"/>
      <c r="B34" s="2380" t="s">
        <v>1338</v>
      </c>
      <c r="C34" s="2380"/>
      <c r="D34" s="2380"/>
      <c r="E34" s="2380"/>
      <c r="F34" s="2380"/>
      <c r="G34" s="2380"/>
      <c r="H34" s="2380"/>
      <c r="I34" s="2380"/>
      <c r="J34" s="2380"/>
      <c r="K34" s="2380"/>
      <c r="L34" s="2380"/>
      <c r="M34" s="2380"/>
      <c r="N34" s="2380"/>
      <c r="O34" s="2380"/>
      <c r="P34" s="2380"/>
      <c r="Q34" s="2380"/>
      <c r="R34" s="2380"/>
      <c r="S34" s="2380"/>
      <c r="T34" s="2380"/>
      <c r="U34" s="2380"/>
      <c r="V34" s="2380"/>
      <c r="W34" s="2380"/>
      <c r="X34" s="2380"/>
      <c r="Y34" s="2380"/>
      <c r="Z34" s="2380"/>
      <c r="AA34" s="2380"/>
      <c r="AB34" s="2380"/>
      <c r="AC34" s="2380"/>
      <c r="AD34" s="2380"/>
      <c r="AE34" s="2380"/>
      <c r="AF34" s="2380"/>
      <c r="AG34" s="2380"/>
      <c r="AH34" s="769"/>
    </row>
    <row r="35" spans="1:34" ht="17.100000000000001" customHeight="1" x14ac:dyDescent="0.2">
      <c r="A35" s="769"/>
      <c r="B35" s="2380"/>
      <c r="C35" s="2380"/>
      <c r="D35" s="2380"/>
      <c r="E35" s="2380"/>
      <c r="F35" s="2380"/>
      <c r="G35" s="2380"/>
      <c r="H35" s="2380"/>
      <c r="I35" s="2380"/>
      <c r="J35" s="2380"/>
      <c r="K35" s="2380"/>
      <c r="L35" s="2380"/>
      <c r="M35" s="2380"/>
      <c r="N35" s="2380"/>
      <c r="O35" s="2380"/>
      <c r="P35" s="2380"/>
      <c r="Q35" s="2380"/>
      <c r="R35" s="2380"/>
      <c r="S35" s="2380"/>
      <c r="T35" s="2380"/>
      <c r="U35" s="2380"/>
      <c r="V35" s="2380"/>
      <c r="W35" s="2380"/>
      <c r="X35" s="2380"/>
      <c r="Y35" s="2380"/>
      <c r="Z35" s="2380"/>
      <c r="AA35" s="2380"/>
      <c r="AB35" s="2380"/>
      <c r="AC35" s="2380"/>
      <c r="AD35" s="2380"/>
      <c r="AE35" s="2380"/>
      <c r="AF35" s="2380"/>
      <c r="AG35" s="2380"/>
      <c r="AH35" s="769"/>
    </row>
    <row r="36" spans="1:34" ht="15" customHeight="1" x14ac:dyDescent="0.2">
      <c r="A36" s="769"/>
      <c r="B36" s="771"/>
      <c r="C36" s="771"/>
      <c r="D36" s="771"/>
      <c r="E36" s="771"/>
      <c r="F36" s="771"/>
      <c r="G36" s="772"/>
      <c r="H36" s="772"/>
      <c r="I36" s="772"/>
      <c r="J36" s="772"/>
      <c r="K36" s="772"/>
      <c r="L36" s="772"/>
      <c r="M36" s="772"/>
      <c r="N36" s="771"/>
      <c r="O36" s="771"/>
      <c r="P36" s="771"/>
      <c r="Q36" s="771"/>
      <c r="R36" s="771"/>
      <c r="S36" s="771"/>
      <c r="T36" s="771"/>
      <c r="U36" s="771"/>
      <c r="V36" s="771"/>
      <c r="W36" s="771"/>
      <c r="X36" s="771"/>
      <c r="Y36" s="771"/>
      <c r="Z36" s="771"/>
      <c r="AA36" s="771"/>
      <c r="AB36" s="771"/>
      <c r="AC36" s="771"/>
      <c r="AD36" s="771"/>
      <c r="AE36" s="771"/>
      <c r="AF36" s="771"/>
      <c r="AG36" s="771"/>
      <c r="AH36" s="769"/>
    </row>
    <row r="37" spans="1:34" ht="21" customHeight="1" x14ac:dyDescent="0.2">
      <c r="A37" s="769"/>
      <c r="B37" s="2380" t="s">
        <v>1339</v>
      </c>
      <c r="C37" s="2380"/>
      <c r="D37" s="2380"/>
      <c r="E37" s="2380"/>
      <c r="F37" s="2380"/>
      <c r="G37" s="2380"/>
      <c r="H37" s="2380"/>
      <c r="I37" s="2380"/>
      <c r="J37" s="2380"/>
      <c r="K37" s="2380"/>
      <c r="L37" s="2380"/>
      <c r="M37" s="2380"/>
      <c r="N37" s="2380"/>
      <c r="O37" s="2380"/>
      <c r="P37" s="2380"/>
      <c r="Q37" s="2380"/>
      <c r="R37" s="2380"/>
      <c r="S37" s="2380"/>
      <c r="T37" s="2380"/>
      <c r="U37" s="2380"/>
      <c r="V37" s="2380"/>
      <c r="W37" s="2380"/>
      <c r="X37" s="2380"/>
      <c r="Y37" s="2380"/>
      <c r="Z37" s="2380"/>
      <c r="AA37" s="2380"/>
      <c r="AB37" s="2380"/>
      <c r="AC37" s="2380"/>
      <c r="AD37" s="2380"/>
      <c r="AE37" s="2380"/>
      <c r="AF37" s="2380"/>
      <c r="AG37" s="2380"/>
      <c r="AH37" s="769"/>
    </row>
    <row r="38" spans="1:34" ht="21" customHeight="1" x14ac:dyDescent="0.2">
      <c r="A38" s="769"/>
      <c r="B38" s="2380"/>
      <c r="C38" s="2380"/>
      <c r="D38" s="2380"/>
      <c r="E38" s="2380"/>
      <c r="F38" s="2380"/>
      <c r="G38" s="2380"/>
      <c r="H38" s="2380"/>
      <c r="I38" s="2380"/>
      <c r="J38" s="2380"/>
      <c r="K38" s="2380"/>
      <c r="L38" s="2380"/>
      <c r="M38" s="2380"/>
      <c r="N38" s="2380"/>
      <c r="O38" s="2380"/>
      <c r="P38" s="2380"/>
      <c r="Q38" s="2380"/>
      <c r="R38" s="2380"/>
      <c r="S38" s="2380"/>
      <c r="T38" s="2380"/>
      <c r="U38" s="2380"/>
      <c r="V38" s="2380"/>
      <c r="W38" s="2380"/>
      <c r="X38" s="2380"/>
      <c r="Y38" s="2380"/>
      <c r="Z38" s="2380"/>
      <c r="AA38" s="2380"/>
      <c r="AB38" s="2380"/>
      <c r="AC38" s="2380"/>
      <c r="AD38" s="2380"/>
      <c r="AE38" s="2380"/>
      <c r="AF38" s="2380"/>
      <c r="AG38" s="2380"/>
      <c r="AH38" s="769"/>
    </row>
    <row r="39" spans="1:34" ht="21" customHeight="1" x14ac:dyDescent="0.2">
      <c r="A39" s="769"/>
      <c r="B39" s="2380"/>
      <c r="C39" s="2380"/>
      <c r="D39" s="2380"/>
      <c r="E39" s="2380"/>
      <c r="F39" s="2380"/>
      <c r="G39" s="2380"/>
      <c r="H39" s="2380"/>
      <c r="I39" s="2380"/>
      <c r="J39" s="2380"/>
      <c r="K39" s="2380"/>
      <c r="L39" s="2380"/>
      <c r="M39" s="2380"/>
      <c r="N39" s="2380"/>
      <c r="O39" s="2380"/>
      <c r="P39" s="2380"/>
      <c r="Q39" s="2380"/>
      <c r="R39" s="2380"/>
      <c r="S39" s="2380"/>
      <c r="T39" s="2380"/>
      <c r="U39" s="2380"/>
      <c r="V39" s="2380"/>
      <c r="W39" s="2380"/>
      <c r="X39" s="2380"/>
      <c r="Y39" s="2380"/>
      <c r="Z39" s="2380"/>
      <c r="AA39" s="2380"/>
      <c r="AB39" s="2380"/>
      <c r="AC39" s="2380"/>
      <c r="AD39" s="2380"/>
      <c r="AE39" s="2380"/>
      <c r="AF39" s="2380"/>
      <c r="AG39" s="2380"/>
      <c r="AH39" s="769"/>
    </row>
    <row r="40" spans="1:34" ht="21" customHeight="1" x14ac:dyDescent="0.2">
      <c r="A40" s="769"/>
      <c r="B40" s="2380"/>
      <c r="C40" s="2380"/>
      <c r="D40" s="2380"/>
      <c r="E40" s="2380"/>
      <c r="F40" s="2380"/>
      <c r="G40" s="2380"/>
      <c r="H40" s="2380"/>
      <c r="I40" s="2380"/>
      <c r="J40" s="2380"/>
      <c r="K40" s="2380"/>
      <c r="L40" s="2380"/>
      <c r="M40" s="2380"/>
      <c r="N40" s="2380"/>
      <c r="O40" s="2380"/>
      <c r="P40" s="2380"/>
      <c r="Q40" s="2380"/>
      <c r="R40" s="2380"/>
      <c r="S40" s="2380"/>
      <c r="T40" s="2380"/>
      <c r="U40" s="2380"/>
      <c r="V40" s="2380"/>
      <c r="W40" s="2380"/>
      <c r="X40" s="2380"/>
      <c r="Y40" s="2380"/>
      <c r="Z40" s="2380"/>
      <c r="AA40" s="2380"/>
      <c r="AB40" s="2380"/>
      <c r="AC40" s="2380"/>
      <c r="AD40" s="2380"/>
      <c r="AE40" s="2380"/>
      <c r="AF40" s="2380"/>
      <c r="AG40" s="2380"/>
      <c r="AH40" s="769"/>
    </row>
    <row r="41" spans="1:34" ht="21" customHeight="1" x14ac:dyDescent="0.2">
      <c r="A41" s="769"/>
      <c r="B41" s="2380"/>
      <c r="C41" s="2380"/>
      <c r="D41" s="2380"/>
      <c r="E41" s="2380"/>
      <c r="F41" s="2380"/>
      <c r="G41" s="2380"/>
      <c r="H41" s="2380"/>
      <c r="I41" s="2380"/>
      <c r="J41" s="2380"/>
      <c r="K41" s="2380"/>
      <c r="L41" s="2380"/>
      <c r="M41" s="2380"/>
      <c r="N41" s="2380"/>
      <c r="O41" s="2380"/>
      <c r="P41" s="2380"/>
      <c r="Q41" s="2380"/>
      <c r="R41" s="2380"/>
      <c r="S41" s="2380"/>
      <c r="T41" s="2380"/>
      <c r="U41" s="2380"/>
      <c r="V41" s="2380"/>
      <c r="W41" s="2380"/>
      <c r="X41" s="2380"/>
      <c r="Y41" s="2380"/>
      <c r="Z41" s="2380"/>
      <c r="AA41" s="2380"/>
      <c r="AB41" s="2380"/>
      <c r="AC41" s="2380"/>
      <c r="AD41" s="2380"/>
      <c r="AE41" s="2380"/>
      <c r="AF41" s="2380"/>
      <c r="AG41" s="2380"/>
      <c r="AH41" s="769"/>
    </row>
    <row r="42" spans="1:34" ht="21" customHeight="1" x14ac:dyDescent="0.2">
      <c r="A42" s="769"/>
      <c r="B42" s="2380"/>
      <c r="C42" s="2380"/>
      <c r="D42" s="2380"/>
      <c r="E42" s="2380"/>
      <c r="F42" s="2380"/>
      <c r="G42" s="2380"/>
      <c r="H42" s="2380"/>
      <c r="I42" s="2380"/>
      <c r="J42" s="2380"/>
      <c r="K42" s="2380"/>
      <c r="L42" s="2380"/>
      <c r="M42" s="2380"/>
      <c r="N42" s="2380"/>
      <c r="O42" s="2380"/>
      <c r="P42" s="2380"/>
      <c r="Q42" s="2380"/>
      <c r="R42" s="2380"/>
      <c r="S42" s="2380"/>
      <c r="T42" s="2380"/>
      <c r="U42" s="2380"/>
      <c r="V42" s="2380"/>
      <c r="W42" s="2380"/>
      <c r="X42" s="2380"/>
      <c r="Y42" s="2380"/>
      <c r="Z42" s="2380"/>
      <c r="AA42" s="2380"/>
      <c r="AB42" s="2380"/>
      <c r="AC42" s="2380"/>
      <c r="AD42" s="2380"/>
      <c r="AE42" s="2380"/>
      <c r="AF42" s="2380"/>
      <c r="AG42" s="2380"/>
      <c r="AH42" s="769"/>
    </row>
    <row r="43" spans="1:34" ht="21" customHeight="1" x14ac:dyDescent="0.2">
      <c r="A43" s="769"/>
      <c r="B43" s="2380"/>
      <c r="C43" s="2380"/>
      <c r="D43" s="2380"/>
      <c r="E43" s="2380"/>
      <c r="F43" s="2380"/>
      <c r="G43" s="2380"/>
      <c r="H43" s="2380"/>
      <c r="I43" s="2380"/>
      <c r="J43" s="2380"/>
      <c r="K43" s="2380"/>
      <c r="L43" s="2380"/>
      <c r="M43" s="2380"/>
      <c r="N43" s="2380"/>
      <c r="O43" s="2380"/>
      <c r="P43" s="2380"/>
      <c r="Q43" s="2380"/>
      <c r="R43" s="2380"/>
      <c r="S43" s="2380"/>
      <c r="T43" s="2380"/>
      <c r="U43" s="2380"/>
      <c r="V43" s="2380"/>
      <c r="W43" s="2380"/>
      <c r="X43" s="2380"/>
      <c r="Y43" s="2380"/>
      <c r="Z43" s="2380"/>
      <c r="AA43" s="2380"/>
      <c r="AB43" s="2380"/>
      <c r="AC43" s="2380"/>
      <c r="AD43" s="2380"/>
      <c r="AE43" s="2380"/>
      <c r="AF43" s="2380"/>
      <c r="AG43" s="2380"/>
      <c r="AH43" s="769"/>
    </row>
    <row r="44" spans="1:34" ht="21" customHeight="1" x14ac:dyDescent="0.2">
      <c r="A44" s="769"/>
      <c r="B44" s="2380"/>
      <c r="C44" s="2380"/>
      <c r="D44" s="2380"/>
      <c r="E44" s="2380"/>
      <c r="F44" s="2380"/>
      <c r="G44" s="2380"/>
      <c r="H44" s="2380"/>
      <c r="I44" s="2380"/>
      <c r="J44" s="2380"/>
      <c r="K44" s="2380"/>
      <c r="L44" s="2380"/>
      <c r="M44" s="2380"/>
      <c r="N44" s="2380"/>
      <c r="O44" s="2380"/>
      <c r="P44" s="2380"/>
      <c r="Q44" s="2380"/>
      <c r="R44" s="2380"/>
      <c r="S44" s="2380"/>
      <c r="T44" s="2380"/>
      <c r="U44" s="2380"/>
      <c r="V44" s="2380"/>
      <c r="W44" s="2380"/>
      <c r="X44" s="2380"/>
      <c r="Y44" s="2380"/>
      <c r="Z44" s="2380"/>
      <c r="AA44" s="2380"/>
      <c r="AB44" s="2380"/>
      <c r="AC44" s="2380"/>
      <c r="AD44" s="2380"/>
      <c r="AE44" s="2380"/>
      <c r="AF44" s="2380"/>
      <c r="AG44" s="2380"/>
      <c r="AH44" s="769"/>
    </row>
    <row r="45" spans="1:34" ht="21" customHeight="1" x14ac:dyDescent="0.2">
      <c r="A45" s="769"/>
      <c r="B45" s="2380"/>
      <c r="C45" s="2380"/>
      <c r="D45" s="2380"/>
      <c r="E45" s="2380"/>
      <c r="F45" s="2380"/>
      <c r="G45" s="2380"/>
      <c r="H45" s="2380"/>
      <c r="I45" s="2380"/>
      <c r="J45" s="2380"/>
      <c r="K45" s="2380"/>
      <c r="L45" s="2380"/>
      <c r="M45" s="2380"/>
      <c r="N45" s="2380"/>
      <c r="O45" s="2380"/>
      <c r="P45" s="2380"/>
      <c r="Q45" s="2380"/>
      <c r="R45" s="2380"/>
      <c r="S45" s="2380"/>
      <c r="T45" s="2380"/>
      <c r="U45" s="2380"/>
      <c r="V45" s="2380"/>
      <c r="W45" s="2380"/>
      <c r="X45" s="2380"/>
      <c r="Y45" s="2380"/>
      <c r="Z45" s="2380"/>
      <c r="AA45" s="2380"/>
      <c r="AB45" s="2380"/>
      <c r="AC45" s="2380"/>
      <c r="AD45" s="2380"/>
      <c r="AE45" s="2380"/>
      <c r="AF45" s="2380"/>
      <c r="AG45" s="2380"/>
      <c r="AH45" s="769"/>
    </row>
    <row r="46" spans="1:34" ht="21" customHeight="1" x14ac:dyDescent="0.2">
      <c r="A46" s="769"/>
      <c r="B46" s="2380"/>
      <c r="C46" s="2380"/>
      <c r="D46" s="2380"/>
      <c r="E46" s="2380"/>
      <c r="F46" s="2380"/>
      <c r="G46" s="2380"/>
      <c r="H46" s="2380"/>
      <c r="I46" s="2380"/>
      <c r="J46" s="2380"/>
      <c r="K46" s="2380"/>
      <c r="L46" s="2380"/>
      <c r="M46" s="2380"/>
      <c r="N46" s="2380"/>
      <c r="O46" s="2380"/>
      <c r="P46" s="2380"/>
      <c r="Q46" s="2380"/>
      <c r="R46" s="2380"/>
      <c r="S46" s="2380"/>
      <c r="T46" s="2380"/>
      <c r="U46" s="2380"/>
      <c r="V46" s="2380"/>
      <c r="W46" s="2380"/>
      <c r="X46" s="2380"/>
      <c r="Y46" s="2380"/>
      <c r="Z46" s="2380"/>
      <c r="AA46" s="2380"/>
      <c r="AB46" s="2380"/>
      <c r="AC46" s="2380"/>
      <c r="AD46" s="2380"/>
      <c r="AE46" s="2380"/>
      <c r="AF46" s="2380"/>
      <c r="AG46" s="2380"/>
      <c r="AH46" s="769"/>
    </row>
    <row r="47" spans="1:34" ht="16.5" customHeight="1" x14ac:dyDescent="0.2">
      <c r="A47" s="769"/>
      <c r="B47" s="2380"/>
      <c r="C47" s="2380"/>
      <c r="D47" s="2380"/>
      <c r="E47" s="2380"/>
      <c r="F47" s="2380"/>
      <c r="G47" s="2380"/>
      <c r="H47" s="2380"/>
      <c r="I47" s="2380"/>
      <c r="J47" s="2380"/>
      <c r="K47" s="2380"/>
      <c r="L47" s="2380"/>
      <c r="M47" s="2380"/>
      <c r="N47" s="2380"/>
      <c r="O47" s="2380"/>
      <c r="P47" s="2380"/>
      <c r="Q47" s="2380"/>
      <c r="R47" s="2380"/>
      <c r="S47" s="2380"/>
      <c r="T47" s="2380"/>
      <c r="U47" s="2380"/>
      <c r="V47" s="2380"/>
      <c r="W47" s="2380"/>
      <c r="X47" s="2380"/>
      <c r="Y47" s="2380"/>
      <c r="Z47" s="2380"/>
      <c r="AA47" s="2380"/>
      <c r="AB47" s="2380"/>
      <c r="AC47" s="2380"/>
      <c r="AD47" s="2380"/>
      <c r="AE47" s="2380"/>
      <c r="AF47" s="2380"/>
      <c r="AG47" s="2380"/>
      <c r="AH47" s="769"/>
    </row>
    <row r="48" spans="1:34" ht="21" customHeight="1" x14ac:dyDescent="0.2"/>
    <row r="49" ht="21" customHeight="1" x14ac:dyDescent="0.2"/>
    <row r="50" ht="21" customHeight="1" x14ac:dyDescent="0.2"/>
    <row r="51" ht="21" customHeight="1" x14ac:dyDescent="0.2"/>
    <row r="52" ht="21" customHeight="1" x14ac:dyDescent="0.2"/>
    <row r="53" ht="21" customHeight="1" x14ac:dyDescent="0.2"/>
    <row r="54" ht="21" customHeight="1" x14ac:dyDescent="0.2"/>
    <row r="55" ht="21" customHeight="1" x14ac:dyDescent="0.2"/>
    <row r="56" ht="21" customHeight="1" x14ac:dyDescent="0.2"/>
    <row r="57" ht="21" customHeight="1" x14ac:dyDescent="0.2"/>
    <row r="58" ht="21" customHeight="1" x14ac:dyDescent="0.2"/>
    <row r="59" ht="21" customHeight="1" x14ac:dyDescent="0.2"/>
    <row r="60" ht="21" customHeight="1" x14ac:dyDescent="0.2"/>
    <row r="61" ht="21" customHeight="1" x14ac:dyDescent="0.2"/>
    <row r="62" ht="21" customHeight="1" x14ac:dyDescent="0.2"/>
    <row r="63" ht="21" customHeight="1" x14ac:dyDescent="0.2"/>
    <row r="64" ht="21" customHeight="1" x14ac:dyDescent="0.2"/>
    <row r="65" ht="21" customHeight="1" x14ac:dyDescent="0.2"/>
    <row r="66" ht="21" customHeight="1" x14ac:dyDescent="0.2"/>
    <row r="67" ht="21" customHeight="1" x14ac:dyDescent="0.2"/>
    <row r="68" ht="21" customHeight="1" x14ac:dyDescent="0.2"/>
    <row r="69" ht="21" customHeight="1" x14ac:dyDescent="0.2"/>
    <row r="70" ht="21" customHeight="1" x14ac:dyDescent="0.2"/>
    <row r="71" ht="21" customHeight="1" x14ac:dyDescent="0.2"/>
    <row r="72" ht="21" customHeight="1" x14ac:dyDescent="0.2"/>
    <row r="73" ht="21" customHeight="1" x14ac:dyDescent="0.2"/>
    <row r="74" ht="21" customHeight="1" x14ac:dyDescent="0.2"/>
    <row r="75" ht="21" customHeight="1" x14ac:dyDescent="0.2"/>
    <row r="76" ht="21" customHeight="1" x14ac:dyDescent="0.2"/>
    <row r="77" ht="21" customHeight="1" x14ac:dyDescent="0.2"/>
    <row r="78" ht="21" customHeight="1" x14ac:dyDescent="0.2"/>
    <row r="79" ht="21" customHeight="1" x14ac:dyDescent="0.2"/>
    <row r="80" ht="21" customHeight="1" x14ac:dyDescent="0.2"/>
    <row r="81" ht="21" customHeight="1" x14ac:dyDescent="0.2"/>
    <row r="82" ht="21" customHeight="1" x14ac:dyDescent="0.2"/>
    <row r="83" ht="21" customHeight="1" x14ac:dyDescent="0.2"/>
    <row r="84" ht="21" customHeight="1" x14ac:dyDescent="0.2"/>
    <row r="85" ht="21" customHeight="1" x14ac:dyDescent="0.2"/>
    <row r="86" ht="21" customHeight="1" x14ac:dyDescent="0.2"/>
    <row r="87" ht="21" customHeight="1" x14ac:dyDescent="0.2"/>
    <row r="88" ht="21" customHeight="1" x14ac:dyDescent="0.2"/>
    <row r="89" ht="21" customHeight="1" x14ac:dyDescent="0.2"/>
    <row r="90" ht="21" customHeight="1" x14ac:dyDescent="0.2"/>
    <row r="91" ht="21" customHeight="1" x14ac:dyDescent="0.2"/>
    <row r="92" ht="21" customHeight="1" x14ac:dyDescent="0.2"/>
    <row r="93" ht="21" customHeight="1" x14ac:dyDescent="0.2"/>
    <row r="94" ht="21" customHeight="1" x14ac:dyDescent="0.2"/>
    <row r="95" ht="21" customHeight="1" x14ac:dyDescent="0.2"/>
    <row r="96" ht="21" customHeight="1" x14ac:dyDescent="0.2"/>
    <row r="97" ht="21" customHeight="1" x14ac:dyDescent="0.2"/>
    <row r="98" ht="21" customHeight="1" x14ac:dyDescent="0.2"/>
    <row r="99" ht="21" customHeight="1" x14ac:dyDescent="0.2"/>
    <row r="100" ht="21" customHeight="1" x14ac:dyDescent="0.2"/>
    <row r="101" ht="21" customHeight="1" x14ac:dyDescent="0.2"/>
    <row r="102" ht="21" customHeight="1" x14ac:dyDescent="0.2"/>
    <row r="103" ht="21" customHeight="1" x14ac:dyDescent="0.2"/>
    <row r="104" ht="21" customHeight="1" x14ac:dyDescent="0.2"/>
    <row r="105" ht="21" customHeight="1" x14ac:dyDescent="0.2"/>
    <row r="106" ht="21" customHeight="1" x14ac:dyDescent="0.2"/>
    <row r="107" ht="21" customHeight="1" x14ac:dyDescent="0.2"/>
    <row r="108" ht="21" customHeight="1" x14ac:dyDescent="0.2"/>
    <row r="109" ht="21" customHeight="1" x14ac:dyDescent="0.2"/>
    <row r="110" ht="21" customHeight="1" x14ac:dyDescent="0.2"/>
    <row r="111" ht="21" customHeight="1" x14ac:dyDescent="0.2"/>
    <row r="112" ht="21" customHeight="1" x14ac:dyDescent="0.2"/>
    <row r="113" ht="21" customHeight="1" x14ac:dyDescent="0.2"/>
    <row r="114" ht="21" customHeight="1" x14ac:dyDescent="0.2"/>
    <row r="115" ht="21" customHeight="1" x14ac:dyDescent="0.2"/>
    <row r="116" ht="21" customHeight="1" x14ac:dyDescent="0.2"/>
    <row r="117" ht="21" customHeight="1" x14ac:dyDescent="0.2"/>
    <row r="118" ht="21" customHeight="1" x14ac:dyDescent="0.2"/>
    <row r="119" ht="21" customHeight="1" x14ac:dyDescent="0.2"/>
    <row r="120" ht="21" customHeight="1" x14ac:dyDescent="0.2"/>
    <row r="121" ht="21" customHeight="1" x14ac:dyDescent="0.2"/>
    <row r="122" ht="21" customHeight="1" x14ac:dyDescent="0.2"/>
    <row r="123" ht="21" customHeight="1" x14ac:dyDescent="0.2"/>
    <row r="124" ht="21" customHeight="1" x14ac:dyDescent="0.2"/>
    <row r="125" ht="21" customHeight="1" x14ac:dyDescent="0.2"/>
    <row r="126" ht="21" customHeight="1" x14ac:dyDescent="0.2"/>
    <row r="127" ht="21" customHeight="1" x14ac:dyDescent="0.2"/>
    <row r="128" ht="21" customHeight="1" x14ac:dyDescent="0.2"/>
    <row r="129" ht="21" customHeight="1" x14ac:dyDescent="0.2"/>
    <row r="130" ht="21" customHeight="1" x14ac:dyDescent="0.2"/>
    <row r="131" ht="21" customHeight="1" x14ac:dyDescent="0.2"/>
    <row r="132" ht="21" customHeight="1" x14ac:dyDescent="0.2"/>
    <row r="133" ht="21" customHeight="1" x14ac:dyDescent="0.2"/>
    <row r="134" ht="21" customHeight="1" x14ac:dyDescent="0.2"/>
    <row r="135" ht="21" customHeight="1" x14ac:dyDescent="0.2"/>
    <row r="136" ht="21" customHeight="1" x14ac:dyDescent="0.2"/>
    <row r="137" ht="21" customHeight="1" x14ac:dyDescent="0.2"/>
    <row r="138" ht="21" customHeight="1" x14ac:dyDescent="0.2"/>
    <row r="139" ht="21" customHeight="1" x14ac:dyDescent="0.2"/>
    <row r="140" ht="21" customHeight="1" x14ac:dyDescent="0.2"/>
    <row r="141" ht="21" customHeight="1" x14ac:dyDescent="0.2"/>
    <row r="142" ht="21" customHeight="1" x14ac:dyDescent="0.2"/>
    <row r="143" ht="21" customHeight="1" x14ac:dyDescent="0.2"/>
    <row r="144" ht="21" customHeight="1" x14ac:dyDescent="0.2"/>
    <row r="145" ht="21" customHeight="1" x14ac:dyDescent="0.2"/>
    <row r="146" ht="21" customHeight="1" x14ac:dyDescent="0.2"/>
    <row r="147" ht="21" customHeight="1" x14ac:dyDescent="0.2"/>
    <row r="148" ht="21" customHeight="1" x14ac:dyDescent="0.2"/>
    <row r="149" ht="21" customHeight="1" x14ac:dyDescent="0.2"/>
    <row r="150" ht="21" customHeight="1" x14ac:dyDescent="0.2"/>
    <row r="151" ht="21" customHeight="1" x14ac:dyDescent="0.2"/>
    <row r="152" ht="21" customHeight="1" x14ac:dyDescent="0.2"/>
    <row r="153" ht="21" customHeight="1" x14ac:dyDescent="0.2"/>
    <row r="154" ht="21" customHeight="1" x14ac:dyDescent="0.2"/>
    <row r="155" ht="21" customHeight="1" x14ac:dyDescent="0.2"/>
    <row r="156" ht="21" customHeight="1" x14ac:dyDescent="0.2"/>
    <row r="157" ht="21" customHeight="1" x14ac:dyDescent="0.2"/>
    <row r="158" ht="21" customHeight="1" x14ac:dyDescent="0.2"/>
    <row r="159" ht="21" customHeight="1" x14ac:dyDescent="0.2"/>
    <row r="160" ht="21" customHeight="1" x14ac:dyDescent="0.2"/>
    <row r="161" ht="21" customHeight="1" x14ac:dyDescent="0.2"/>
    <row r="162" ht="21" customHeight="1" x14ac:dyDescent="0.2"/>
    <row r="163" ht="21" customHeight="1" x14ac:dyDescent="0.2"/>
    <row r="164" ht="21" customHeight="1" x14ac:dyDescent="0.2"/>
    <row r="165" ht="21" customHeight="1" x14ac:dyDescent="0.2"/>
    <row r="166" ht="21" customHeight="1" x14ac:dyDescent="0.2"/>
    <row r="167" ht="21" customHeight="1" x14ac:dyDescent="0.2"/>
    <row r="168" ht="21" customHeight="1" x14ac:dyDescent="0.2"/>
    <row r="169" ht="21" customHeight="1" x14ac:dyDescent="0.2"/>
    <row r="170" ht="21" customHeight="1" x14ac:dyDescent="0.2"/>
    <row r="171" ht="21" customHeight="1" x14ac:dyDescent="0.2"/>
    <row r="172" ht="21" customHeight="1" x14ac:dyDescent="0.2"/>
    <row r="173" ht="21" customHeight="1" x14ac:dyDescent="0.2"/>
    <row r="174" ht="21" customHeight="1" x14ac:dyDescent="0.2"/>
    <row r="175" ht="21" customHeight="1" x14ac:dyDescent="0.2"/>
    <row r="176" ht="21" customHeight="1" x14ac:dyDescent="0.2"/>
    <row r="177" ht="21" customHeight="1" x14ac:dyDescent="0.2"/>
    <row r="178" ht="21" customHeight="1" x14ac:dyDescent="0.2"/>
    <row r="179" ht="21" customHeight="1" x14ac:dyDescent="0.2"/>
    <row r="180" ht="21" customHeight="1" x14ac:dyDescent="0.2"/>
    <row r="181" ht="21" customHeight="1" x14ac:dyDescent="0.2"/>
    <row r="182" ht="21" customHeight="1" x14ac:dyDescent="0.2"/>
    <row r="183" ht="21" customHeight="1" x14ac:dyDescent="0.2"/>
    <row r="184" ht="21" customHeight="1" x14ac:dyDescent="0.2"/>
    <row r="185" ht="21" customHeight="1" x14ac:dyDescent="0.2"/>
    <row r="186" ht="21" customHeight="1" x14ac:dyDescent="0.2"/>
    <row r="187" ht="21" customHeight="1" x14ac:dyDescent="0.2"/>
    <row r="188" ht="21" customHeight="1" x14ac:dyDescent="0.2"/>
    <row r="189" ht="21" customHeight="1" x14ac:dyDescent="0.2"/>
    <row r="190" ht="21" customHeight="1" x14ac:dyDescent="0.2"/>
    <row r="191" ht="21" customHeight="1" x14ac:dyDescent="0.2"/>
    <row r="192" ht="21" customHeight="1" x14ac:dyDescent="0.2"/>
    <row r="193" ht="21" customHeight="1" x14ac:dyDescent="0.2"/>
    <row r="194" ht="21" customHeight="1" x14ac:dyDescent="0.2"/>
    <row r="195" ht="21" customHeight="1" x14ac:dyDescent="0.2"/>
    <row r="196" ht="21" customHeight="1" x14ac:dyDescent="0.2"/>
    <row r="197" ht="21" customHeight="1" x14ac:dyDescent="0.2"/>
    <row r="198" ht="21" customHeight="1" x14ac:dyDescent="0.2"/>
    <row r="199" ht="21" customHeight="1" x14ac:dyDescent="0.2"/>
    <row r="200" ht="21" customHeight="1" x14ac:dyDescent="0.2"/>
    <row r="201" ht="21" customHeight="1" x14ac:dyDescent="0.2"/>
    <row r="202" ht="21" customHeight="1" x14ac:dyDescent="0.2"/>
    <row r="203" ht="21" customHeight="1" x14ac:dyDescent="0.2"/>
    <row r="204" ht="21" customHeight="1" x14ac:dyDescent="0.2"/>
    <row r="205" ht="21" customHeight="1" x14ac:dyDescent="0.2"/>
    <row r="206" ht="21" customHeight="1" x14ac:dyDescent="0.2"/>
    <row r="207" ht="21" customHeight="1" x14ac:dyDescent="0.2"/>
    <row r="208" ht="21" customHeight="1" x14ac:dyDescent="0.2"/>
    <row r="209" ht="21" customHeight="1" x14ac:dyDescent="0.2"/>
    <row r="210" ht="21" customHeight="1" x14ac:dyDescent="0.2"/>
    <row r="211" ht="21" customHeight="1" x14ac:dyDescent="0.2"/>
    <row r="212" ht="21" customHeight="1" x14ac:dyDescent="0.2"/>
    <row r="213" ht="21" customHeight="1" x14ac:dyDescent="0.2"/>
    <row r="214" ht="21" customHeight="1" x14ac:dyDescent="0.2"/>
    <row r="215" ht="21" customHeight="1" x14ac:dyDescent="0.2"/>
    <row r="216" ht="21" customHeight="1" x14ac:dyDescent="0.2"/>
    <row r="217" ht="21" customHeight="1" x14ac:dyDescent="0.2"/>
    <row r="218" ht="21" customHeight="1" x14ac:dyDescent="0.2"/>
    <row r="219" ht="21" customHeight="1" x14ac:dyDescent="0.2"/>
    <row r="220" ht="21" customHeight="1" x14ac:dyDescent="0.2"/>
    <row r="221" ht="21" customHeight="1" x14ac:dyDescent="0.2"/>
    <row r="222" ht="21" customHeight="1" x14ac:dyDescent="0.2"/>
    <row r="223" ht="21" customHeight="1" x14ac:dyDescent="0.2"/>
    <row r="224" ht="21" customHeight="1" x14ac:dyDescent="0.2"/>
    <row r="225" ht="21" customHeight="1" x14ac:dyDescent="0.2"/>
    <row r="226" ht="21" customHeight="1" x14ac:dyDescent="0.2"/>
    <row r="227" ht="21" customHeight="1" x14ac:dyDescent="0.2"/>
    <row r="228" ht="21" customHeight="1" x14ac:dyDescent="0.2"/>
    <row r="229" ht="21" customHeight="1" x14ac:dyDescent="0.2"/>
    <row r="230" ht="21" customHeight="1" x14ac:dyDescent="0.2"/>
    <row r="231" ht="21" customHeight="1" x14ac:dyDescent="0.2"/>
    <row r="232" ht="21" customHeight="1" x14ac:dyDescent="0.2"/>
    <row r="233" ht="21" customHeight="1" x14ac:dyDescent="0.2"/>
    <row r="234" ht="21" customHeight="1" x14ac:dyDescent="0.2"/>
    <row r="235" ht="21" customHeight="1" x14ac:dyDescent="0.2"/>
    <row r="236" ht="21" customHeight="1" x14ac:dyDescent="0.2"/>
    <row r="237" ht="21" customHeight="1" x14ac:dyDescent="0.2"/>
    <row r="238" ht="21" customHeight="1" x14ac:dyDescent="0.2"/>
    <row r="239" ht="21" customHeight="1" x14ac:dyDescent="0.2"/>
    <row r="240" ht="21" customHeight="1" x14ac:dyDescent="0.2"/>
    <row r="241" ht="21" customHeight="1" x14ac:dyDescent="0.2"/>
    <row r="242" ht="21" customHeight="1" x14ac:dyDescent="0.2"/>
    <row r="243" ht="21" customHeight="1" x14ac:dyDescent="0.2"/>
    <row r="244" ht="21" customHeight="1" x14ac:dyDescent="0.2"/>
    <row r="245" ht="21" customHeight="1" x14ac:dyDescent="0.2"/>
    <row r="246" ht="21" customHeight="1" x14ac:dyDescent="0.2"/>
    <row r="247" ht="21" customHeight="1" x14ac:dyDescent="0.2"/>
    <row r="248" ht="21" customHeight="1" x14ac:dyDescent="0.2"/>
    <row r="249" ht="21" customHeight="1" x14ac:dyDescent="0.2"/>
    <row r="250" ht="21" customHeight="1" x14ac:dyDescent="0.2"/>
    <row r="251" ht="21" customHeight="1" x14ac:dyDescent="0.2"/>
    <row r="252" ht="21" customHeight="1" x14ac:dyDescent="0.2"/>
    <row r="253" ht="21" customHeight="1" x14ac:dyDescent="0.2"/>
    <row r="254" ht="21" customHeight="1" x14ac:dyDescent="0.2"/>
    <row r="255" ht="21" customHeight="1" x14ac:dyDescent="0.2"/>
    <row r="256" ht="21" customHeight="1" x14ac:dyDescent="0.2"/>
    <row r="257" ht="21" customHeight="1" x14ac:dyDescent="0.2"/>
    <row r="258" ht="21" customHeight="1" x14ac:dyDescent="0.2"/>
    <row r="259" ht="21" customHeight="1" x14ac:dyDescent="0.2"/>
    <row r="260" ht="21" customHeight="1" x14ac:dyDescent="0.2"/>
    <row r="261" ht="21" customHeight="1" x14ac:dyDescent="0.2"/>
    <row r="262" ht="21" customHeight="1" x14ac:dyDescent="0.2"/>
    <row r="263" ht="21" customHeight="1" x14ac:dyDescent="0.2"/>
    <row r="264" ht="21" customHeight="1" x14ac:dyDescent="0.2"/>
    <row r="265" ht="21" customHeight="1" x14ac:dyDescent="0.2"/>
    <row r="266" ht="21" customHeight="1" x14ac:dyDescent="0.2"/>
    <row r="267" ht="21" customHeight="1" x14ac:dyDescent="0.2"/>
    <row r="268" ht="21" customHeight="1" x14ac:dyDescent="0.2"/>
    <row r="269" ht="21" customHeight="1" x14ac:dyDescent="0.2"/>
    <row r="270" ht="21" customHeight="1" x14ac:dyDescent="0.2"/>
    <row r="271" ht="21" customHeight="1" x14ac:dyDescent="0.2"/>
    <row r="272" ht="21" customHeight="1" x14ac:dyDescent="0.2"/>
    <row r="273" ht="21" customHeight="1" x14ac:dyDescent="0.2"/>
    <row r="274" ht="21" customHeight="1" x14ac:dyDescent="0.2"/>
    <row r="275" ht="21" customHeight="1" x14ac:dyDescent="0.2"/>
    <row r="276" ht="21" customHeight="1" x14ac:dyDescent="0.2"/>
    <row r="277" ht="21" customHeight="1" x14ac:dyDescent="0.2"/>
    <row r="278" ht="21" customHeight="1" x14ac:dyDescent="0.2"/>
    <row r="279" ht="21" customHeight="1" x14ac:dyDescent="0.2"/>
    <row r="280" ht="21" customHeight="1" x14ac:dyDescent="0.2"/>
    <row r="281" ht="21" customHeight="1" x14ac:dyDescent="0.2"/>
    <row r="282" ht="21" customHeight="1" x14ac:dyDescent="0.2"/>
    <row r="283" ht="21" customHeight="1" x14ac:dyDescent="0.2"/>
    <row r="284" ht="21" customHeight="1" x14ac:dyDescent="0.2"/>
    <row r="285" ht="21" customHeight="1" x14ac:dyDescent="0.2"/>
    <row r="286" ht="21" customHeight="1" x14ac:dyDescent="0.2"/>
    <row r="287" ht="21" customHeight="1" x14ac:dyDescent="0.2"/>
    <row r="288" ht="21" customHeight="1" x14ac:dyDescent="0.2"/>
    <row r="289" ht="21" customHeight="1" x14ac:dyDescent="0.2"/>
    <row r="290" ht="21" customHeight="1" x14ac:dyDescent="0.2"/>
    <row r="291" ht="21" customHeight="1" x14ac:dyDescent="0.2"/>
    <row r="292" ht="21" customHeight="1" x14ac:dyDescent="0.2"/>
    <row r="293" ht="21" customHeight="1" x14ac:dyDescent="0.2"/>
    <row r="294" ht="21" customHeight="1" x14ac:dyDescent="0.2"/>
    <row r="295" ht="21" customHeight="1" x14ac:dyDescent="0.2"/>
    <row r="296" ht="21" customHeight="1" x14ac:dyDescent="0.2"/>
    <row r="297" ht="21" customHeight="1" x14ac:dyDescent="0.2"/>
    <row r="298" ht="21" customHeight="1" x14ac:dyDescent="0.2"/>
    <row r="299" ht="21" customHeight="1" x14ac:dyDescent="0.2"/>
    <row r="300" ht="21" customHeight="1" x14ac:dyDescent="0.2"/>
    <row r="301" ht="21" customHeight="1" x14ac:dyDescent="0.2"/>
    <row r="302" ht="21" customHeight="1" x14ac:dyDescent="0.2"/>
    <row r="303" ht="21" customHeight="1" x14ac:dyDescent="0.2"/>
    <row r="304" ht="21" customHeight="1" x14ac:dyDescent="0.2"/>
    <row r="305" ht="21" customHeight="1" x14ac:dyDescent="0.2"/>
    <row r="306" ht="21" customHeight="1" x14ac:dyDescent="0.2"/>
    <row r="307" ht="21" customHeight="1" x14ac:dyDescent="0.2"/>
    <row r="308" ht="21" customHeight="1" x14ac:dyDescent="0.2"/>
    <row r="309" ht="21" customHeight="1" x14ac:dyDescent="0.2"/>
    <row r="310" ht="21" customHeight="1" x14ac:dyDescent="0.2"/>
    <row r="311" ht="21" customHeight="1" x14ac:dyDescent="0.2"/>
    <row r="312" ht="21" customHeight="1" x14ac:dyDescent="0.2"/>
    <row r="313" ht="21" customHeight="1" x14ac:dyDescent="0.2"/>
    <row r="314" ht="21" customHeight="1" x14ac:dyDescent="0.2"/>
    <row r="315" ht="21" customHeight="1" x14ac:dyDescent="0.2"/>
    <row r="316" ht="21" customHeight="1" x14ac:dyDescent="0.2"/>
    <row r="317" ht="21" customHeight="1" x14ac:dyDescent="0.2"/>
    <row r="318" ht="21" customHeight="1" x14ac:dyDescent="0.2"/>
    <row r="319" ht="21" customHeight="1" x14ac:dyDescent="0.2"/>
    <row r="320" ht="21" customHeight="1" x14ac:dyDescent="0.2"/>
    <row r="321" ht="21" customHeight="1" x14ac:dyDescent="0.2"/>
    <row r="322" ht="21" customHeight="1" x14ac:dyDescent="0.2"/>
    <row r="323" ht="21" customHeight="1" x14ac:dyDescent="0.2"/>
    <row r="324" ht="21" customHeight="1" x14ac:dyDescent="0.2"/>
    <row r="325" ht="21" customHeight="1" x14ac:dyDescent="0.2"/>
    <row r="326" ht="21" customHeight="1" x14ac:dyDescent="0.2"/>
    <row r="327" ht="21" customHeight="1" x14ac:dyDescent="0.2"/>
    <row r="328" ht="21" customHeight="1" x14ac:dyDescent="0.2"/>
    <row r="329" ht="21" customHeight="1" x14ac:dyDescent="0.2"/>
    <row r="330" ht="21" customHeight="1" x14ac:dyDescent="0.2"/>
    <row r="331" ht="21" customHeight="1" x14ac:dyDescent="0.2"/>
    <row r="332" ht="21" customHeight="1" x14ac:dyDescent="0.2"/>
    <row r="333" ht="21" customHeight="1" x14ac:dyDescent="0.2"/>
    <row r="334" ht="21" customHeight="1" x14ac:dyDescent="0.2"/>
    <row r="335" ht="21" customHeight="1" x14ac:dyDescent="0.2"/>
    <row r="336" ht="21" customHeight="1" x14ac:dyDescent="0.2"/>
    <row r="337" ht="21" customHeight="1" x14ac:dyDescent="0.2"/>
    <row r="338" ht="21" customHeight="1" x14ac:dyDescent="0.2"/>
    <row r="339" ht="21" customHeight="1" x14ac:dyDescent="0.2"/>
    <row r="340" ht="21" customHeight="1" x14ac:dyDescent="0.2"/>
    <row r="341" ht="21" customHeight="1" x14ac:dyDescent="0.2"/>
    <row r="342" ht="21" customHeight="1" x14ac:dyDescent="0.2"/>
    <row r="343" ht="21" customHeight="1" x14ac:dyDescent="0.2"/>
    <row r="344" ht="21" customHeight="1" x14ac:dyDescent="0.2"/>
    <row r="345" ht="21" customHeight="1" x14ac:dyDescent="0.2"/>
    <row r="346" ht="21" customHeight="1" x14ac:dyDescent="0.2"/>
    <row r="347" ht="21" customHeight="1" x14ac:dyDescent="0.2"/>
    <row r="348" ht="21" customHeight="1" x14ac:dyDescent="0.2"/>
    <row r="349" ht="21" customHeight="1" x14ac:dyDescent="0.2"/>
    <row r="350" ht="21" customHeight="1" x14ac:dyDescent="0.2"/>
    <row r="351" ht="21" customHeight="1" x14ac:dyDescent="0.2"/>
    <row r="352" ht="21" customHeight="1" x14ac:dyDescent="0.2"/>
    <row r="353" ht="21" customHeight="1" x14ac:dyDescent="0.2"/>
    <row r="354" ht="21" customHeight="1" x14ac:dyDescent="0.2"/>
    <row r="355" ht="21" customHeight="1" x14ac:dyDescent="0.2"/>
  </sheetData>
  <mergeCells count="99">
    <mergeCell ref="B37:AG47"/>
    <mergeCell ref="B26:Q27"/>
    <mergeCell ref="R26:AG27"/>
    <mergeCell ref="B29:I30"/>
    <mergeCell ref="J29:Q30"/>
    <mergeCell ref="R29:AG29"/>
    <mergeCell ref="R30:AG30"/>
    <mergeCell ref="B31:I31"/>
    <mergeCell ref="J31:Q31"/>
    <mergeCell ref="R31:AG31"/>
    <mergeCell ref="B32:AG33"/>
    <mergeCell ref="B34:AG35"/>
    <mergeCell ref="AC24:AG24"/>
    <mergeCell ref="B23:F23"/>
    <mergeCell ref="G23:M23"/>
    <mergeCell ref="N23:R23"/>
    <mergeCell ref="S23:W23"/>
    <mergeCell ref="X23:AB23"/>
    <mergeCell ref="AC23:AG23"/>
    <mergeCell ref="B24:F24"/>
    <mergeCell ref="G24:M24"/>
    <mergeCell ref="N24:R24"/>
    <mergeCell ref="S24:W24"/>
    <mergeCell ref="X24:AB24"/>
    <mergeCell ref="AC22:AG22"/>
    <mergeCell ref="B21:F21"/>
    <mergeCell ref="G21:M21"/>
    <mergeCell ref="N21:R21"/>
    <mergeCell ref="S21:W21"/>
    <mergeCell ref="X21:AB21"/>
    <mergeCell ref="AC21:AG21"/>
    <mergeCell ref="B22:F22"/>
    <mergeCell ref="G22:M22"/>
    <mergeCell ref="N22:R22"/>
    <mergeCell ref="S22:W22"/>
    <mergeCell ref="X22:AB22"/>
    <mergeCell ref="AC20:AG20"/>
    <mergeCell ref="B19:F19"/>
    <mergeCell ref="G19:M19"/>
    <mergeCell ref="N19:R19"/>
    <mergeCell ref="S19:W19"/>
    <mergeCell ref="X19:AB19"/>
    <mergeCell ref="AC19:AG19"/>
    <mergeCell ref="B20:F20"/>
    <mergeCell ref="G20:M20"/>
    <mergeCell ref="N20:R20"/>
    <mergeCell ref="S20:W20"/>
    <mergeCell ref="X20:AB20"/>
    <mergeCell ref="AC18:AG18"/>
    <mergeCell ref="B17:F17"/>
    <mergeCell ref="G17:M17"/>
    <mergeCell ref="N17:R17"/>
    <mergeCell ref="S17:W17"/>
    <mergeCell ref="X17:AB17"/>
    <mergeCell ref="AC17:AG17"/>
    <mergeCell ref="B18:F18"/>
    <mergeCell ref="G18:M18"/>
    <mergeCell ref="N18:R18"/>
    <mergeCell ref="S18:W18"/>
    <mergeCell ref="X18:AB18"/>
    <mergeCell ref="AC16:AG16"/>
    <mergeCell ref="B15:F15"/>
    <mergeCell ref="G15:M15"/>
    <mergeCell ref="N15:R15"/>
    <mergeCell ref="S15:W15"/>
    <mergeCell ref="X15:AB15"/>
    <mergeCell ref="AC15:AG15"/>
    <mergeCell ref="B16:F16"/>
    <mergeCell ref="G16:M16"/>
    <mergeCell ref="N16:R16"/>
    <mergeCell ref="S16:W16"/>
    <mergeCell ref="X16:AB16"/>
    <mergeCell ref="AC14:AG14"/>
    <mergeCell ref="B13:F13"/>
    <mergeCell ref="G13:M13"/>
    <mergeCell ref="N13:R13"/>
    <mergeCell ref="S13:W13"/>
    <mergeCell ref="X13:AB13"/>
    <mergeCell ref="AC13:AG13"/>
    <mergeCell ref="B14:F14"/>
    <mergeCell ref="G14:M14"/>
    <mergeCell ref="N14:R14"/>
    <mergeCell ref="S14:W14"/>
    <mergeCell ref="X14:AB14"/>
    <mergeCell ref="B9:M9"/>
    <mergeCell ref="N9:AG9"/>
    <mergeCell ref="B10:F12"/>
    <mergeCell ref="G10:M12"/>
    <mergeCell ref="N10:R12"/>
    <mergeCell ref="S10:W12"/>
    <mergeCell ref="X10:AB12"/>
    <mergeCell ref="AC10:AG12"/>
    <mergeCell ref="B8:M8"/>
    <mergeCell ref="N8:AG8"/>
    <mergeCell ref="Z2:AH2"/>
    <mergeCell ref="B4:AG4"/>
    <mergeCell ref="B5:AG5"/>
    <mergeCell ref="B7:M7"/>
    <mergeCell ref="N7:AG7"/>
  </mergeCells>
  <phoneticPr fontId="6"/>
  <printOptions horizontalCentered="1"/>
  <pageMargins left="0.70866141732283472" right="0.70866141732283472" top="0.74803149606299213" bottom="0.74803149606299213" header="0.31496062992125984" footer="0.31496062992125984"/>
  <pageSetup paperSize="9" scale="74" orientation="portrait"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dimension ref="A1:F16"/>
  <sheetViews>
    <sheetView workbookViewId="0">
      <selection activeCell="J20" sqref="J20"/>
    </sheetView>
  </sheetViews>
  <sheetFormatPr defaultColWidth="9" defaultRowHeight="13.2" x14ac:dyDescent="0.2"/>
  <cols>
    <col min="1" max="1" width="5.77734375" style="274" customWidth="1"/>
    <col min="2" max="2" width="24.21875" style="274" customWidth="1"/>
    <col min="3" max="3" width="6.77734375" style="274" customWidth="1"/>
    <col min="4" max="6" width="20.109375" style="274" customWidth="1"/>
    <col min="7" max="7" width="10.44140625" style="274" customWidth="1"/>
    <col min="8" max="16384" width="9" style="274"/>
  </cols>
  <sheetData>
    <row r="1" spans="1:6" ht="27.75" customHeight="1" x14ac:dyDescent="0.2">
      <c r="A1" s="279"/>
      <c r="B1" s="221" t="s">
        <v>688</v>
      </c>
    </row>
    <row r="2" spans="1:6" ht="27.75" customHeight="1" x14ac:dyDescent="0.2">
      <c r="A2" s="279"/>
      <c r="E2" s="2410" t="s">
        <v>709</v>
      </c>
      <c r="F2" s="2410"/>
    </row>
    <row r="3" spans="1:6" ht="36" customHeight="1" x14ac:dyDescent="0.2">
      <c r="A3" s="2287" t="s">
        <v>448</v>
      </c>
      <c r="B3" s="2287"/>
      <c r="C3" s="2287"/>
      <c r="D3" s="2287"/>
      <c r="E3" s="2287"/>
      <c r="F3" s="2287"/>
    </row>
    <row r="4" spans="1:6" ht="36" customHeight="1" x14ac:dyDescent="0.2">
      <c r="A4" s="281"/>
      <c r="B4" s="281"/>
      <c r="C4" s="281"/>
      <c r="D4" s="281"/>
      <c r="E4" s="281"/>
      <c r="F4" s="281"/>
    </row>
    <row r="5" spans="1:6" ht="36" customHeight="1" x14ac:dyDescent="0.2">
      <c r="A5" s="281"/>
      <c r="B5" s="282" t="s">
        <v>60</v>
      </c>
      <c r="C5" s="2411"/>
      <c r="D5" s="2412"/>
      <c r="E5" s="2412"/>
      <c r="F5" s="2413"/>
    </row>
    <row r="6" spans="1:6" ht="46.5" customHeight="1" x14ac:dyDescent="0.2">
      <c r="B6" s="369" t="s">
        <v>449</v>
      </c>
      <c r="C6" s="2414" t="s">
        <v>70</v>
      </c>
      <c r="D6" s="2414"/>
      <c r="E6" s="2414"/>
      <c r="F6" s="2415"/>
    </row>
    <row r="7" spans="1:6" ht="42" customHeight="1" x14ac:dyDescent="0.2">
      <c r="B7" s="2416" t="s">
        <v>450</v>
      </c>
      <c r="C7" s="276"/>
      <c r="D7" s="370" t="s">
        <v>54</v>
      </c>
      <c r="E7" s="370" t="s">
        <v>53</v>
      </c>
      <c r="F7" s="370" t="s">
        <v>451</v>
      </c>
    </row>
    <row r="8" spans="1:6" ht="42" customHeight="1" x14ac:dyDescent="0.2">
      <c r="B8" s="2417"/>
      <c r="C8" s="276">
        <v>1</v>
      </c>
      <c r="D8" s="295"/>
      <c r="E8" s="370"/>
      <c r="F8" s="295"/>
    </row>
    <row r="9" spans="1:6" ht="42" customHeight="1" x14ac:dyDescent="0.2">
      <c r="B9" s="2417"/>
      <c r="C9" s="276">
        <v>2</v>
      </c>
      <c r="D9" s="295"/>
      <c r="E9" s="370"/>
      <c r="F9" s="295"/>
    </row>
    <row r="10" spans="1:6" ht="42" customHeight="1" x14ac:dyDescent="0.2">
      <c r="B10" s="2417"/>
      <c r="C10" s="276">
        <v>3</v>
      </c>
      <c r="D10" s="295"/>
      <c r="E10" s="370"/>
      <c r="F10" s="295"/>
    </row>
    <row r="11" spans="1:6" ht="30.75" customHeight="1" x14ac:dyDescent="0.2">
      <c r="B11" s="2418"/>
      <c r="C11" s="276" t="s">
        <v>452</v>
      </c>
      <c r="D11" s="2419" t="s">
        <v>69</v>
      </c>
      <c r="E11" s="2420"/>
      <c r="F11" s="2421"/>
    </row>
    <row r="14" spans="1:6" ht="18.75" customHeight="1" x14ac:dyDescent="0.2">
      <c r="B14" s="2408" t="s">
        <v>453</v>
      </c>
      <c r="C14" s="2408"/>
      <c r="D14" s="2408"/>
      <c r="E14" s="2408"/>
      <c r="F14" s="2408"/>
    </row>
    <row r="15" spans="1:6" ht="33" customHeight="1" x14ac:dyDescent="0.2">
      <c r="B15" s="2409" t="s">
        <v>454</v>
      </c>
      <c r="C15" s="2408"/>
      <c r="D15" s="2408"/>
      <c r="E15" s="2408"/>
      <c r="F15" s="2408"/>
    </row>
    <row r="16" spans="1:6" ht="17.25" customHeight="1" x14ac:dyDescent="0.2">
      <c r="B16" s="274" t="s">
        <v>455</v>
      </c>
    </row>
  </sheetData>
  <customSheetViews>
    <customSheetView guid="{FA98832E-F01A-4598-9960-E27C2FDAB118}">
      <selection activeCell="J20" sqref="J20"/>
      <pageMargins left="0.70866141732283472" right="0.70866141732283472" top="0.74803149606299213" bottom="0.74803149606299213" header="0.31496062992125984" footer="0.31496062992125984"/>
      <printOptions horizontalCentered="1"/>
      <pageSetup paperSize="9" scale="80" fitToWidth="0" fitToHeight="0" orientation="portrait" r:id="rId1"/>
    </customSheetView>
    <customSheetView guid="{8494577A-77FB-45FD-BD2B-C737BCFAD5B3}">
      <selection activeCell="J20" sqref="J20"/>
      <pageMargins left="0.70866141732283472" right="0.70866141732283472" top="0.74803149606299213" bottom="0.74803149606299213" header="0.31496062992125984" footer="0.31496062992125984"/>
      <printOptions horizontalCentered="1"/>
      <pageSetup paperSize="9" scale="80" fitToWidth="0" fitToHeight="0" orientation="portrait" r:id="rId2"/>
    </customSheetView>
  </customSheetViews>
  <mergeCells count="8">
    <mergeCell ref="B14:F14"/>
    <mergeCell ref="B15:F15"/>
    <mergeCell ref="E2:F2"/>
    <mergeCell ref="A3:F3"/>
    <mergeCell ref="C5:F5"/>
    <mergeCell ref="C6:F6"/>
    <mergeCell ref="B7:B11"/>
    <mergeCell ref="D11:F11"/>
  </mergeCells>
  <phoneticPr fontId="6"/>
  <printOptions horizontalCentered="1"/>
  <pageMargins left="0.70866141732283472" right="0.70866141732283472" top="0.74803149606299213" bottom="0.74803149606299213" header="0.31496062992125984" footer="0.31496062992125984"/>
  <pageSetup paperSize="9" scale="80" fitToWidth="0" fitToHeight="0" orientation="portrait" r:id="rId3"/>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pageSetUpPr fitToPage="1"/>
  </sheetPr>
  <dimension ref="A1:I11"/>
  <sheetViews>
    <sheetView workbookViewId="0">
      <selection activeCell="J20" sqref="J20"/>
    </sheetView>
  </sheetViews>
  <sheetFormatPr defaultRowHeight="13.2" x14ac:dyDescent="0.2"/>
  <cols>
    <col min="1" max="1" width="1.21875" style="212" customWidth="1"/>
    <col min="2" max="2" width="24.21875" style="212" customWidth="1"/>
    <col min="3" max="3" width="4" style="212" customWidth="1"/>
    <col min="4" max="6" width="20.109375" style="212" customWidth="1"/>
    <col min="7" max="7" width="5.109375" style="212" customWidth="1"/>
    <col min="8" max="8" width="5.6640625" style="212" customWidth="1"/>
    <col min="9" max="9" width="2.44140625" style="212" customWidth="1"/>
    <col min="10" max="256" width="9" style="212"/>
    <col min="257" max="257" width="3.77734375" style="212" customWidth="1"/>
    <col min="258" max="258" width="24.21875" style="212" customWidth="1"/>
    <col min="259" max="259" width="4" style="212" customWidth="1"/>
    <col min="260" max="262" width="20.109375" style="212" customWidth="1"/>
    <col min="263" max="263" width="5.109375" style="212" customWidth="1"/>
    <col min="264" max="264" width="5.6640625" style="212" customWidth="1"/>
    <col min="265" max="265" width="2.44140625" style="212" customWidth="1"/>
    <col min="266" max="512" width="9" style="212"/>
    <col min="513" max="513" width="3.77734375" style="212" customWidth="1"/>
    <col min="514" max="514" width="24.21875" style="212" customWidth="1"/>
    <col min="515" max="515" width="4" style="212" customWidth="1"/>
    <col min="516" max="518" width="20.109375" style="212" customWidth="1"/>
    <col min="519" max="519" width="5.109375" style="212" customWidth="1"/>
    <col min="520" max="520" width="5.6640625" style="212" customWidth="1"/>
    <col min="521" max="521" width="2.44140625" style="212" customWidth="1"/>
    <col min="522" max="768" width="9" style="212"/>
    <col min="769" max="769" width="3.77734375" style="212" customWidth="1"/>
    <col min="770" max="770" width="24.21875" style="212" customWidth="1"/>
    <col min="771" max="771" width="4" style="212" customWidth="1"/>
    <col min="772" max="774" width="20.109375" style="212" customWidth="1"/>
    <col min="775" max="775" width="5.109375" style="212" customWidth="1"/>
    <col min="776" max="776" width="5.6640625" style="212" customWidth="1"/>
    <col min="777" max="777" width="2.44140625" style="212" customWidth="1"/>
    <col min="778" max="1024" width="9" style="212"/>
    <col min="1025" max="1025" width="3.77734375" style="212" customWidth="1"/>
    <col min="1026" max="1026" width="24.21875" style="212" customWidth="1"/>
    <col min="1027" max="1027" width="4" style="212" customWidth="1"/>
    <col min="1028" max="1030" width="20.109375" style="212" customWidth="1"/>
    <col min="1031" max="1031" width="5.109375" style="212" customWidth="1"/>
    <col min="1032" max="1032" width="5.6640625" style="212" customWidth="1"/>
    <col min="1033" max="1033" width="2.44140625" style="212" customWidth="1"/>
    <col min="1034" max="1280" width="9" style="212"/>
    <col min="1281" max="1281" width="3.77734375" style="212" customWidth="1"/>
    <col min="1282" max="1282" width="24.21875" style="212" customWidth="1"/>
    <col min="1283" max="1283" width="4" style="212" customWidth="1"/>
    <col min="1284" max="1286" width="20.109375" style="212" customWidth="1"/>
    <col min="1287" max="1287" width="5.109375" style="212" customWidth="1"/>
    <col min="1288" max="1288" width="5.6640625" style="212" customWidth="1"/>
    <col min="1289" max="1289" width="2.44140625" style="212" customWidth="1"/>
    <col min="1290" max="1536" width="9" style="212"/>
    <col min="1537" max="1537" width="3.77734375" style="212" customWidth="1"/>
    <col min="1538" max="1538" width="24.21875" style="212" customWidth="1"/>
    <col min="1539" max="1539" width="4" style="212" customWidth="1"/>
    <col min="1540" max="1542" width="20.109375" style="212" customWidth="1"/>
    <col min="1543" max="1543" width="5.109375" style="212" customWidth="1"/>
    <col min="1544" max="1544" width="5.6640625" style="212" customWidth="1"/>
    <col min="1545" max="1545" width="2.44140625" style="212" customWidth="1"/>
    <col min="1546" max="1792" width="9" style="212"/>
    <col min="1793" max="1793" width="3.77734375" style="212" customWidth="1"/>
    <col min="1794" max="1794" width="24.21875" style="212" customWidth="1"/>
    <col min="1795" max="1795" width="4" style="212" customWidth="1"/>
    <col min="1796" max="1798" width="20.109375" style="212" customWidth="1"/>
    <col min="1799" max="1799" width="5.109375" style="212" customWidth="1"/>
    <col min="1800" max="1800" width="5.6640625" style="212" customWidth="1"/>
    <col min="1801" max="1801" width="2.44140625" style="212" customWidth="1"/>
    <col min="1802" max="2048" width="9" style="212"/>
    <col min="2049" max="2049" width="3.77734375" style="212" customWidth="1"/>
    <col min="2050" max="2050" width="24.21875" style="212" customWidth="1"/>
    <col min="2051" max="2051" width="4" style="212" customWidth="1"/>
    <col min="2052" max="2054" width="20.109375" style="212" customWidth="1"/>
    <col min="2055" max="2055" width="5.109375" style="212" customWidth="1"/>
    <col min="2056" max="2056" width="5.6640625" style="212" customWidth="1"/>
    <col min="2057" max="2057" width="2.44140625" style="212" customWidth="1"/>
    <col min="2058" max="2304" width="9" style="212"/>
    <col min="2305" max="2305" width="3.77734375" style="212" customWidth="1"/>
    <col min="2306" max="2306" width="24.21875" style="212" customWidth="1"/>
    <col min="2307" max="2307" width="4" style="212" customWidth="1"/>
    <col min="2308" max="2310" width="20.109375" style="212" customWidth="1"/>
    <col min="2311" max="2311" width="5.109375" style="212" customWidth="1"/>
    <col min="2312" max="2312" width="5.6640625" style="212" customWidth="1"/>
    <col min="2313" max="2313" width="2.44140625" style="212" customWidth="1"/>
    <col min="2314" max="2560" width="9" style="212"/>
    <col min="2561" max="2561" width="3.77734375" style="212" customWidth="1"/>
    <col min="2562" max="2562" width="24.21875" style="212" customWidth="1"/>
    <col min="2563" max="2563" width="4" style="212" customWidth="1"/>
    <col min="2564" max="2566" width="20.109375" style="212" customWidth="1"/>
    <col min="2567" max="2567" width="5.109375" style="212" customWidth="1"/>
    <col min="2568" max="2568" width="5.6640625" style="212" customWidth="1"/>
    <col min="2569" max="2569" width="2.44140625" style="212" customWidth="1"/>
    <col min="2570" max="2816" width="9" style="212"/>
    <col min="2817" max="2817" width="3.77734375" style="212" customWidth="1"/>
    <col min="2818" max="2818" width="24.21875" style="212" customWidth="1"/>
    <col min="2819" max="2819" width="4" style="212" customWidth="1"/>
    <col min="2820" max="2822" width="20.109375" style="212" customWidth="1"/>
    <col min="2823" max="2823" width="5.109375" style="212" customWidth="1"/>
    <col min="2824" max="2824" width="5.6640625" style="212" customWidth="1"/>
    <col min="2825" max="2825" width="2.44140625" style="212" customWidth="1"/>
    <col min="2826" max="3072" width="9" style="212"/>
    <col min="3073" max="3073" width="3.77734375" style="212" customWidth="1"/>
    <col min="3074" max="3074" width="24.21875" style="212" customWidth="1"/>
    <col min="3075" max="3075" width="4" style="212" customWidth="1"/>
    <col min="3076" max="3078" width="20.109375" style="212" customWidth="1"/>
    <col min="3079" max="3079" width="5.109375" style="212" customWidth="1"/>
    <col min="3080" max="3080" width="5.6640625" style="212" customWidth="1"/>
    <col min="3081" max="3081" width="2.44140625" style="212" customWidth="1"/>
    <col min="3082" max="3328" width="9" style="212"/>
    <col min="3329" max="3329" width="3.77734375" style="212" customWidth="1"/>
    <col min="3330" max="3330" width="24.21875" style="212" customWidth="1"/>
    <col min="3331" max="3331" width="4" style="212" customWidth="1"/>
    <col min="3332" max="3334" width="20.109375" style="212" customWidth="1"/>
    <col min="3335" max="3335" width="5.109375" style="212" customWidth="1"/>
    <col min="3336" max="3336" width="5.6640625" style="212" customWidth="1"/>
    <col min="3337" max="3337" width="2.44140625" style="212" customWidth="1"/>
    <col min="3338" max="3584" width="9" style="212"/>
    <col min="3585" max="3585" width="3.77734375" style="212" customWidth="1"/>
    <col min="3586" max="3586" width="24.21875" style="212" customWidth="1"/>
    <col min="3587" max="3587" width="4" style="212" customWidth="1"/>
    <col min="3588" max="3590" width="20.109375" style="212" customWidth="1"/>
    <col min="3591" max="3591" width="5.109375" style="212" customWidth="1"/>
    <col min="3592" max="3592" width="5.6640625" style="212" customWidth="1"/>
    <col min="3593" max="3593" width="2.44140625" style="212" customWidth="1"/>
    <col min="3594" max="3840" width="9" style="212"/>
    <col min="3841" max="3841" width="3.77734375" style="212" customWidth="1"/>
    <col min="3842" max="3842" width="24.21875" style="212" customWidth="1"/>
    <col min="3843" max="3843" width="4" style="212" customWidth="1"/>
    <col min="3844" max="3846" width="20.109375" style="212" customWidth="1"/>
    <col min="3847" max="3847" width="5.109375" style="212" customWidth="1"/>
    <col min="3848" max="3848" width="5.6640625" style="212" customWidth="1"/>
    <col min="3849" max="3849" width="2.44140625" style="212" customWidth="1"/>
    <col min="3850" max="4096" width="9" style="212"/>
    <col min="4097" max="4097" width="3.77734375" style="212" customWidth="1"/>
    <col min="4098" max="4098" width="24.21875" style="212" customWidth="1"/>
    <col min="4099" max="4099" width="4" style="212" customWidth="1"/>
    <col min="4100" max="4102" width="20.109375" style="212" customWidth="1"/>
    <col min="4103" max="4103" width="5.109375" style="212" customWidth="1"/>
    <col min="4104" max="4104" width="5.6640625" style="212" customWidth="1"/>
    <col min="4105" max="4105" width="2.44140625" style="212" customWidth="1"/>
    <col min="4106" max="4352" width="9" style="212"/>
    <col min="4353" max="4353" width="3.77734375" style="212" customWidth="1"/>
    <col min="4354" max="4354" width="24.21875" style="212" customWidth="1"/>
    <col min="4355" max="4355" width="4" style="212" customWidth="1"/>
    <col min="4356" max="4358" width="20.109375" style="212" customWidth="1"/>
    <col min="4359" max="4359" width="5.109375" style="212" customWidth="1"/>
    <col min="4360" max="4360" width="5.6640625" style="212" customWidth="1"/>
    <col min="4361" max="4361" width="2.44140625" style="212" customWidth="1"/>
    <col min="4362" max="4608" width="9" style="212"/>
    <col min="4609" max="4609" width="3.77734375" style="212" customWidth="1"/>
    <col min="4610" max="4610" width="24.21875" style="212" customWidth="1"/>
    <col min="4611" max="4611" width="4" style="212" customWidth="1"/>
    <col min="4612" max="4614" width="20.109375" style="212" customWidth="1"/>
    <col min="4615" max="4615" width="5.109375" style="212" customWidth="1"/>
    <col min="4616" max="4616" width="5.6640625" style="212" customWidth="1"/>
    <col min="4617" max="4617" width="2.44140625" style="212" customWidth="1"/>
    <col min="4618" max="4864" width="9" style="212"/>
    <col min="4865" max="4865" width="3.77734375" style="212" customWidth="1"/>
    <col min="4866" max="4866" width="24.21875" style="212" customWidth="1"/>
    <col min="4867" max="4867" width="4" style="212" customWidth="1"/>
    <col min="4868" max="4870" width="20.109375" style="212" customWidth="1"/>
    <col min="4871" max="4871" width="5.109375" style="212" customWidth="1"/>
    <col min="4872" max="4872" width="5.6640625" style="212" customWidth="1"/>
    <col min="4873" max="4873" width="2.44140625" style="212" customWidth="1"/>
    <col min="4874" max="5120" width="9" style="212"/>
    <col min="5121" max="5121" width="3.77734375" style="212" customWidth="1"/>
    <col min="5122" max="5122" width="24.21875" style="212" customWidth="1"/>
    <col min="5123" max="5123" width="4" style="212" customWidth="1"/>
    <col min="5124" max="5126" width="20.109375" style="212" customWidth="1"/>
    <col min="5127" max="5127" width="5.109375" style="212" customWidth="1"/>
    <col min="5128" max="5128" width="5.6640625" style="212" customWidth="1"/>
    <col min="5129" max="5129" width="2.44140625" style="212" customWidth="1"/>
    <col min="5130" max="5376" width="9" style="212"/>
    <col min="5377" max="5377" width="3.77734375" style="212" customWidth="1"/>
    <col min="5378" max="5378" width="24.21875" style="212" customWidth="1"/>
    <col min="5379" max="5379" width="4" style="212" customWidth="1"/>
    <col min="5380" max="5382" width="20.109375" style="212" customWidth="1"/>
    <col min="5383" max="5383" width="5.109375" style="212" customWidth="1"/>
    <col min="5384" max="5384" width="5.6640625" style="212" customWidth="1"/>
    <col min="5385" max="5385" width="2.44140625" style="212" customWidth="1"/>
    <col min="5386" max="5632" width="9" style="212"/>
    <col min="5633" max="5633" width="3.77734375" style="212" customWidth="1"/>
    <col min="5634" max="5634" width="24.21875" style="212" customWidth="1"/>
    <col min="5635" max="5635" width="4" style="212" customWidth="1"/>
    <col min="5636" max="5638" width="20.109375" style="212" customWidth="1"/>
    <col min="5639" max="5639" width="5.109375" style="212" customWidth="1"/>
    <col min="5640" max="5640" width="5.6640625" style="212" customWidth="1"/>
    <col min="5641" max="5641" width="2.44140625" style="212" customWidth="1"/>
    <col min="5642" max="5888" width="9" style="212"/>
    <col min="5889" max="5889" width="3.77734375" style="212" customWidth="1"/>
    <col min="5890" max="5890" width="24.21875" style="212" customWidth="1"/>
    <col min="5891" max="5891" width="4" style="212" customWidth="1"/>
    <col min="5892" max="5894" width="20.109375" style="212" customWidth="1"/>
    <col min="5895" max="5895" width="5.109375" style="212" customWidth="1"/>
    <col min="5896" max="5896" width="5.6640625" style="212" customWidth="1"/>
    <col min="5897" max="5897" width="2.44140625" style="212" customWidth="1"/>
    <col min="5898" max="6144" width="9" style="212"/>
    <col min="6145" max="6145" width="3.77734375" style="212" customWidth="1"/>
    <col min="6146" max="6146" width="24.21875" style="212" customWidth="1"/>
    <col min="6147" max="6147" width="4" style="212" customWidth="1"/>
    <col min="6148" max="6150" width="20.109375" style="212" customWidth="1"/>
    <col min="6151" max="6151" width="5.109375" style="212" customWidth="1"/>
    <col min="6152" max="6152" width="5.6640625" style="212" customWidth="1"/>
    <col min="6153" max="6153" width="2.44140625" style="212" customWidth="1"/>
    <col min="6154" max="6400" width="9" style="212"/>
    <col min="6401" max="6401" width="3.77734375" style="212" customWidth="1"/>
    <col min="6402" max="6402" width="24.21875" style="212" customWidth="1"/>
    <col min="6403" max="6403" width="4" style="212" customWidth="1"/>
    <col min="6404" max="6406" width="20.109375" style="212" customWidth="1"/>
    <col min="6407" max="6407" width="5.109375" style="212" customWidth="1"/>
    <col min="6408" max="6408" width="5.6640625" style="212" customWidth="1"/>
    <col min="6409" max="6409" width="2.44140625" style="212" customWidth="1"/>
    <col min="6410" max="6656" width="9" style="212"/>
    <col min="6657" max="6657" width="3.77734375" style="212" customWidth="1"/>
    <col min="6658" max="6658" width="24.21875" style="212" customWidth="1"/>
    <col min="6659" max="6659" width="4" style="212" customWidth="1"/>
    <col min="6660" max="6662" width="20.109375" style="212" customWidth="1"/>
    <col min="6663" max="6663" width="5.109375" style="212" customWidth="1"/>
    <col min="6664" max="6664" width="5.6640625" style="212" customWidth="1"/>
    <col min="6665" max="6665" width="2.44140625" style="212" customWidth="1"/>
    <col min="6666" max="6912" width="9" style="212"/>
    <col min="6913" max="6913" width="3.77734375" style="212" customWidth="1"/>
    <col min="6914" max="6914" width="24.21875" style="212" customWidth="1"/>
    <col min="6915" max="6915" width="4" style="212" customWidth="1"/>
    <col min="6916" max="6918" width="20.109375" style="212" customWidth="1"/>
    <col min="6919" max="6919" width="5.109375" style="212" customWidth="1"/>
    <col min="6920" max="6920" width="5.6640625" style="212" customWidth="1"/>
    <col min="6921" max="6921" width="2.44140625" style="212" customWidth="1"/>
    <col min="6922" max="7168" width="9" style="212"/>
    <col min="7169" max="7169" width="3.77734375" style="212" customWidth="1"/>
    <col min="7170" max="7170" width="24.21875" style="212" customWidth="1"/>
    <col min="7171" max="7171" width="4" style="212" customWidth="1"/>
    <col min="7172" max="7174" width="20.109375" style="212" customWidth="1"/>
    <col min="7175" max="7175" width="5.109375" style="212" customWidth="1"/>
    <col min="7176" max="7176" width="5.6640625" style="212" customWidth="1"/>
    <col min="7177" max="7177" width="2.44140625" style="212" customWidth="1"/>
    <col min="7178" max="7424" width="9" style="212"/>
    <col min="7425" max="7425" width="3.77734375" style="212" customWidth="1"/>
    <col min="7426" max="7426" width="24.21875" style="212" customWidth="1"/>
    <col min="7427" max="7427" width="4" style="212" customWidth="1"/>
    <col min="7428" max="7430" width="20.109375" style="212" customWidth="1"/>
    <col min="7431" max="7431" width="5.109375" style="212" customWidth="1"/>
    <col min="7432" max="7432" width="5.6640625" style="212" customWidth="1"/>
    <col min="7433" max="7433" width="2.44140625" style="212" customWidth="1"/>
    <col min="7434" max="7680" width="9" style="212"/>
    <col min="7681" max="7681" width="3.77734375" style="212" customWidth="1"/>
    <col min="7682" max="7682" width="24.21875" style="212" customWidth="1"/>
    <col min="7683" max="7683" width="4" style="212" customWidth="1"/>
    <col min="7684" max="7686" width="20.109375" style="212" customWidth="1"/>
    <col min="7687" max="7687" width="5.109375" style="212" customWidth="1"/>
    <col min="7688" max="7688" width="5.6640625" style="212" customWidth="1"/>
    <col min="7689" max="7689" width="2.44140625" style="212" customWidth="1"/>
    <col min="7690" max="7936" width="9" style="212"/>
    <col min="7937" max="7937" width="3.77734375" style="212" customWidth="1"/>
    <col min="7938" max="7938" width="24.21875" style="212" customWidth="1"/>
    <col min="7939" max="7939" width="4" style="212" customWidth="1"/>
    <col min="7940" max="7942" width="20.109375" style="212" customWidth="1"/>
    <col min="7943" max="7943" width="5.109375" style="212" customWidth="1"/>
    <col min="7944" max="7944" width="5.6640625" style="212" customWidth="1"/>
    <col min="7945" max="7945" width="2.44140625" style="212" customWidth="1"/>
    <col min="7946" max="8192" width="9" style="212"/>
    <col min="8193" max="8193" width="3.77734375" style="212" customWidth="1"/>
    <col min="8194" max="8194" width="24.21875" style="212" customWidth="1"/>
    <col min="8195" max="8195" width="4" style="212" customWidth="1"/>
    <col min="8196" max="8198" width="20.109375" style="212" customWidth="1"/>
    <col min="8199" max="8199" width="5.109375" style="212" customWidth="1"/>
    <col min="8200" max="8200" width="5.6640625" style="212" customWidth="1"/>
    <col min="8201" max="8201" width="2.44140625" style="212" customWidth="1"/>
    <col min="8202" max="8448" width="9" style="212"/>
    <col min="8449" max="8449" width="3.77734375" style="212" customWidth="1"/>
    <col min="8450" max="8450" width="24.21875" style="212" customWidth="1"/>
    <col min="8451" max="8451" width="4" style="212" customWidth="1"/>
    <col min="8452" max="8454" width="20.109375" style="212" customWidth="1"/>
    <col min="8455" max="8455" width="5.109375" style="212" customWidth="1"/>
    <col min="8456" max="8456" width="5.6640625" style="212" customWidth="1"/>
    <col min="8457" max="8457" width="2.44140625" style="212" customWidth="1"/>
    <col min="8458" max="8704" width="9" style="212"/>
    <col min="8705" max="8705" width="3.77734375" style="212" customWidth="1"/>
    <col min="8706" max="8706" width="24.21875" style="212" customWidth="1"/>
    <col min="8707" max="8707" width="4" style="212" customWidth="1"/>
    <col min="8708" max="8710" width="20.109375" style="212" customWidth="1"/>
    <col min="8711" max="8711" width="5.109375" style="212" customWidth="1"/>
    <col min="8712" max="8712" width="5.6640625" style="212" customWidth="1"/>
    <col min="8713" max="8713" width="2.44140625" style="212" customWidth="1"/>
    <col min="8714" max="8960" width="9" style="212"/>
    <col min="8961" max="8961" width="3.77734375" style="212" customWidth="1"/>
    <col min="8962" max="8962" width="24.21875" style="212" customWidth="1"/>
    <col min="8963" max="8963" width="4" style="212" customWidth="1"/>
    <col min="8964" max="8966" width="20.109375" style="212" customWidth="1"/>
    <col min="8967" max="8967" width="5.109375" style="212" customWidth="1"/>
    <col min="8968" max="8968" width="5.6640625" style="212" customWidth="1"/>
    <col min="8969" max="8969" width="2.44140625" style="212" customWidth="1"/>
    <col min="8970" max="9216" width="9" style="212"/>
    <col min="9217" max="9217" width="3.77734375" style="212" customWidth="1"/>
    <col min="9218" max="9218" width="24.21875" style="212" customWidth="1"/>
    <col min="9219" max="9219" width="4" style="212" customWidth="1"/>
    <col min="9220" max="9222" width="20.109375" style="212" customWidth="1"/>
    <col min="9223" max="9223" width="5.109375" style="212" customWidth="1"/>
    <col min="9224" max="9224" width="5.6640625" style="212" customWidth="1"/>
    <col min="9225" max="9225" width="2.44140625" style="212" customWidth="1"/>
    <col min="9226" max="9472" width="9" style="212"/>
    <col min="9473" max="9473" width="3.77734375" style="212" customWidth="1"/>
    <col min="9474" max="9474" width="24.21875" style="212" customWidth="1"/>
    <col min="9475" max="9475" width="4" style="212" customWidth="1"/>
    <col min="9476" max="9478" width="20.109375" style="212" customWidth="1"/>
    <col min="9479" max="9479" width="5.109375" style="212" customWidth="1"/>
    <col min="9480" max="9480" width="5.6640625" style="212" customWidth="1"/>
    <col min="9481" max="9481" width="2.44140625" style="212" customWidth="1"/>
    <col min="9482" max="9728" width="9" style="212"/>
    <col min="9729" max="9729" width="3.77734375" style="212" customWidth="1"/>
    <col min="9730" max="9730" width="24.21875" style="212" customWidth="1"/>
    <col min="9731" max="9731" width="4" style="212" customWidth="1"/>
    <col min="9732" max="9734" width="20.109375" style="212" customWidth="1"/>
    <col min="9735" max="9735" width="5.109375" style="212" customWidth="1"/>
    <col min="9736" max="9736" width="5.6640625" style="212" customWidth="1"/>
    <col min="9737" max="9737" width="2.44140625" style="212" customWidth="1"/>
    <col min="9738" max="9984" width="9" style="212"/>
    <col min="9985" max="9985" width="3.77734375" style="212" customWidth="1"/>
    <col min="9986" max="9986" width="24.21875" style="212" customWidth="1"/>
    <col min="9987" max="9987" width="4" style="212" customWidth="1"/>
    <col min="9988" max="9990" width="20.109375" style="212" customWidth="1"/>
    <col min="9991" max="9991" width="5.109375" style="212" customWidth="1"/>
    <col min="9992" max="9992" width="5.6640625" style="212" customWidth="1"/>
    <col min="9993" max="9993" width="2.44140625" style="212" customWidth="1"/>
    <col min="9994" max="10240" width="9" style="212"/>
    <col min="10241" max="10241" width="3.77734375" style="212" customWidth="1"/>
    <col min="10242" max="10242" width="24.21875" style="212" customWidth="1"/>
    <col min="10243" max="10243" width="4" style="212" customWidth="1"/>
    <col min="10244" max="10246" width="20.109375" style="212" customWidth="1"/>
    <col min="10247" max="10247" width="5.109375" style="212" customWidth="1"/>
    <col min="10248" max="10248" width="5.6640625" style="212" customWidth="1"/>
    <col min="10249" max="10249" width="2.44140625" style="212" customWidth="1"/>
    <col min="10250" max="10496" width="9" style="212"/>
    <col min="10497" max="10497" width="3.77734375" style="212" customWidth="1"/>
    <col min="10498" max="10498" width="24.21875" style="212" customWidth="1"/>
    <col min="10499" max="10499" width="4" style="212" customWidth="1"/>
    <col min="10500" max="10502" width="20.109375" style="212" customWidth="1"/>
    <col min="10503" max="10503" width="5.109375" style="212" customWidth="1"/>
    <col min="10504" max="10504" width="5.6640625" style="212" customWidth="1"/>
    <col min="10505" max="10505" width="2.44140625" style="212" customWidth="1"/>
    <col min="10506" max="10752" width="9" style="212"/>
    <col min="10753" max="10753" width="3.77734375" style="212" customWidth="1"/>
    <col min="10754" max="10754" width="24.21875" style="212" customWidth="1"/>
    <col min="10755" max="10755" width="4" style="212" customWidth="1"/>
    <col min="10756" max="10758" width="20.109375" style="212" customWidth="1"/>
    <col min="10759" max="10759" width="5.109375" style="212" customWidth="1"/>
    <col min="10760" max="10760" width="5.6640625" style="212" customWidth="1"/>
    <col min="10761" max="10761" width="2.44140625" style="212" customWidth="1"/>
    <col min="10762" max="11008" width="9" style="212"/>
    <col min="11009" max="11009" width="3.77734375" style="212" customWidth="1"/>
    <col min="11010" max="11010" width="24.21875" style="212" customWidth="1"/>
    <col min="11011" max="11011" width="4" style="212" customWidth="1"/>
    <col min="11012" max="11014" width="20.109375" style="212" customWidth="1"/>
    <col min="11015" max="11015" width="5.109375" style="212" customWidth="1"/>
    <col min="11016" max="11016" width="5.6640625" style="212" customWidth="1"/>
    <col min="11017" max="11017" width="2.44140625" style="212" customWidth="1"/>
    <col min="11018" max="11264" width="9" style="212"/>
    <col min="11265" max="11265" width="3.77734375" style="212" customWidth="1"/>
    <col min="11266" max="11266" width="24.21875" style="212" customWidth="1"/>
    <col min="11267" max="11267" width="4" style="212" customWidth="1"/>
    <col min="11268" max="11270" width="20.109375" style="212" customWidth="1"/>
    <col min="11271" max="11271" width="5.109375" style="212" customWidth="1"/>
    <col min="11272" max="11272" width="5.6640625" style="212" customWidth="1"/>
    <col min="11273" max="11273" width="2.44140625" style="212" customWidth="1"/>
    <col min="11274" max="11520" width="9" style="212"/>
    <col min="11521" max="11521" width="3.77734375" style="212" customWidth="1"/>
    <col min="11522" max="11522" width="24.21875" style="212" customWidth="1"/>
    <col min="11523" max="11523" width="4" style="212" customWidth="1"/>
    <col min="11524" max="11526" width="20.109375" style="212" customWidth="1"/>
    <col min="11527" max="11527" width="5.109375" style="212" customWidth="1"/>
    <col min="11528" max="11528" width="5.6640625" style="212" customWidth="1"/>
    <col min="11529" max="11529" width="2.44140625" style="212" customWidth="1"/>
    <col min="11530" max="11776" width="9" style="212"/>
    <col min="11777" max="11777" width="3.77734375" style="212" customWidth="1"/>
    <col min="11778" max="11778" width="24.21875" style="212" customWidth="1"/>
    <col min="11779" max="11779" width="4" style="212" customWidth="1"/>
    <col min="11780" max="11782" width="20.109375" style="212" customWidth="1"/>
    <col min="11783" max="11783" width="5.109375" style="212" customWidth="1"/>
    <col min="11784" max="11784" width="5.6640625" style="212" customWidth="1"/>
    <col min="11785" max="11785" width="2.44140625" style="212" customWidth="1"/>
    <col min="11786" max="12032" width="9" style="212"/>
    <col min="12033" max="12033" width="3.77734375" style="212" customWidth="1"/>
    <col min="12034" max="12034" width="24.21875" style="212" customWidth="1"/>
    <col min="12035" max="12035" width="4" style="212" customWidth="1"/>
    <col min="12036" max="12038" width="20.109375" style="212" customWidth="1"/>
    <col min="12039" max="12039" width="5.109375" style="212" customWidth="1"/>
    <col min="12040" max="12040" width="5.6640625" style="212" customWidth="1"/>
    <col min="12041" max="12041" width="2.44140625" style="212" customWidth="1"/>
    <col min="12042" max="12288" width="9" style="212"/>
    <col min="12289" max="12289" width="3.77734375" style="212" customWidth="1"/>
    <col min="12290" max="12290" width="24.21875" style="212" customWidth="1"/>
    <col min="12291" max="12291" width="4" style="212" customWidth="1"/>
    <col min="12292" max="12294" width="20.109375" style="212" customWidth="1"/>
    <col min="12295" max="12295" width="5.109375" style="212" customWidth="1"/>
    <col min="12296" max="12296" width="5.6640625" style="212" customWidth="1"/>
    <col min="12297" max="12297" width="2.44140625" style="212" customWidth="1"/>
    <col min="12298" max="12544" width="9" style="212"/>
    <col min="12545" max="12545" width="3.77734375" style="212" customWidth="1"/>
    <col min="12546" max="12546" width="24.21875" style="212" customWidth="1"/>
    <col min="12547" max="12547" width="4" style="212" customWidth="1"/>
    <col min="12548" max="12550" width="20.109375" style="212" customWidth="1"/>
    <col min="12551" max="12551" width="5.109375" style="212" customWidth="1"/>
    <col min="12552" max="12552" width="5.6640625" style="212" customWidth="1"/>
    <col min="12553" max="12553" width="2.44140625" style="212" customWidth="1"/>
    <col min="12554" max="12800" width="9" style="212"/>
    <col min="12801" max="12801" width="3.77734375" style="212" customWidth="1"/>
    <col min="12802" max="12802" width="24.21875" style="212" customWidth="1"/>
    <col min="12803" max="12803" width="4" style="212" customWidth="1"/>
    <col min="12804" max="12806" width="20.109375" style="212" customWidth="1"/>
    <col min="12807" max="12807" width="5.109375" style="212" customWidth="1"/>
    <col min="12808" max="12808" width="5.6640625" style="212" customWidth="1"/>
    <col min="12809" max="12809" width="2.44140625" style="212" customWidth="1"/>
    <col min="12810" max="13056" width="9" style="212"/>
    <col min="13057" max="13057" width="3.77734375" style="212" customWidth="1"/>
    <col min="13058" max="13058" width="24.21875" style="212" customWidth="1"/>
    <col min="13059" max="13059" width="4" style="212" customWidth="1"/>
    <col min="13060" max="13062" width="20.109375" style="212" customWidth="1"/>
    <col min="13063" max="13063" width="5.109375" style="212" customWidth="1"/>
    <col min="13064" max="13064" width="5.6640625" style="212" customWidth="1"/>
    <col min="13065" max="13065" width="2.44140625" style="212" customWidth="1"/>
    <col min="13066" max="13312" width="9" style="212"/>
    <col min="13313" max="13313" width="3.77734375" style="212" customWidth="1"/>
    <col min="13314" max="13314" width="24.21875" style="212" customWidth="1"/>
    <col min="13315" max="13315" width="4" style="212" customWidth="1"/>
    <col min="13316" max="13318" width="20.109375" style="212" customWidth="1"/>
    <col min="13319" max="13319" width="5.109375" style="212" customWidth="1"/>
    <col min="13320" max="13320" width="5.6640625" style="212" customWidth="1"/>
    <col min="13321" max="13321" width="2.44140625" style="212" customWidth="1"/>
    <col min="13322" max="13568" width="9" style="212"/>
    <col min="13569" max="13569" width="3.77734375" style="212" customWidth="1"/>
    <col min="13570" max="13570" width="24.21875" style="212" customWidth="1"/>
    <col min="13571" max="13571" width="4" style="212" customWidth="1"/>
    <col min="13572" max="13574" width="20.109375" style="212" customWidth="1"/>
    <col min="13575" max="13575" width="5.109375" style="212" customWidth="1"/>
    <col min="13576" max="13576" width="5.6640625" style="212" customWidth="1"/>
    <col min="13577" max="13577" width="2.44140625" style="212" customWidth="1"/>
    <col min="13578" max="13824" width="9" style="212"/>
    <col min="13825" max="13825" width="3.77734375" style="212" customWidth="1"/>
    <col min="13826" max="13826" width="24.21875" style="212" customWidth="1"/>
    <col min="13827" max="13827" width="4" style="212" customWidth="1"/>
    <col min="13828" max="13830" width="20.109375" style="212" customWidth="1"/>
    <col min="13831" max="13831" width="5.109375" style="212" customWidth="1"/>
    <col min="13832" max="13832" width="5.6640625" style="212" customWidth="1"/>
    <col min="13833" max="13833" width="2.44140625" style="212" customWidth="1"/>
    <col min="13834" max="14080" width="9" style="212"/>
    <col min="14081" max="14081" width="3.77734375" style="212" customWidth="1"/>
    <col min="14082" max="14082" width="24.21875" style="212" customWidth="1"/>
    <col min="14083" max="14083" width="4" style="212" customWidth="1"/>
    <col min="14084" max="14086" width="20.109375" style="212" customWidth="1"/>
    <col min="14087" max="14087" width="5.109375" style="212" customWidth="1"/>
    <col min="14088" max="14088" width="5.6640625" style="212" customWidth="1"/>
    <col min="14089" max="14089" width="2.44140625" style="212" customWidth="1"/>
    <col min="14090" max="14336" width="9" style="212"/>
    <col min="14337" max="14337" width="3.77734375" style="212" customWidth="1"/>
    <col min="14338" max="14338" width="24.21875" style="212" customWidth="1"/>
    <col min="14339" max="14339" width="4" style="212" customWidth="1"/>
    <col min="14340" max="14342" width="20.109375" style="212" customWidth="1"/>
    <col min="14343" max="14343" width="5.109375" style="212" customWidth="1"/>
    <col min="14344" max="14344" width="5.6640625" style="212" customWidth="1"/>
    <col min="14345" max="14345" width="2.44140625" style="212" customWidth="1"/>
    <col min="14346" max="14592" width="9" style="212"/>
    <col min="14593" max="14593" width="3.77734375" style="212" customWidth="1"/>
    <col min="14594" max="14594" width="24.21875" style="212" customWidth="1"/>
    <col min="14595" max="14595" width="4" style="212" customWidth="1"/>
    <col min="14596" max="14598" width="20.109375" style="212" customWidth="1"/>
    <col min="14599" max="14599" width="5.109375" style="212" customWidth="1"/>
    <col min="14600" max="14600" width="5.6640625" style="212" customWidth="1"/>
    <col min="14601" max="14601" width="2.44140625" style="212" customWidth="1"/>
    <col min="14602" max="14848" width="9" style="212"/>
    <col min="14849" max="14849" width="3.77734375" style="212" customWidth="1"/>
    <col min="14850" max="14850" width="24.21875" style="212" customWidth="1"/>
    <col min="14851" max="14851" width="4" style="212" customWidth="1"/>
    <col min="14852" max="14854" width="20.109375" style="212" customWidth="1"/>
    <col min="14855" max="14855" width="5.109375" style="212" customWidth="1"/>
    <col min="14856" max="14856" width="5.6640625" style="212" customWidth="1"/>
    <col min="14857" max="14857" width="2.44140625" style="212" customWidth="1"/>
    <col min="14858" max="15104" width="9" style="212"/>
    <col min="15105" max="15105" width="3.77734375" style="212" customWidth="1"/>
    <col min="15106" max="15106" width="24.21875" style="212" customWidth="1"/>
    <col min="15107" max="15107" width="4" style="212" customWidth="1"/>
    <col min="15108" max="15110" width="20.109375" style="212" customWidth="1"/>
    <col min="15111" max="15111" width="5.109375" style="212" customWidth="1"/>
    <col min="15112" max="15112" width="5.6640625" style="212" customWidth="1"/>
    <col min="15113" max="15113" width="2.44140625" style="212" customWidth="1"/>
    <col min="15114" max="15360" width="9" style="212"/>
    <col min="15361" max="15361" width="3.77734375" style="212" customWidth="1"/>
    <col min="15362" max="15362" width="24.21875" style="212" customWidth="1"/>
    <col min="15363" max="15363" width="4" style="212" customWidth="1"/>
    <col min="15364" max="15366" width="20.109375" style="212" customWidth="1"/>
    <col min="15367" max="15367" width="5.109375" style="212" customWidth="1"/>
    <col min="15368" max="15368" width="5.6640625" style="212" customWidth="1"/>
    <col min="15369" max="15369" width="2.44140625" style="212" customWidth="1"/>
    <col min="15370" max="15616" width="9" style="212"/>
    <col min="15617" max="15617" width="3.77734375" style="212" customWidth="1"/>
    <col min="15618" max="15618" width="24.21875" style="212" customWidth="1"/>
    <col min="15619" max="15619" width="4" style="212" customWidth="1"/>
    <col min="15620" max="15622" width="20.109375" style="212" customWidth="1"/>
    <col min="15623" max="15623" width="5.109375" style="212" customWidth="1"/>
    <col min="15624" max="15624" width="5.6640625" style="212" customWidth="1"/>
    <col min="15625" max="15625" width="2.44140625" style="212" customWidth="1"/>
    <col min="15626" max="15872" width="9" style="212"/>
    <col min="15873" max="15873" width="3.77734375" style="212" customWidth="1"/>
    <col min="15874" max="15874" width="24.21875" style="212" customWidth="1"/>
    <col min="15875" max="15875" width="4" style="212" customWidth="1"/>
    <col min="15876" max="15878" width="20.109375" style="212" customWidth="1"/>
    <col min="15879" max="15879" width="5.109375" style="212" customWidth="1"/>
    <col min="15880" max="15880" width="5.6640625" style="212" customWidth="1"/>
    <col min="15881" max="15881" width="2.44140625" style="212" customWidth="1"/>
    <col min="15882" max="16128" width="9" style="212"/>
    <col min="16129" max="16129" width="3.77734375" style="212" customWidth="1"/>
    <col min="16130" max="16130" width="24.21875" style="212" customWidth="1"/>
    <col min="16131" max="16131" width="4" style="212" customWidth="1"/>
    <col min="16132" max="16134" width="20.109375" style="212" customWidth="1"/>
    <col min="16135" max="16135" width="5.109375" style="212" customWidth="1"/>
    <col min="16136" max="16136" width="5.6640625" style="212" customWidth="1"/>
    <col min="16137" max="16137" width="2.44140625" style="212" customWidth="1"/>
    <col min="16138" max="16384" width="9" style="212"/>
  </cols>
  <sheetData>
    <row r="1" spans="1:9" ht="27.75" customHeight="1" x14ac:dyDescent="0.2">
      <c r="A1" s="213"/>
      <c r="B1" s="371" t="s">
        <v>690</v>
      </c>
    </row>
    <row r="2" spans="1:9" ht="27.75" customHeight="1" x14ac:dyDescent="0.2">
      <c r="A2" s="213"/>
      <c r="F2" s="2422" t="s">
        <v>709</v>
      </c>
      <c r="G2" s="2423"/>
    </row>
    <row r="3" spans="1:9" ht="36" customHeight="1" x14ac:dyDescent="0.2">
      <c r="A3" s="2424" t="s">
        <v>459</v>
      </c>
      <c r="B3" s="2424"/>
      <c r="C3" s="2424"/>
      <c r="D3" s="2424"/>
      <c r="E3" s="2424"/>
      <c r="F3" s="2424"/>
      <c r="G3" s="2424"/>
    </row>
    <row r="4" spans="1:9" ht="36" customHeight="1" x14ac:dyDescent="0.2">
      <c r="A4" s="214"/>
      <c r="B4" s="214"/>
      <c r="C4" s="214"/>
      <c r="D4" s="214"/>
      <c r="E4" s="214"/>
      <c r="F4" s="214"/>
      <c r="G4" s="214"/>
    </row>
    <row r="5" spans="1:9" ht="36" customHeight="1" x14ac:dyDescent="0.2">
      <c r="A5" s="214"/>
      <c r="B5" s="215" t="s">
        <v>60</v>
      </c>
      <c r="C5" s="2428"/>
      <c r="D5" s="1762"/>
      <c r="E5" s="1762"/>
      <c r="F5" s="1762"/>
      <c r="G5" s="1761"/>
    </row>
    <row r="6" spans="1:9" ht="46.5" customHeight="1" x14ac:dyDescent="0.2">
      <c r="B6" s="216" t="s">
        <v>470</v>
      </c>
      <c r="C6" s="2425" t="s">
        <v>202</v>
      </c>
      <c r="D6" s="2425"/>
      <c r="E6" s="2425"/>
      <c r="F6" s="2425"/>
      <c r="G6" s="2426"/>
    </row>
    <row r="9" spans="1:9" ht="17.25" customHeight="1" x14ac:dyDescent="0.2">
      <c r="B9" s="217" t="s">
        <v>204</v>
      </c>
      <c r="C9" s="218"/>
      <c r="D9" s="218"/>
      <c r="E9" s="218"/>
      <c r="F9" s="218"/>
      <c r="G9" s="218"/>
      <c r="H9" s="218"/>
      <c r="I9" s="218"/>
    </row>
    <row r="10" spans="1:9" ht="87" customHeight="1" x14ac:dyDescent="0.2">
      <c r="B10" s="2427" t="s">
        <v>689</v>
      </c>
      <c r="C10" s="2427"/>
      <c r="D10" s="2427"/>
      <c r="E10" s="2427"/>
      <c r="F10" s="2427"/>
      <c r="G10" s="2427"/>
      <c r="H10" s="218"/>
      <c r="I10" s="218"/>
    </row>
    <row r="11" spans="1:9" x14ac:dyDescent="0.2">
      <c r="B11" s="218"/>
    </row>
  </sheetData>
  <customSheetViews>
    <customSheetView guid="{FA98832E-F01A-4598-9960-E27C2FDAB118}" fitToPage="1">
      <selection activeCell="J20" sqref="J20"/>
      <pageMargins left="0.70866141732283472" right="0.70866141732283472" top="0.74803149606299213" bottom="0.74803149606299213" header="0.31496062992125984" footer="0.31496062992125984"/>
      <pageSetup paperSize="9" scale="94" orientation="portrait" r:id="rId1"/>
    </customSheetView>
    <customSheetView guid="{8494577A-77FB-45FD-BD2B-C737BCFAD5B3}" fitToPage="1">
      <selection activeCell="J20" sqref="J20"/>
      <pageMargins left="0.70866141732283472" right="0.70866141732283472" top="0.74803149606299213" bottom="0.74803149606299213" header="0.31496062992125984" footer="0.31496062992125984"/>
      <pageSetup paperSize="9" scale="94" orientation="portrait" r:id="rId2"/>
    </customSheetView>
  </customSheetViews>
  <mergeCells count="5">
    <mergeCell ref="F2:G2"/>
    <mergeCell ref="A3:G3"/>
    <mergeCell ref="C6:G6"/>
    <mergeCell ref="B10:G10"/>
    <mergeCell ref="C5:G5"/>
  </mergeCells>
  <phoneticPr fontId="6"/>
  <pageMargins left="0.70866141732283472" right="0.70866141732283472" top="0.74803149606299213" bottom="0.74803149606299213" header="0.31496062992125984" footer="0.31496062992125984"/>
  <pageSetup paperSize="9" scale="94" orientation="portrait" r:id="rId3"/>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dimension ref="A1:H37"/>
  <sheetViews>
    <sheetView showGridLines="0" view="pageBreakPreview" zoomScale="90" zoomScaleNormal="80" zoomScaleSheetLayoutView="90" workbookViewId="0">
      <selection activeCell="J20" sqref="J20"/>
    </sheetView>
  </sheetViews>
  <sheetFormatPr defaultColWidth="9" defaultRowHeight="13.2" x14ac:dyDescent="0.2"/>
  <cols>
    <col min="1" max="1" width="47.44140625" style="344" customWidth="1"/>
    <col min="2" max="3" width="3.109375" style="344" customWidth="1"/>
    <col min="4" max="4" width="23.6640625" style="344" customWidth="1"/>
    <col min="5" max="5" width="10.33203125" style="344" customWidth="1"/>
    <col min="6" max="6" width="7.44140625" style="344" customWidth="1"/>
    <col min="7" max="7" width="17.33203125" style="344" customWidth="1"/>
    <col min="8" max="8" width="13.77734375" style="344" customWidth="1"/>
    <col min="9" max="16384" width="9" style="344"/>
  </cols>
  <sheetData>
    <row r="1" spans="1:8" ht="14.4" x14ac:dyDescent="0.2">
      <c r="A1" s="250" t="s">
        <v>691</v>
      </c>
    </row>
    <row r="2" spans="1:8" ht="27.75" customHeight="1" x14ac:dyDescent="0.2">
      <c r="A2" s="345"/>
      <c r="G2" s="2446" t="s">
        <v>709</v>
      </c>
      <c r="H2" s="2446"/>
    </row>
    <row r="3" spans="1:8" ht="70.5" customHeight="1" x14ac:dyDescent="0.2">
      <c r="A3" s="2447" t="s">
        <v>535</v>
      </c>
      <c r="B3" s="2448"/>
      <c r="C3" s="2448"/>
      <c r="D3" s="2448"/>
      <c r="E3" s="2448"/>
      <c r="F3" s="2448"/>
      <c r="G3" s="2448"/>
      <c r="H3" s="2448"/>
    </row>
    <row r="4" spans="1:8" ht="12" customHeight="1" x14ac:dyDescent="0.2">
      <c r="A4" s="346"/>
      <c r="B4" s="346"/>
      <c r="C4" s="346"/>
      <c r="D4" s="346"/>
      <c r="E4" s="346"/>
      <c r="F4" s="346"/>
      <c r="G4" s="346"/>
      <c r="H4" s="346"/>
    </row>
    <row r="5" spans="1:8" ht="36" customHeight="1" x14ac:dyDescent="0.2">
      <c r="A5" s="347" t="s">
        <v>80</v>
      </c>
      <c r="B5" s="2449"/>
      <c r="C5" s="2450"/>
      <c r="D5" s="2450"/>
      <c r="E5" s="2450"/>
      <c r="F5" s="2450"/>
      <c r="G5" s="2450"/>
      <c r="H5" s="2451"/>
    </row>
    <row r="6" spans="1:8" ht="46.5" customHeight="1" x14ac:dyDescent="0.2">
      <c r="A6" s="349" t="s">
        <v>81</v>
      </c>
      <c r="B6" s="2452" t="s">
        <v>201</v>
      </c>
      <c r="C6" s="2453"/>
      <c r="D6" s="2453"/>
      <c r="E6" s="2453"/>
      <c r="F6" s="2453"/>
      <c r="G6" s="2453"/>
      <c r="H6" s="2454"/>
    </row>
    <row r="7" spans="1:8" s="352" customFormat="1" ht="23.25" customHeight="1" x14ac:dyDescent="0.2">
      <c r="A7" s="350"/>
      <c r="B7" s="351"/>
      <c r="C7" s="351"/>
      <c r="D7" s="351"/>
      <c r="E7" s="351"/>
      <c r="F7" s="351"/>
      <c r="G7" s="351"/>
    </row>
    <row r="8" spans="1:8" s="352" customFormat="1" x14ac:dyDescent="0.2">
      <c r="A8" s="2455" t="s">
        <v>534</v>
      </c>
      <c r="B8" s="2458" t="s">
        <v>85</v>
      </c>
      <c r="C8" s="2459"/>
      <c r="D8" s="2459"/>
      <c r="E8" s="2459"/>
      <c r="F8" s="2459"/>
      <c r="G8" s="2459"/>
      <c r="H8" s="2460"/>
    </row>
    <row r="9" spans="1:8" x14ac:dyDescent="0.2">
      <c r="A9" s="2456"/>
      <c r="B9" s="2461"/>
      <c r="C9" s="2462"/>
      <c r="D9" s="2462"/>
      <c r="E9" s="2462"/>
      <c r="F9" s="2462"/>
      <c r="G9" s="2462"/>
      <c r="H9" s="2463"/>
    </row>
    <row r="10" spans="1:8" ht="52.5" customHeight="1" x14ac:dyDescent="0.2">
      <c r="A10" s="2456"/>
      <c r="B10" s="2461"/>
      <c r="C10" s="2462"/>
      <c r="D10" s="2462"/>
      <c r="E10" s="2462"/>
      <c r="F10" s="2462"/>
      <c r="G10" s="2462"/>
      <c r="H10" s="2463"/>
    </row>
    <row r="11" spans="1:8" ht="52.5" customHeight="1" x14ac:dyDescent="0.2">
      <c r="A11" s="2456"/>
      <c r="B11" s="2461"/>
      <c r="C11" s="2462"/>
      <c r="D11" s="2462"/>
      <c r="E11" s="2462"/>
      <c r="F11" s="2462"/>
      <c r="G11" s="2462"/>
      <c r="H11" s="2463"/>
    </row>
    <row r="12" spans="1:8" ht="13.5" customHeight="1" x14ac:dyDescent="0.2">
      <c r="A12" s="2456"/>
      <c r="B12" s="2461"/>
      <c r="C12" s="2462"/>
      <c r="D12" s="2462"/>
      <c r="E12" s="2462"/>
      <c r="F12" s="2462"/>
      <c r="G12" s="2462"/>
      <c r="H12" s="2463"/>
    </row>
    <row r="13" spans="1:8" ht="13.5" customHeight="1" x14ac:dyDescent="0.2">
      <c r="A13" s="2457"/>
      <c r="B13" s="2464"/>
      <c r="C13" s="2465"/>
      <c r="D13" s="2465"/>
      <c r="E13" s="2465"/>
      <c r="F13" s="2465"/>
      <c r="G13" s="2465"/>
      <c r="H13" s="2466"/>
    </row>
    <row r="14" spans="1:8" s="352" customFormat="1" x14ac:dyDescent="0.2">
      <c r="A14" s="2443" t="s">
        <v>533</v>
      </c>
      <c r="B14" s="2433"/>
      <c r="C14" s="2434"/>
      <c r="D14" s="2434"/>
      <c r="E14" s="2434"/>
      <c r="F14" s="2434"/>
      <c r="G14" s="2435"/>
      <c r="H14" s="2430" t="s">
        <v>85</v>
      </c>
    </row>
    <row r="15" spans="1:8" x14ac:dyDescent="0.2">
      <c r="A15" s="2444"/>
      <c r="B15" s="2436"/>
      <c r="C15" s="2437"/>
      <c r="D15" s="2437"/>
      <c r="E15" s="2437"/>
      <c r="F15" s="2437"/>
      <c r="G15" s="2438"/>
      <c r="H15" s="2431"/>
    </row>
    <row r="16" spans="1:8" ht="53.1" customHeight="1" x14ac:dyDescent="0.2">
      <c r="A16" s="2444"/>
      <c r="B16" s="2436"/>
      <c r="C16" s="2437"/>
      <c r="D16" s="2437"/>
      <c r="E16" s="2437"/>
      <c r="F16" s="2437"/>
      <c r="G16" s="2438"/>
      <c r="H16" s="2431"/>
    </row>
    <row r="17" spans="1:8" ht="53.1" customHeight="1" x14ac:dyDescent="0.2">
      <c r="A17" s="2444"/>
      <c r="B17" s="2436"/>
      <c r="C17" s="2437"/>
      <c r="D17" s="2437"/>
      <c r="E17" s="2437"/>
      <c r="F17" s="2437"/>
      <c r="G17" s="2438"/>
      <c r="H17" s="2431"/>
    </row>
    <row r="18" spans="1:8" x14ac:dyDescent="0.2">
      <c r="A18" s="2444"/>
      <c r="B18" s="2436"/>
      <c r="C18" s="2437"/>
      <c r="D18" s="2437"/>
      <c r="E18" s="2437"/>
      <c r="F18" s="2437"/>
      <c r="G18" s="2438"/>
      <c r="H18" s="2431"/>
    </row>
    <row r="19" spans="1:8" x14ac:dyDescent="0.2">
      <c r="A19" s="2445"/>
      <c r="B19" s="2439"/>
      <c r="C19" s="2440"/>
      <c r="D19" s="2440"/>
      <c r="E19" s="2440"/>
      <c r="F19" s="2440"/>
      <c r="G19" s="2441"/>
      <c r="H19" s="2432"/>
    </row>
    <row r="21" spans="1:8" ht="17.25" customHeight="1" x14ac:dyDescent="0.2">
      <c r="A21" s="2429" t="s">
        <v>96</v>
      </c>
      <c r="B21" s="2429"/>
      <c r="C21" s="2429"/>
      <c r="D21" s="2429"/>
      <c r="E21" s="2429"/>
      <c r="F21" s="2429"/>
      <c r="G21" s="2429"/>
      <c r="H21" s="2429"/>
    </row>
    <row r="22" spans="1:8" ht="16.5" customHeight="1" x14ac:dyDescent="0.2">
      <c r="A22" s="2429" t="s">
        <v>532</v>
      </c>
      <c r="B22" s="2429"/>
      <c r="C22" s="2429"/>
      <c r="D22" s="2429"/>
      <c r="E22" s="2429"/>
      <c r="F22" s="2429"/>
      <c r="G22" s="2429"/>
      <c r="H22" s="2429"/>
    </row>
    <row r="23" spans="1:8" ht="17.25" customHeight="1" x14ac:dyDescent="0.2">
      <c r="A23" s="2429" t="s">
        <v>531</v>
      </c>
      <c r="B23" s="2429"/>
      <c r="C23" s="2429"/>
      <c r="D23" s="2429"/>
      <c r="E23" s="2429"/>
      <c r="F23" s="2429"/>
      <c r="G23" s="2429"/>
      <c r="H23" s="2429"/>
    </row>
    <row r="24" spans="1:8" ht="17.25" customHeight="1" x14ac:dyDescent="0.2">
      <c r="A24" s="368" t="s">
        <v>530</v>
      </c>
      <c r="B24" s="368"/>
      <c r="C24" s="368"/>
      <c r="D24" s="368"/>
      <c r="E24" s="368"/>
      <c r="F24" s="368"/>
      <c r="G24" s="368"/>
      <c r="H24" s="368"/>
    </row>
    <row r="25" spans="1:8" ht="17.25" customHeight="1" x14ac:dyDescent="0.2">
      <c r="A25" s="2429" t="s">
        <v>479</v>
      </c>
      <c r="B25" s="2429"/>
      <c r="C25" s="2429"/>
      <c r="D25" s="2429"/>
      <c r="E25" s="2429"/>
      <c r="F25" s="2429"/>
      <c r="G25" s="2429"/>
      <c r="H25" s="2429"/>
    </row>
    <row r="26" spans="1:8" ht="17.25" customHeight="1" x14ac:dyDescent="0.2">
      <c r="A26" s="2429" t="s">
        <v>478</v>
      </c>
      <c r="B26" s="2429"/>
      <c r="C26" s="2429"/>
      <c r="D26" s="2429"/>
      <c r="E26" s="2429"/>
      <c r="F26" s="2429"/>
      <c r="G26" s="2429"/>
      <c r="H26" s="2429"/>
    </row>
    <row r="27" spans="1:8" ht="17.25" customHeight="1" x14ac:dyDescent="0.2">
      <c r="A27" s="2429" t="s">
        <v>529</v>
      </c>
      <c r="B27" s="2429"/>
      <c r="C27" s="2429"/>
      <c r="D27" s="2429"/>
      <c r="E27" s="2429"/>
      <c r="F27" s="2429"/>
      <c r="G27" s="2429"/>
      <c r="H27" s="2429"/>
    </row>
    <row r="28" spans="1:8" ht="17.25" customHeight="1" x14ac:dyDescent="0.2">
      <c r="A28" s="2442" t="s">
        <v>528</v>
      </c>
      <c r="B28" s="2442"/>
      <c r="C28" s="2442"/>
      <c r="D28" s="2442"/>
      <c r="E28" s="2442"/>
      <c r="F28" s="2442"/>
      <c r="G28" s="2442"/>
      <c r="H28" s="2442"/>
    </row>
    <row r="29" spans="1:8" ht="17.25" customHeight="1" x14ac:dyDescent="0.2">
      <c r="A29" s="2442"/>
      <c r="B29" s="2442"/>
      <c r="C29" s="2442"/>
      <c r="D29" s="2442"/>
      <c r="E29" s="2442"/>
      <c r="F29" s="2442"/>
      <c r="G29" s="2442"/>
      <c r="H29" s="2442"/>
    </row>
    <row r="30" spans="1:8" ht="17.25" customHeight="1" x14ac:dyDescent="0.2">
      <c r="A30" s="367"/>
      <c r="B30" s="367"/>
      <c r="C30" s="367"/>
      <c r="D30" s="367"/>
      <c r="E30" s="367"/>
      <c r="F30" s="367"/>
      <c r="G30" s="367"/>
      <c r="H30" s="367"/>
    </row>
    <row r="31" spans="1:8" ht="17.25" customHeight="1" x14ac:dyDescent="0.2">
      <c r="A31" s="367"/>
      <c r="B31" s="367"/>
      <c r="C31" s="367"/>
      <c r="D31" s="367"/>
      <c r="E31" s="367"/>
      <c r="F31" s="367"/>
      <c r="G31" s="367"/>
      <c r="H31" s="367"/>
    </row>
    <row r="32" spans="1:8" ht="17.25" customHeight="1" x14ac:dyDescent="0.2">
      <c r="A32" s="367"/>
      <c r="B32" s="367"/>
      <c r="C32" s="367"/>
      <c r="D32" s="367"/>
      <c r="E32" s="367"/>
      <c r="F32" s="367"/>
      <c r="G32" s="367"/>
      <c r="H32" s="367"/>
    </row>
    <row r="33" spans="1:8" ht="17.25" customHeight="1" x14ac:dyDescent="0.2">
      <c r="A33" s="367"/>
      <c r="B33" s="367"/>
      <c r="C33" s="367"/>
      <c r="D33" s="367"/>
      <c r="E33" s="367"/>
      <c r="F33" s="367"/>
      <c r="G33" s="367"/>
      <c r="H33" s="367"/>
    </row>
    <row r="34" spans="1:8" ht="17.25" customHeight="1" x14ac:dyDescent="0.2">
      <c r="A34" s="2429"/>
      <c r="B34" s="2429"/>
      <c r="C34" s="2429"/>
      <c r="D34" s="2429"/>
      <c r="E34" s="2429"/>
      <c r="F34" s="2429"/>
      <c r="G34" s="2429"/>
      <c r="H34" s="2429"/>
    </row>
    <row r="35" spans="1:8" x14ac:dyDescent="0.2">
      <c r="A35" s="2429"/>
      <c r="B35" s="2429"/>
      <c r="C35" s="2429"/>
      <c r="D35" s="2429"/>
      <c r="E35" s="2429"/>
      <c r="F35" s="2429"/>
      <c r="G35" s="2429"/>
      <c r="H35" s="2429"/>
    </row>
    <row r="36" spans="1:8" x14ac:dyDescent="0.2">
      <c r="A36" s="2429"/>
      <c r="B36" s="2429"/>
      <c r="C36" s="2429"/>
      <c r="D36" s="2429"/>
      <c r="E36" s="2429"/>
      <c r="F36" s="2429"/>
      <c r="G36" s="2429"/>
      <c r="H36" s="2429"/>
    </row>
    <row r="37" spans="1:8" x14ac:dyDescent="0.2">
      <c r="A37" s="2429"/>
      <c r="B37" s="2429"/>
      <c r="C37" s="2429"/>
      <c r="D37" s="2429"/>
      <c r="E37" s="2429"/>
      <c r="F37" s="2429"/>
      <c r="G37" s="2429"/>
      <c r="H37" s="2429"/>
    </row>
  </sheetData>
  <customSheetViews>
    <customSheetView guid="{FA98832E-F01A-4598-9960-E27C2FDAB118}" scale="90" showPageBreaks="1" showGridLines="0" printArea="1" view="pageBreakPreview">
      <selection activeCell="J20" sqref="J20"/>
      <pageMargins left="0.7" right="0.7" top="0.75" bottom="0.75" header="0.3" footer="0.3"/>
      <pageSetup paperSize="9" scale="70" orientation="portrait" r:id="rId1"/>
    </customSheetView>
    <customSheetView guid="{8494577A-77FB-45FD-BD2B-C737BCFAD5B3}" scale="90" showPageBreaks="1" showGridLines="0" printArea="1" view="pageBreakPreview">
      <selection activeCell="J20" sqref="J20"/>
      <pageMargins left="0.7" right="0.7" top="0.75" bottom="0.75" header="0.3" footer="0.3"/>
      <pageSetup paperSize="9" scale="70" orientation="portrait" r:id="rId2"/>
    </customSheetView>
  </customSheetViews>
  <mergeCells count="21">
    <mergeCell ref="G2:H2"/>
    <mergeCell ref="A3:H3"/>
    <mergeCell ref="B5:H5"/>
    <mergeCell ref="B6:H6"/>
    <mergeCell ref="A8:A13"/>
    <mergeCell ref="B8:H13"/>
    <mergeCell ref="A36:H36"/>
    <mergeCell ref="H14:H19"/>
    <mergeCell ref="A21:H21"/>
    <mergeCell ref="A22:H22"/>
    <mergeCell ref="A37:H37"/>
    <mergeCell ref="B14:G19"/>
    <mergeCell ref="A26:H26"/>
    <mergeCell ref="A27:H27"/>
    <mergeCell ref="A28:H28"/>
    <mergeCell ref="A25:H25"/>
    <mergeCell ref="A29:H29"/>
    <mergeCell ref="A34:H34"/>
    <mergeCell ref="A35:H35"/>
    <mergeCell ref="A14:A19"/>
    <mergeCell ref="A23:H23"/>
  </mergeCells>
  <phoneticPr fontId="6"/>
  <pageMargins left="0.7" right="0.7" top="0.75" bottom="0.75" header="0.3" footer="0.3"/>
  <pageSetup paperSize="9" scale="70" orientation="portrait" r:id="rId3"/>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2"/>
  <sheetViews>
    <sheetView showGridLines="0" view="pageBreakPreview" topLeftCell="A25" zoomScaleNormal="100" zoomScaleSheetLayoutView="100" workbookViewId="0">
      <selection activeCell="M13" sqref="M13"/>
    </sheetView>
  </sheetViews>
  <sheetFormatPr defaultColWidth="9" defaultRowHeight="13.2" x14ac:dyDescent="0.2"/>
  <cols>
    <col min="1" max="1" width="28.6640625" style="344" customWidth="1"/>
    <col min="2" max="3" width="3.109375" style="344" customWidth="1"/>
    <col min="4" max="4" width="23.6640625" style="344" customWidth="1"/>
    <col min="5" max="5" width="10.33203125" style="344" customWidth="1"/>
    <col min="6" max="6" width="7.44140625" style="344" customWidth="1"/>
    <col min="7" max="7" width="23.88671875" style="344" customWidth="1"/>
    <col min="8" max="8" width="13.77734375" style="344" customWidth="1"/>
    <col min="9" max="16384" width="9" style="344"/>
  </cols>
  <sheetData>
    <row r="1" spans="1:8" x14ac:dyDescent="0.2">
      <c r="A1" s="251" t="s">
        <v>692</v>
      </c>
    </row>
    <row r="2" spans="1:8" ht="27.75" customHeight="1" x14ac:dyDescent="0.2">
      <c r="A2" s="345"/>
      <c r="G2" s="2446" t="s">
        <v>709</v>
      </c>
      <c r="H2" s="2446"/>
    </row>
    <row r="3" spans="1:8" ht="15" customHeight="1" x14ac:dyDescent="0.2">
      <c r="A3" s="345"/>
      <c r="G3" s="1043"/>
      <c r="H3" s="1043"/>
    </row>
    <row r="4" spans="1:8" ht="81" customHeight="1" x14ac:dyDescent="0.2">
      <c r="A4" s="2447" t="s">
        <v>1780</v>
      </c>
      <c r="B4" s="2448"/>
      <c r="C4" s="2448"/>
      <c r="D4" s="2448"/>
      <c r="E4" s="2448"/>
      <c r="F4" s="2448"/>
      <c r="G4" s="2448"/>
      <c r="H4" s="2448"/>
    </row>
    <row r="5" spans="1:8" ht="12" customHeight="1" x14ac:dyDescent="0.2">
      <c r="A5" s="1044"/>
      <c r="B5" s="1044"/>
      <c r="C5" s="1044"/>
      <c r="D5" s="1044"/>
      <c r="E5" s="1044"/>
      <c r="F5" s="1044"/>
      <c r="G5" s="1044"/>
      <c r="H5" s="1044"/>
    </row>
    <row r="6" spans="1:8" ht="36" customHeight="1" x14ac:dyDescent="0.2">
      <c r="A6" s="1057" t="s">
        <v>80</v>
      </c>
      <c r="B6" s="2467"/>
      <c r="C6" s="2468"/>
      <c r="D6" s="2468"/>
      <c r="E6" s="2468"/>
      <c r="F6" s="2468"/>
      <c r="G6" s="2468"/>
      <c r="H6" s="2469"/>
    </row>
    <row r="7" spans="1:8" ht="46.5" customHeight="1" x14ac:dyDescent="0.2">
      <c r="A7" s="1058" t="s">
        <v>81</v>
      </c>
      <c r="B7" s="2470" t="s">
        <v>201</v>
      </c>
      <c r="C7" s="2471"/>
      <c r="D7" s="2471"/>
      <c r="E7" s="2471"/>
      <c r="F7" s="2471"/>
      <c r="G7" s="2471"/>
      <c r="H7" s="2472"/>
    </row>
    <row r="8" spans="1:8" ht="84" customHeight="1" x14ac:dyDescent="0.2">
      <c r="A8" s="1059" t="s">
        <v>82</v>
      </c>
      <c r="B8" s="2473" t="s">
        <v>719</v>
      </c>
      <c r="C8" s="2474"/>
      <c r="D8" s="2474"/>
      <c r="E8" s="2474"/>
      <c r="F8" s="2474"/>
      <c r="G8" s="2474"/>
      <c r="H8" s="2475"/>
    </row>
    <row r="9" spans="1:8" s="352" customFormat="1" ht="23.25" customHeight="1" x14ac:dyDescent="0.2">
      <c r="A9" s="1060"/>
      <c r="B9" s="1061"/>
      <c r="C9" s="1061"/>
      <c r="D9" s="1061"/>
      <c r="E9" s="1061"/>
      <c r="F9" s="1061"/>
      <c r="G9" s="1061"/>
    </row>
    <row r="10" spans="1:8" s="352" customFormat="1" x14ac:dyDescent="0.2">
      <c r="A10" s="2476" t="s">
        <v>87</v>
      </c>
      <c r="B10" s="1062"/>
      <c r="C10" s="1063"/>
      <c r="D10" s="1063"/>
      <c r="E10" s="1063"/>
      <c r="F10" s="1063"/>
      <c r="G10" s="1063"/>
      <c r="H10" s="2479" t="s">
        <v>85</v>
      </c>
    </row>
    <row r="11" spans="1:8" x14ac:dyDescent="0.2">
      <c r="A11" s="2477"/>
      <c r="B11" s="1064"/>
      <c r="C11" s="352"/>
      <c r="D11" s="352"/>
      <c r="E11" s="352"/>
      <c r="F11" s="352"/>
      <c r="G11" s="352"/>
      <c r="H11" s="2480"/>
    </row>
    <row r="12" spans="1:8" ht="52.5" customHeight="1" x14ac:dyDescent="0.2">
      <c r="A12" s="2477"/>
      <c r="B12" s="1064"/>
      <c r="C12" s="1065" t="s">
        <v>1781</v>
      </c>
      <c r="D12" s="1066" t="s">
        <v>93</v>
      </c>
      <c r="E12" s="1067" t="s">
        <v>69</v>
      </c>
      <c r="F12" s="359"/>
      <c r="G12" s="352"/>
      <c r="H12" s="2480"/>
    </row>
    <row r="13" spans="1:8" ht="52.5" customHeight="1" x14ac:dyDescent="0.2">
      <c r="A13" s="2477"/>
      <c r="B13" s="1064"/>
      <c r="C13" s="1065" t="s">
        <v>1455</v>
      </c>
      <c r="D13" s="1066" t="s">
        <v>94</v>
      </c>
      <c r="E13" s="1067" t="s">
        <v>69</v>
      </c>
      <c r="F13" s="359"/>
      <c r="G13" s="360" t="s">
        <v>466</v>
      </c>
      <c r="H13" s="2480"/>
    </row>
    <row r="14" spans="1:8" ht="13.5" customHeight="1" x14ac:dyDescent="0.2">
      <c r="A14" s="2477"/>
      <c r="B14" s="1064"/>
      <c r="C14" s="352"/>
      <c r="D14" s="352"/>
      <c r="E14" s="352"/>
      <c r="F14" s="352"/>
      <c r="G14" s="352"/>
      <c r="H14" s="2480"/>
    </row>
    <row r="15" spans="1:8" ht="13.5" customHeight="1" x14ac:dyDescent="0.2">
      <c r="A15" s="2478"/>
      <c r="B15" s="1068"/>
      <c r="C15" s="1061"/>
      <c r="D15" s="1061"/>
      <c r="E15" s="1061"/>
      <c r="F15" s="1061"/>
      <c r="G15" s="1061"/>
      <c r="H15" s="2481"/>
    </row>
    <row r="16" spans="1:8" s="352" customFormat="1" x14ac:dyDescent="0.2">
      <c r="A16" s="2482" t="s">
        <v>89</v>
      </c>
      <c r="B16" s="1062"/>
      <c r="C16" s="1063"/>
      <c r="D16" s="1063"/>
      <c r="E16" s="1063"/>
      <c r="F16" s="1063"/>
      <c r="G16" s="1069"/>
      <c r="H16" s="2485" t="s">
        <v>85</v>
      </c>
    </row>
    <row r="17" spans="1:8" x14ac:dyDescent="0.2">
      <c r="A17" s="2483"/>
      <c r="B17" s="1064"/>
      <c r="C17" s="352"/>
      <c r="D17" s="352"/>
      <c r="E17" s="352"/>
      <c r="F17" s="352"/>
      <c r="G17" s="363"/>
      <c r="H17" s="2486"/>
    </row>
    <row r="18" spans="1:8" ht="53.1" customHeight="1" x14ac:dyDescent="0.2">
      <c r="A18" s="2483"/>
      <c r="B18" s="1064"/>
      <c r="C18" s="1065" t="s">
        <v>1453</v>
      </c>
      <c r="D18" s="1066" t="s">
        <v>95</v>
      </c>
      <c r="E18" s="1067" t="s">
        <v>69</v>
      </c>
      <c r="F18" s="359"/>
      <c r="G18" s="363"/>
      <c r="H18" s="2486"/>
    </row>
    <row r="19" spans="1:8" ht="53.1" customHeight="1" x14ac:dyDescent="0.2">
      <c r="A19" s="2483"/>
      <c r="B19" s="1064"/>
      <c r="C19" s="1065" t="s">
        <v>1455</v>
      </c>
      <c r="D19" s="1066" t="s">
        <v>86</v>
      </c>
      <c r="E19" s="1067" t="s">
        <v>69</v>
      </c>
      <c r="F19" s="359"/>
      <c r="G19" s="365" t="s">
        <v>88</v>
      </c>
      <c r="H19" s="2486"/>
    </row>
    <row r="20" spans="1:8" x14ac:dyDescent="0.2">
      <c r="A20" s="2483"/>
      <c r="B20" s="1064"/>
      <c r="C20" s="352"/>
      <c r="D20" s="352"/>
      <c r="E20" s="352"/>
      <c r="F20" s="352"/>
      <c r="G20" s="363"/>
      <c r="H20" s="2486"/>
    </row>
    <row r="21" spans="1:8" x14ac:dyDescent="0.2">
      <c r="A21" s="2484"/>
      <c r="B21" s="1068"/>
      <c r="C21" s="1061"/>
      <c r="D21" s="1061"/>
      <c r="E21" s="1061"/>
      <c r="F21" s="1061"/>
      <c r="G21" s="1070"/>
      <c r="H21" s="2486"/>
    </row>
    <row r="22" spans="1:8" s="352" customFormat="1" x14ac:dyDescent="0.2">
      <c r="A22" s="2483" t="s">
        <v>90</v>
      </c>
      <c r="B22" s="1064"/>
      <c r="H22" s="2486"/>
    </row>
    <row r="23" spans="1:8" x14ac:dyDescent="0.2">
      <c r="A23" s="2483"/>
      <c r="B23" s="1064"/>
      <c r="C23" s="352"/>
      <c r="D23" s="352"/>
      <c r="E23" s="352"/>
      <c r="F23" s="352"/>
      <c r="G23" s="352"/>
      <c r="H23" s="2486"/>
    </row>
    <row r="24" spans="1:8" ht="52.5" customHeight="1" x14ac:dyDescent="0.2">
      <c r="A24" s="2483"/>
      <c r="B24" s="1064"/>
      <c r="C24" s="1065" t="s">
        <v>1453</v>
      </c>
      <c r="D24" s="1066" t="s">
        <v>93</v>
      </c>
      <c r="E24" s="1067" t="s">
        <v>69</v>
      </c>
      <c r="F24" s="359"/>
      <c r="G24" s="352"/>
      <c r="H24" s="2486"/>
    </row>
    <row r="25" spans="1:8" ht="52.5" customHeight="1" x14ac:dyDescent="0.2">
      <c r="A25" s="2483"/>
      <c r="B25" s="1064"/>
      <c r="C25" s="1065" t="s">
        <v>1782</v>
      </c>
      <c r="D25" s="1066" t="s">
        <v>91</v>
      </c>
      <c r="E25" s="1067" t="s">
        <v>69</v>
      </c>
      <c r="F25" s="359"/>
      <c r="G25" s="360" t="s">
        <v>92</v>
      </c>
      <c r="H25" s="2486"/>
    </row>
    <row r="26" spans="1:8" x14ac:dyDescent="0.2">
      <c r="A26" s="2483"/>
      <c r="B26" s="1064"/>
      <c r="C26" s="352"/>
      <c r="D26" s="352"/>
      <c r="E26" s="352"/>
      <c r="F26" s="352"/>
      <c r="G26" s="352"/>
      <c r="H26" s="2486"/>
    </row>
    <row r="27" spans="1:8" x14ac:dyDescent="0.2">
      <c r="A27" s="2484"/>
      <c r="B27" s="1068"/>
      <c r="C27" s="1061"/>
      <c r="D27" s="1061"/>
      <c r="E27" s="1061"/>
      <c r="F27" s="1061"/>
      <c r="G27" s="1061"/>
      <c r="H27" s="2487"/>
    </row>
    <row r="29" spans="1:8" ht="17.25" customHeight="1" x14ac:dyDescent="0.2">
      <c r="A29" s="2429" t="s">
        <v>96</v>
      </c>
      <c r="B29" s="2429"/>
      <c r="C29" s="2429"/>
      <c r="D29" s="2429"/>
      <c r="E29" s="2429"/>
      <c r="F29" s="2429"/>
      <c r="G29" s="2429"/>
      <c r="H29" s="2429"/>
    </row>
    <row r="30" spans="1:8" ht="17.25" customHeight="1" x14ac:dyDescent="0.2">
      <c r="A30" s="2429" t="s">
        <v>383</v>
      </c>
      <c r="B30" s="2429"/>
      <c r="C30" s="2429"/>
      <c r="D30" s="2429"/>
      <c r="E30" s="2429"/>
      <c r="F30" s="2429"/>
      <c r="G30" s="2429"/>
      <c r="H30" s="2429"/>
    </row>
    <row r="31" spans="1:8" ht="17.25" customHeight="1" x14ac:dyDescent="0.2">
      <c r="A31" s="2429" t="s">
        <v>475</v>
      </c>
      <c r="B31" s="2429"/>
      <c r="C31" s="2429"/>
      <c r="D31" s="2429"/>
      <c r="E31" s="2429"/>
      <c r="F31" s="2429"/>
      <c r="G31" s="2429"/>
      <c r="H31" s="2429"/>
    </row>
    <row r="32" spans="1:8" ht="17.25" customHeight="1" x14ac:dyDescent="0.2">
      <c r="A32" s="2429" t="s">
        <v>474</v>
      </c>
      <c r="B32" s="2429"/>
      <c r="C32" s="2429"/>
      <c r="D32" s="2429"/>
      <c r="E32" s="2429"/>
      <c r="F32" s="2429"/>
      <c r="G32" s="2429"/>
      <c r="H32" s="2429"/>
    </row>
    <row r="33" spans="1:8" ht="17.25" customHeight="1" x14ac:dyDescent="0.2">
      <c r="A33" s="2429" t="s">
        <v>97</v>
      </c>
      <c r="B33" s="2429"/>
      <c r="C33" s="2429"/>
      <c r="D33" s="2429"/>
      <c r="E33" s="2429"/>
      <c r="F33" s="2429"/>
      <c r="G33" s="2429"/>
      <c r="H33" s="2429"/>
    </row>
    <row r="34" spans="1:8" ht="17.25" customHeight="1" x14ac:dyDescent="0.2">
      <c r="A34" s="2429" t="s">
        <v>720</v>
      </c>
      <c r="B34" s="2429"/>
      <c r="C34" s="2429"/>
      <c r="D34" s="2429"/>
      <c r="E34" s="2429"/>
      <c r="F34" s="2429"/>
      <c r="G34" s="2429"/>
      <c r="H34" s="2429"/>
    </row>
    <row r="35" spans="1:8" ht="17.25" customHeight="1" x14ac:dyDescent="0.2">
      <c r="A35" s="2429" t="s">
        <v>473</v>
      </c>
      <c r="B35" s="2429"/>
      <c r="C35" s="2429"/>
      <c r="D35" s="2429"/>
      <c r="E35" s="2429"/>
      <c r="F35" s="2429"/>
      <c r="G35" s="2429"/>
      <c r="H35" s="2429"/>
    </row>
    <row r="36" spans="1:8" ht="17.25" customHeight="1" x14ac:dyDescent="0.2">
      <c r="A36" s="2429" t="s">
        <v>472</v>
      </c>
      <c r="B36" s="2429"/>
      <c r="C36" s="2429"/>
      <c r="D36" s="2429"/>
      <c r="E36" s="2429"/>
      <c r="F36" s="2429"/>
      <c r="G36" s="2429"/>
      <c r="H36" s="2429"/>
    </row>
    <row r="37" spans="1:8" ht="17.25" customHeight="1" x14ac:dyDescent="0.2">
      <c r="A37" s="2429" t="s">
        <v>721</v>
      </c>
      <c r="B37" s="2429"/>
      <c r="C37" s="2429"/>
      <c r="D37" s="2429"/>
      <c r="E37" s="2429"/>
      <c r="F37" s="2429"/>
      <c r="G37" s="2429"/>
      <c r="H37" s="2429"/>
    </row>
    <row r="38" spans="1:8" ht="17.25" customHeight="1" x14ac:dyDescent="0.2">
      <c r="A38" s="2429" t="s">
        <v>98</v>
      </c>
      <c r="B38" s="2429"/>
      <c r="C38" s="2429"/>
      <c r="D38" s="2429"/>
      <c r="E38" s="2429"/>
      <c r="F38" s="2429"/>
      <c r="G38" s="2429"/>
      <c r="H38" s="2429"/>
    </row>
    <row r="39" spans="1:8" ht="17.25" customHeight="1" x14ac:dyDescent="0.2">
      <c r="A39" s="2429" t="s">
        <v>99</v>
      </c>
      <c r="B39" s="2429"/>
      <c r="C39" s="2429"/>
      <c r="D39" s="2429"/>
      <c r="E39" s="2429"/>
      <c r="F39" s="2429"/>
      <c r="G39" s="2429"/>
      <c r="H39" s="2429"/>
    </row>
    <row r="40" spans="1:8" ht="17.25" customHeight="1" x14ac:dyDescent="0.2">
      <c r="A40" s="1045" t="s">
        <v>471</v>
      </c>
      <c r="B40" s="1045"/>
      <c r="C40" s="1045"/>
      <c r="D40" s="1045"/>
      <c r="E40" s="1045"/>
      <c r="F40" s="1045"/>
      <c r="G40" s="1045"/>
      <c r="H40" s="1045"/>
    </row>
    <row r="41" spans="1:8" ht="17.25" customHeight="1" x14ac:dyDescent="0.2">
      <c r="A41" s="2442" t="s">
        <v>467</v>
      </c>
      <c r="B41" s="2442"/>
      <c r="C41" s="2442"/>
      <c r="D41" s="2442"/>
      <c r="E41" s="2442"/>
      <c r="F41" s="2442"/>
      <c r="G41" s="2442"/>
      <c r="H41" s="2442"/>
    </row>
    <row r="42" spans="1:8" ht="17.25" customHeight="1" x14ac:dyDescent="0.2">
      <c r="A42" s="2488" t="s">
        <v>1783</v>
      </c>
      <c r="B42" s="2442"/>
      <c r="C42" s="2442"/>
      <c r="D42" s="2442"/>
      <c r="E42" s="2442"/>
      <c r="F42" s="2442"/>
      <c r="G42" s="2442"/>
      <c r="H42" s="2442"/>
    </row>
    <row r="43" spans="1:8" ht="17.25" customHeight="1" x14ac:dyDescent="0.2">
      <c r="A43" s="1046" t="s">
        <v>1784</v>
      </c>
      <c r="B43" s="1046"/>
      <c r="C43" s="1046"/>
      <c r="D43" s="1046"/>
      <c r="E43" s="1046"/>
      <c r="F43" s="1046"/>
      <c r="G43" s="1046"/>
      <c r="H43" s="1046"/>
    </row>
    <row r="44" spans="1:8" ht="17.25" customHeight="1" x14ac:dyDescent="0.2">
      <c r="A44" s="2488" t="s">
        <v>1785</v>
      </c>
      <c r="B44" s="2488"/>
      <c r="C44" s="2488"/>
      <c r="D44" s="2488"/>
      <c r="E44" s="2488"/>
      <c r="F44" s="2488"/>
      <c r="G44" s="2488"/>
      <c r="H44" s="2488"/>
    </row>
    <row r="45" spans="1:8" ht="17.25" customHeight="1" x14ac:dyDescent="0.2">
      <c r="A45" s="2429" t="s">
        <v>1786</v>
      </c>
      <c r="B45" s="2429"/>
      <c r="C45" s="2429"/>
      <c r="D45" s="2429"/>
      <c r="E45" s="2429"/>
      <c r="F45" s="2429"/>
      <c r="G45" s="2429"/>
      <c r="H45" s="2429"/>
    </row>
    <row r="46" spans="1:8" ht="17.25" customHeight="1" x14ac:dyDescent="0.2">
      <c r="A46" s="2429"/>
      <c r="B46" s="2429"/>
      <c r="C46" s="2429"/>
      <c r="D46" s="2429"/>
      <c r="E46" s="2429"/>
      <c r="F46" s="2429"/>
      <c r="G46" s="2429"/>
      <c r="H46" s="2429"/>
    </row>
    <row r="47" spans="1:8" ht="17.25" customHeight="1" x14ac:dyDescent="0.2">
      <c r="A47" s="2429"/>
      <c r="B47" s="2429"/>
      <c r="C47" s="2429"/>
      <c r="D47" s="2429"/>
      <c r="E47" s="2429"/>
      <c r="F47" s="2429"/>
      <c r="G47" s="2429"/>
      <c r="H47" s="2429"/>
    </row>
    <row r="48" spans="1:8" ht="17.25" customHeight="1" x14ac:dyDescent="0.2">
      <c r="A48" s="2429" t="s">
        <v>1787</v>
      </c>
      <c r="B48" s="2429"/>
      <c r="C48" s="2429"/>
      <c r="D48" s="2429"/>
      <c r="E48" s="2429"/>
      <c r="F48" s="2429"/>
      <c r="G48" s="2429"/>
      <c r="H48" s="2429"/>
    </row>
    <row r="49" spans="1:8" ht="17.25" customHeight="1" x14ac:dyDescent="0.2">
      <c r="A49" s="2429"/>
      <c r="B49" s="2429"/>
      <c r="C49" s="2429"/>
      <c r="D49" s="2429"/>
      <c r="E49" s="2429"/>
      <c r="F49" s="2429"/>
      <c r="G49" s="2429"/>
      <c r="H49" s="2429"/>
    </row>
    <row r="50" spans="1:8" x14ac:dyDescent="0.2">
      <c r="A50" s="2429"/>
      <c r="B50" s="2429"/>
      <c r="C50" s="2429"/>
      <c r="D50" s="2429"/>
      <c r="E50" s="2429"/>
      <c r="F50" s="2429"/>
      <c r="G50" s="2429"/>
      <c r="H50" s="2429"/>
    </row>
    <row r="51" spans="1:8" x14ac:dyDescent="0.2">
      <c r="A51" s="2429"/>
      <c r="B51" s="2429"/>
      <c r="C51" s="2429"/>
      <c r="D51" s="2429"/>
      <c r="E51" s="2429"/>
      <c r="F51" s="2429"/>
      <c r="G51" s="2429"/>
      <c r="H51" s="2429"/>
    </row>
    <row r="52" spans="1:8" x14ac:dyDescent="0.2">
      <c r="A52" s="2429"/>
      <c r="B52" s="2429"/>
      <c r="C52" s="2429"/>
      <c r="D52" s="2429"/>
      <c r="E52" s="2429"/>
      <c r="F52" s="2429"/>
      <c r="G52" s="2429"/>
      <c r="H52" s="2429"/>
    </row>
  </sheetData>
  <mergeCells count="32">
    <mergeCell ref="A52:H52"/>
    <mergeCell ref="A46:H46"/>
    <mergeCell ref="A47:H47"/>
    <mergeCell ref="A48:H48"/>
    <mergeCell ref="A49:H49"/>
    <mergeCell ref="A50:H50"/>
    <mergeCell ref="A51:H51"/>
    <mergeCell ref="A45:H45"/>
    <mergeCell ref="A32:H32"/>
    <mergeCell ref="A33:H33"/>
    <mergeCell ref="A34:H34"/>
    <mergeCell ref="A35:H35"/>
    <mergeCell ref="A36:H36"/>
    <mergeCell ref="A37:H37"/>
    <mergeCell ref="A38:H38"/>
    <mergeCell ref="A39:H39"/>
    <mergeCell ref="A41:H41"/>
    <mergeCell ref="A42:H42"/>
    <mergeCell ref="A44:H44"/>
    <mergeCell ref="A31:H31"/>
    <mergeCell ref="G2:H2"/>
    <mergeCell ref="A4:H4"/>
    <mergeCell ref="B6:H6"/>
    <mergeCell ref="B7:H7"/>
    <mergeCell ref="B8:H8"/>
    <mergeCell ref="A10:A15"/>
    <mergeCell ref="H10:H15"/>
    <mergeCell ref="A16:A21"/>
    <mergeCell ref="H16:H27"/>
    <mergeCell ref="A22:A27"/>
    <mergeCell ref="A29:H29"/>
    <mergeCell ref="A30:H30"/>
  </mergeCells>
  <phoneticPr fontId="6"/>
  <pageMargins left="0.7" right="0.7" top="0.75" bottom="0.75" header="0.3" footer="0.3"/>
  <pageSetup paperSize="9" scale="78" orientation="portrait" r:id="rId1"/>
  <rowBreaks count="1" manualBreakCount="1">
    <brk id="27" max="16383" man="1"/>
  </rowBreaks>
  <drawing r:id="rId2"/>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dimension ref="A1:H38"/>
  <sheetViews>
    <sheetView showGridLines="0" view="pageBreakPreview" zoomScale="90" zoomScaleNormal="100" zoomScaleSheetLayoutView="90" workbookViewId="0">
      <selection activeCell="J20" sqref="J20"/>
    </sheetView>
  </sheetViews>
  <sheetFormatPr defaultColWidth="9" defaultRowHeight="13.2" x14ac:dyDescent="0.2"/>
  <cols>
    <col min="1" max="1" width="32.109375" style="344" customWidth="1"/>
    <col min="2" max="3" width="3.109375" style="344" customWidth="1"/>
    <col min="4" max="4" width="23.6640625" style="344" customWidth="1"/>
    <col min="5" max="5" width="10.33203125" style="344" customWidth="1"/>
    <col min="6" max="6" width="7.44140625" style="344" customWidth="1"/>
    <col min="7" max="7" width="23.21875" style="344" customWidth="1"/>
    <col min="8" max="8" width="11.44140625" style="344" customWidth="1"/>
    <col min="9" max="16384" width="9" style="344"/>
  </cols>
  <sheetData>
    <row r="1" spans="1:8" x14ac:dyDescent="0.2">
      <c r="A1" s="251" t="s">
        <v>693</v>
      </c>
    </row>
    <row r="2" spans="1:8" ht="27.75" customHeight="1" x14ac:dyDescent="0.2">
      <c r="A2" s="345"/>
      <c r="G2" s="2446" t="s">
        <v>709</v>
      </c>
      <c r="H2" s="2446"/>
    </row>
    <row r="3" spans="1:8" ht="18" customHeight="1" x14ac:dyDescent="0.2">
      <c r="A3" s="345"/>
      <c r="G3" s="263"/>
      <c r="H3" s="263"/>
    </row>
    <row r="4" spans="1:8" ht="70.5" customHeight="1" x14ac:dyDescent="0.2">
      <c r="A4" s="2447" t="s">
        <v>486</v>
      </c>
      <c r="B4" s="2448"/>
      <c r="C4" s="2448"/>
      <c r="D4" s="2448"/>
      <c r="E4" s="2448"/>
      <c r="F4" s="2448"/>
      <c r="G4" s="2448"/>
      <c r="H4" s="2448"/>
    </row>
    <row r="5" spans="1:8" ht="12" customHeight="1" x14ac:dyDescent="0.2">
      <c r="A5" s="346"/>
      <c r="B5" s="346"/>
      <c r="C5" s="346"/>
      <c r="D5" s="346"/>
      <c r="E5" s="346"/>
      <c r="F5" s="346"/>
      <c r="G5" s="346"/>
      <c r="H5" s="346"/>
    </row>
    <row r="6" spans="1:8" ht="36" customHeight="1" x14ac:dyDescent="0.2">
      <c r="A6" s="347" t="s">
        <v>80</v>
      </c>
      <c r="B6" s="2449"/>
      <c r="C6" s="2450"/>
      <c r="D6" s="2450"/>
      <c r="E6" s="2450"/>
      <c r="F6" s="2450"/>
      <c r="G6" s="2450"/>
      <c r="H6" s="2451"/>
    </row>
    <row r="7" spans="1:8" ht="46.5" customHeight="1" x14ac:dyDescent="0.2">
      <c r="A7" s="348" t="s">
        <v>81</v>
      </c>
      <c r="B7" s="2452" t="s">
        <v>201</v>
      </c>
      <c r="C7" s="2453"/>
      <c r="D7" s="2453"/>
      <c r="E7" s="2453"/>
      <c r="F7" s="2453"/>
      <c r="G7" s="2453"/>
      <c r="H7" s="2454"/>
    </row>
    <row r="8" spans="1:8" ht="84" customHeight="1" x14ac:dyDescent="0.2">
      <c r="A8" s="349" t="s">
        <v>82</v>
      </c>
      <c r="B8" s="2492" t="s">
        <v>718</v>
      </c>
      <c r="C8" s="2493"/>
      <c r="D8" s="2493"/>
      <c r="E8" s="2493"/>
      <c r="F8" s="2493"/>
      <c r="G8" s="2493"/>
      <c r="H8" s="2494"/>
    </row>
    <row r="9" spans="1:8" s="352" customFormat="1" ht="23.25" customHeight="1" x14ac:dyDescent="0.2">
      <c r="A9" s="350"/>
      <c r="B9" s="351"/>
      <c r="C9" s="351"/>
      <c r="D9" s="351"/>
      <c r="E9" s="351"/>
      <c r="F9" s="351"/>
      <c r="G9" s="351"/>
    </row>
    <row r="10" spans="1:8" s="352" customFormat="1" x14ac:dyDescent="0.2">
      <c r="A10" s="2455" t="s">
        <v>87</v>
      </c>
      <c r="B10" s="353"/>
      <c r="C10" s="354"/>
      <c r="D10" s="354"/>
      <c r="E10" s="354"/>
      <c r="F10" s="354"/>
      <c r="G10" s="354"/>
      <c r="H10" s="2489" t="s">
        <v>85</v>
      </c>
    </row>
    <row r="11" spans="1:8" x14ac:dyDescent="0.2">
      <c r="A11" s="2456"/>
      <c r="B11" s="355"/>
      <c r="C11" s="352"/>
      <c r="D11" s="352"/>
      <c r="E11" s="352"/>
      <c r="F11" s="352"/>
      <c r="G11" s="352"/>
      <c r="H11" s="2490"/>
    </row>
    <row r="12" spans="1:8" ht="52.5" customHeight="1" x14ac:dyDescent="0.2">
      <c r="A12" s="2456"/>
      <c r="B12" s="355"/>
      <c r="C12" s="356" t="s">
        <v>485</v>
      </c>
      <c r="D12" s="357" t="s">
        <v>484</v>
      </c>
      <c r="E12" s="358" t="s">
        <v>69</v>
      </c>
      <c r="F12" s="359"/>
      <c r="G12" s="352"/>
      <c r="H12" s="2490"/>
    </row>
    <row r="13" spans="1:8" ht="52.5" customHeight="1" x14ac:dyDescent="0.2">
      <c r="A13" s="2456"/>
      <c r="B13" s="355"/>
      <c r="C13" s="356" t="s">
        <v>84</v>
      </c>
      <c r="D13" s="357" t="s">
        <v>483</v>
      </c>
      <c r="E13" s="358" t="s">
        <v>69</v>
      </c>
      <c r="F13" s="359"/>
      <c r="G13" s="360" t="s">
        <v>466</v>
      </c>
      <c r="H13" s="2490"/>
    </row>
    <row r="14" spans="1:8" ht="13.5" customHeight="1" x14ac:dyDescent="0.2">
      <c r="A14" s="2456"/>
      <c r="B14" s="355"/>
      <c r="C14" s="352"/>
      <c r="D14" s="352"/>
      <c r="E14" s="352"/>
      <c r="F14" s="352"/>
      <c r="G14" s="352"/>
      <c r="H14" s="2490"/>
    </row>
    <row r="15" spans="1:8" ht="13.5" customHeight="1" x14ac:dyDescent="0.2">
      <c r="A15" s="2457"/>
      <c r="B15" s="361"/>
      <c r="C15" s="351"/>
      <c r="D15" s="351"/>
      <c r="E15" s="351"/>
      <c r="F15" s="351"/>
      <c r="G15" s="351"/>
      <c r="H15" s="2491"/>
    </row>
    <row r="16" spans="1:8" s="352" customFormat="1" x14ac:dyDescent="0.2">
      <c r="A16" s="2443" t="s">
        <v>482</v>
      </c>
      <c r="B16" s="353"/>
      <c r="C16" s="354"/>
      <c r="D16" s="354"/>
      <c r="E16" s="354"/>
      <c r="F16" s="354"/>
      <c r="G16" s="362"/>
      <c r="H16" s="2430" t="s">
        <v>85</v>
      </c>
    </row>
    <row r="17" spans="1:8" x14ac:dyDescent="0.2">
      <c r="A17" s="2444"/>
      <c r="B17" s="355"/>
      <c r="C17" s="352"/>
      <c r="D17" s="352"/>
      <c r="E17" s="352"/>
      <c r="F17" s="352"/>
      <c r="G17" s="363"/>
      <c r="H17" s="2431"/>
    </row>
    <row r="18" spans="1:8" ht="53.1" customHeight="1" x14ac:dyDescent="0.2">
      <c r="A18" s="2444"/>
      <c r="B18" s="355"/>
      <c r="C18" s="364"/>
      <c r="D18" s="360"/>
      <c r="E18" s="359"/>
      <c r="F18" s="359"/>
      <c r="G18" s="363"/>
      <c r="H18" s="2431"/>
    </row>
    <row r="19" spans="1:8" ht="53.1" customHeight="1" x14ac:dyDescent="0.2">
      <c r="A19" s="2444"/>
      <c r="B19" s="355"/>
      <c r="C19" s="364"/>
      <c r="D19" s="360"/>
      <c r="E19" s="359"/>
      <c r="F19" s="359"/>
      <c r="G19" s="365"/>
      <c r="H19" s="2431"/>
    </row>
    <row r="20" spans="1:8" x14ac:dyDescent="0.2">
      <c r="A20" s="2444"/>
      <c r="B20" s="355"/>
      <c r="C20" s="352"/>
      <c r="D20" s="352"/>
      <c r="E20" s="352"/>
      <c r="F20" s="352"/>
      <c r="G20" s="363"/>
      <c r="H20" s="2431"/>
    </row>
    <row r="21" spans="1:8" x14ac:dyDescent="0.2">
      <c r="A21" s="2445"/>
      <c r="B21" s="361"/>
      <c r="C21" s="351"/>
      <c r="D21" s="351"/>
      <c r="E21" s="351"/>
      <c r="F21" s="351"/>
      <c r="G21" s="366"/>
      <c r="H21" s="2432"/>
    </row>
    <row r="23" spans="1:8" ht="17.25" customHeight="1" x14ac:dyDescent="0.2">
      <c r="A23" s="2429" t="s">
        <v>96</v>
      </c>
      <c r="B23" s="2429"/>
      <c r="C23" s="2429"/>
      <c r="D23" s="2429"/>
      <c r="E23" s="2429"/>
      <c r="F23" s="2429"/>
      <c r="G23" s="2429"/>
      <c r="H23" s="2429"/>
    </row>
    <row r="24" spans="1:8" ht="16.5" customHeight="1" x14ac:dyDescent="0.2">
      <c r="A24" s="2429" t="s">
        <v>481</v>
      </c>
      <c r="B24" s="2429"/>
      <c r="C24" s="2429"/>
      <c r="D24" s="2429"/>
      <c r="E24" s="2429"/>
      <c r="F24" s="2429"/>
      <c r="G24" s="2429"/>
      <c r="H24" s="2429"/>
    </row>
    <row r="25" spans="1:8" ht="17.25" customHeight="1" x14ac:dyDescent="0.2">
      <c r="A25" s="2429" t="s">
        <v>480</v>
      </c>
      <c r="B25" s="2429"/>
      <c r="C25" s="2429"/>
      <c r="D25" s="2429"/>
      <c r="E25" s="2429"/>
      <c r="F25" s="2429"/>
      <c r="G25" s="2429"/>
      <c r="H25" s="2429"/>
    </row>
    <row r="26" spans="1:8" ht="17.25" customHeight="1" x14ac:dyDescent="0.2">
      <c r="A26" s="2429" t="s">
        <v>479</v>
      </c>
      <c r="B26" s="2429"/>
      <c r="C26" s="2429"/>
      <c r="D26" s="2429"/>
      <c r="E26" s="2429"/>
      <c r="F26" s="2429"/>
      <c r="G26" s="2429"/>
      <c r="H26" s="2429"/>
    </row>
    <row r="27" spans="1:8" ht="17.25" customHeight="1" x14ac:dyDescent="0.2">
      <c r="A27" s="2429" t="s">
        <v>478</v>
      </c>
      <c r="B27" s="2429"/>
      <c r="C27" s="2429"/>
      <c r="D27" s="2429"/>
      <c r="E27" s="2429"/>
      <c r="F27" s="2429"/>
      <c r="G27" s="2429"/>
      <c r="H27" s="2429"/>
    </row>
    <row r="28" spans="1:8" ht="17.25" customHeight="1" x14ac:dyDescent="0.2">
      <c r="A28" s="2429" t="s">
        <v>477</v>
      </c>
      <c r="B28" s="2429"/>
      <c r="C28" s="2429"/>
      <c r="D28" s="2429"/>
      <c r="E28" s="2429"/>
      <c r="F28" s="2429"/>
      <c r="G28" s="2429"/>
      <c r="H28" s="2429"/>
    </row>
    <row r="29" spans="1:8" ht="17.25" customHeight="1" x14ac:dyDescent="0.2">
      <c r="A29" s="2442" t="s">
        <v>476</v>
      </c>
      <c r="B29" s="2442"/>
      <c r="C29" s="2442"/>
      <c r="D29" s="2442"/>
      <c r="E29" s="2442"/>
      <c r="F29" s="2442"/>
      <c r="G29" s="2442"/>
      <c r="H29" s="2442"/>
    </row>
    <row r="30" spans="1:8" ht="17.25" customHeight="1" x14ac:dyDescent="0.2">
      <c r="A30" s="2442"/>
      <c r="B30" s="2442"/>
      <c r="C30" s="2442"/>
      <c r="D30" s="2442"/>
      <c r="E30" s="2442"/>
      <c r="F30" s="2442"/>
      <c r="G30" s="2442"/>
      <c r="H30" s="2442"/>
    </row>
    <row r="31" spans="1:8" ht="17.25" customHeight="1" x14ac:dyDescent="0.2">
      <c r="A31" s="367"/>
      <c r="B31" s="367"/>
      <c r="C31" s="367"/>
      <c r="D31" s="367"/>
      <c r="E31" s="367"/>
      <c r="F31" s="367"/>
      <c r="G31" s="367"/>
      <c r="H31" s="367"/>
    </row>
    <row r="32" spans="1:8" ht="17.25" customHeight="1" x14ac:dyDescent="0.2">
      <c r="A32" s="367"/>
      <c r="B32" s="367"/>
      <c r="C32" s="367"/>
      <c r="D32" s="367"/>
      <c r="E32" s="367"/>
      <c r="F32" s="367"/>
      <c r="G32" s="367"/>
      <c r="H32" s="367"/>
    </row>
    <row r="33" spans="1:8" ht="17.25" customHeight="1" x14ac:dyDescent="0.2">
      <c r="A33" s="367"/>
      <c r="B33" s="367"/>
      <c r="C33" s="367"/>
      <c r="D33" s="367"/>
      <c r="E33" s="367"/>
      <c r="F33" s="367"/>
      <c r="G33" s="367"/>
      <c r="H33" s="367"/>
    </row>
    <row r="34" spans="1:8" ht="17.25" customHeight="1" x14ac:dyDescent="0.2">
      <c r="A34" s="367"/>
      <c r="B34" s="367"/>
      <c r="C34" s="367"/>
      <c r="D34" s="367"/>
      <c r="E34" s="367"/>
      <c r="F34" s="367"/>
      <c r="G34" s="367"/>
      <c r="H34" s="367"/>
    </row>
    <row r="35" spans="1:8" ht="17.25" customHeight="1" x14ac:dyDescent="0.2">
      <c r="A35" s="2429"/>
      <c r="B35" s="2429"/>
      <c r="C35" s="2429"/>
      <c r="D35" s="2429"/>
      <c r="E35" s="2429"/>
      <c r="F35" s="2429"/>
      <c r="G35" s="2429"/>
      <c r="H35" s="2429"/>
    </row>
    <row r="36" spans="1:8" x14ac:dyDescent="0.2">
      <c r="A36" s="2429"/>
      <c r="B36" s="2429"/>
      <c r="C36" s="2429"/>
      <c r="D36" s="2429"/>
      <c r="E36" s="2429"/>
      <c r="F36" s="2429"/>
      <c r="G36" s="2429"/>
      <c r="H36" s="2429"/>
    </row>
    <row r="37" spans="1:8" x14ac:dyDescent="0.2">
      <c r="A37" s="2429"/>
      <c r="B37" s="2429"/>
      <c r="C37" s="2429"/>
      <c r="D37" s="2429"/>
      <c r="E37" s="2429"/>
      <c r="F37" s="2429"/>
      <c r="G37" s="2429"/>
      <c r="H37" s="2429"/>
    </row>
    <row r="38" spans="1:8" x14ac:dyDescent="0.2">
      <c r="A38" s="2429"/>
      <c r="B38" s="2429"/>
      <c r="C38" s="2429"/>
      <c r="D38" s="2429"/>
      <c r="E38" s="2429"/>
      <c r="F38" s="2429"/>
      <c r="G38" s="2429"/>
      <c r="H38" s="2429"/>
    </row>
  </sheetData>
  <customSheetViews>
    <customSheetView guid="{FA98832E-F01A-4598-9960-E27C2FDAB118}" scale="90" showPageBreaks="1" showGridLines="0" printArea="1" view="pageBreakPreview">
      <selection activeCell="J20" sqref="J20"/>
      <pageMargins left="0.7" right="0.6" top="0.75" bottom="0.75" header="0.3" footer="0.3"/>
      <pageSetup paperSize="9" scale="78" orientation="portrait" r:id="rId1"/>
    </customSheetView>
    <customSheetView guid="{8494577A-77FB-45FD-BD2B-C737BCFAD5B3}" scale="90" showPageBreaks="1" showGridLines="0" printArea="1" view="pageBreakPreview">
      <selection activeCell="J20" sqref="J20"/>
      <pageMargins left="0.7" right="0.6" top="0.75" bottom="0.75" header="0.3" footer="0.3"/>
      <pageSetup paperSize="9" scale="78" orientation="portrait" r:id="rId2"/>
    </customSheetView>
  </customSheetViews>
  <mergeCells count="21">
    <mergeCell ref="G2:H2"/>
    <mergeCell ref="A4:H4"/>
    <mergeCell ref="B6:H6"/>
    <mergeCell ref="B7:H7"/>
    <mergeCell ref="B8:H8"/>
    <mergeCell ref="A10:A15"/>
    <mergeCell ref="H10:H15"/>
    <mergeCell ref="A16:A21"/>
    <mergeCell ref="H16:H21"/>
    <mergeCell ref="A23:H23"/>
    <mergeCell ref="A24:H24"/>
    <mergeCell ref="A25:H25"/>
    <mergeCell ref="A26:H26"/>
    <mergeCell ref="A37:H37"/>
    <mergeCell ref="A38:H38"/>
    <mergeCell ref="A27:H27"/>
    <mergeCell ref="A28:H28"/>
    <mergeCell ref="A29:H29"/>
    <mergeCell ref="A30:H30"/>
    <mergeCell ref="A35:H35"/>
    <mergeCell ref="A36:H36"/>
  </mergeCells>
  <phoneticPr fontId="6"/>
  <pageMargins left="0.7" right="0.6" top="0.75" bottom="0.75" header="0.3" footer="0.3"/>
  <pageSetup paperSize="9" scale="78" orientation="portrait" r:id="rId3"/>
  <drawing r:id="rId4"/>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H25"/>
  <sheetViews>
    <sheetView view="pageBreakPreview" zoomScaleNormal="100" zoomScaleSheetLayoutView="100" workbookViewId="0">
      <selection activeCell="D3" sqref="D3"/>
    </sheetView>
  </sheetViews>
  <sheetFormatPr defaultRowHeight="13.2" x14ac:dyDescent="0.2"/>
  <cols>
    <col min="1" max="1" width="2.44140625" style="67" customWidth="1"/>
    <col min="2" max="2" width="26.88671875" style="67" customWidth="1"/>
    <col min="3" max="3" width="4.44140625" style="67" customWidth="1"/>
    <col min="4" max="6" width="22.33203125" style="67" customWidth="1"/>
    <col min="7" max="7" width="3.44140625" style="67" customWidth="1"/>
    <col min="8" max="8" width="2.109375" style="67" customWidth="1"/>
    <col min="9" max="9" width="2.77734375" style="67" customWidth="1"/>
    <col min="10" max="256" width="8.88671875" style="67"/>
    <col min="257" max="257" width="2.44140625" style="67" customWidth="1"/>
    <col min="258" max="258" width="26.88671875" style="67" customWidth="1"/>
    <col min="259" max="259" width="4.44140625" style="67" customWidth="1"/>
    <col min="260" max="262" width="22.33203125" style="67" customWidth="1"/>
    <col min="263" max="263" width="3.44140625" style="67" customWidth="1"/>
    <col min="264" max="264" width="4.88671875" style="67" customWidth="1"/>
    <col min="265" max="265" width="2.77734375" style="67" customWidth="1"/>
    <col min="266" max="512" width="8.88671875" style="67"/>
    <col min="513" max="513" width="2.44140625" style="67" customWidth="1"/>
    <col min="514" max="514" width="26.88671875" style="67" customWidth="1"/>
    <col min="515" max="515" width="4.44140625" style="67" customWidth="1"/>
    <col min="516" max="518" width="22.33203125" style="67" customWidth="1"/>
    <col min="519" max="519" width="3.44140625" style="67" customWidth="1"/>
    <col min="520" max="520" width="4.88671875" style="67" customWidth="1"/>
    <col min="521" max="521" width="2.77734375" style="67" customWidth="1"/>
    <col min="522" max="768" width="8.88671875" style="67"/>
    <col min="769" max="769" width="2.44140625" style="67" customWidth="1"/>
    <col min="770" max="770" width="26.88671875" style="67" customWidth="1"/>
    <col min="771" max="771" width="4.44140625" style="67" customWidth="1"/>
    <col min="772" max="774" width="22.33203125" style="67" customWidth="1"/>
    <col min="775" max="775" width="3.44140625" style="67" customWidth="1"/>
    <col min="776" max="776" width="4.88671875" style="67" customWidth="1"/>
    <col min="777" max="777" width="2.77734375" style="67" customWidth="1"/>
    <col min="778" max="1024" width="8.88671875" style="67"/>
    <col min="1025" max="1025" width="2.44140625" style="67" customWidth="1"/>
    <col min="1026" max="1026" width="26.88671875" style="67" customWidth="1"/>
    <col min="1027" max="1027" width="4.44140625" style="67" customWidth="1"/>
    <col min="1028" max="1030" width="22.33203125" style="67" customWidth="1"/>
    <col min="1031" max="1031" width="3.44140625" style="67" customWidth="1"/>
    <col min="1032" max="1032" width="4.88671875" style="67" customWidth="1"/>
    <col min="1033" max="1033" width="2.77734375" style="67" customWidth="1"/>
    <col min="1034" max="1280" width="8.88671875" style="67"/>
    <col min="1281" max="1281" width="2.44140625" style="67" customWidth="1"/>
    <col min="1282" max="1282" width="26.88671875" style="67" customWidth="1"/>
    <col min="1283" max="1283" width="4.44140625" style="67" customWidth="1"/>
    <col min="1284" max="1286" width="22.33203125" style="67" customWidth="1"/>
    <col min="1287" max="1287" width="3.44140625" style="67" customWidth="1"/>
    <col min="1288" max="1288" width="4.88671875" style="67" customWidth="1"/>
    <col min="1289" max="1289" width="2.77734375" style="67" customWidth="1"/>
    <col min="1290" max="1536" width="8.88671875" style="67"/>
    <col min="1537" max="1537" width="2.44140625" style="67" customWidth="1"/>
    <col min="1538" max="1538" width="26.88671875" style="67" customWidth="1"/>
    <col min="1539" max="1539" width="4.44140625" style="67" customWidth="1"/>
    <col min="1540" max="1542" width="22.33203125" style="67" customWidth="1"/>
    <col min="1543" max="1543" width="3.44140625" style="67" customWidth="1"/>
    <col min="1544" max="1544" width="4.88671875" style="67" customWidth="1"/>
    <col min="1545" max="1545" width="2.77734375" style="67" customWidth="1"/>
    <col min="1546" max="1792" width="8.88671875" style="67"/>
    <col min="1793" max="1793" width="2.44140625" style="67" customWidth="1"/>
    <col min="1794" max="1794" width="26.88671875" style="67" customWidth="1"/>
    <col min="1795" max="1795" width="4.44140625" style="67" customWidth="1"/>
    <col min="1796" max="1798" width="22.33203125" style="67" customWidth="1"/>
    <col min="1799" max="1799" width="3.44140625" style="67" customWidth="1"/>
    <col min="1800" max="1800" width="4.88671875" style="67" customWidth="1"/>
    <col min="1801" max="1801" width="2.77734375" style="67" customWidth="1"/>
    <col min="1802" max="2048" width="8.88671875" style="67"/>
    <col min="2049" max="2049" width="2.44140625" style="67" customWidth="1"/>
    <col min="2050" max="2050" width="26.88671875" style="67" customWidth="1"/>
    <col min="2051" max="2051" width="4.44140625" style="67" customWidth="1"/>
    <col min="2052" max="2054" width="22.33203125" style="67" customWidth="1"/>
    <col min="2055" max="2055" width="3.44140625" style="67" customWidth="1"/>
    <col min="2056" max="2056" width="4.88671875" style="67" customWidth="1"/>
    <col min="2057" max="2057" width="2.77734375" style="67" customWidth="1"/>
    <col min="2058" max="2304" width="8.88671875" style="67"/>
    <col min="2305" max="2305" width="2.44140625" style="67" customWidth="1"/>
    <col min="2306" max="2306" width="26.88671875" style="67" customWidth="1"/>
    <col min="2307" max="2307" width="4.44140625" style="67" customWidth="1"/>
    <col min="2308" max="2310" width="22.33203125" style="67" customWidth="1"/>
    <col min="2311" max="2311" width="3.44140625" style="67" customWidth="1"/>
    <col min="2312" max="2312" width="4.88671875" style="67" customWidth="1"/>
    <col min="2313" max="2313" width="2.77734375" style="67" customWidth="1"/>
    <col min="2314" max="2560" width="8.88671875" style="67"/>
    <col min="2561" max="2561" width="2.44140625" style="67" customWidth="1"/>
    <col min="2562" max="2562" width="26.88671875" style="67" customWidth="1"/>
    <col min="2563" max="2563" width="4.44140625" style="67" customWidth="1"/>
    <col min="2564" max="2566" width="22.33203125" style="67" customWidth="1"/>
    <col min="2567" max="2567" width="3.44140625" style="67" customWidth="1"/>
    <col min="2568" max="2568" width="4.88671875" style="67" customWidth="1"/>
    <col min="2569" max="2569" width="2.77734375" style="67" customWidth="1"/>
    <col min="2570" max="2816" width="8.88671875" style="67"/>
    <col min="2817" max="2817" width="2.44140625" style="67" customWidth="1"/>
    <col min="2818" max="2818" width="26.88671875" style="67" customWidth="1"/>
    <col min="2819" max="2819" width="4.44140625" style="67" customWidth="1"/>
    <col min="2820" max="2822" width="22.33203125" style="67" customWidth="1"/>
    <col min="2823" max="2823" width="3.44140625" style="67" customWidth="1"/>
    <col min="2824" max="2824" width="4.88671875" style="67" customWidth="1"/>
    <col min="2825" max="2825" width="2.77734375" style="67" customWidth="1"/>
    <col min="2826" max="3072" width="8.88671875" style="67"/>
    <col min="3073" max="3073" width="2.44140625" style="67" customWidth="1"/>
    <col min="3074" max="3074" width="26.88671875" style="67" customWidth="1"/>
    <col min="3075" max="3075" width="4.44140625" style="67" customWidth="1"/>
    <col min="3076" max="3078" width="22.33203125" style="67" customWidth="1"/>
    <col min="3079" max="3079" width="3.44140625" style="67" customWidth="1"/>
    <col min="3080" max="3080" width="4.88671875" style="67" customWidth="1"/>
    <col min="3081" max="3081" width="2.77734375" style="67" customWidth="1"/>
    <col min="3082" max="3328" width="8.88671875" style="67"/>
    <col min="3329" max="3329" width="2.44140625" style="67" customWidth="1"/>
    <col min="3330" max="3330" width="26.88671875" style="67" customWidth="1"/>
    <col min="3331" max="3331" width="4.44140625" style="67" customWidth="1"/>
    <col min="3332" max="3334" width="22.33203125" style="67" customWidth="1"/>
    <col min="3335" max="3335" width="3.44140625" style="67" customWidth="1"/>
    <col min="3336" max="3336" width="4.88671875" style="67" customWidth="1"/>
    <col min="3337" max="3337" width="2.77734375" style="67" customWidth="1"/>
    <col min="3338" max="3584" width="8.88671875" style="67"/>
    <col min="3585" max="3585" width="2.44140625" style="67" customWidth="1"/>
    <col min="3586" max="3586" width="26.88671875" style="67" customWidth="1"/>
    <col min="3587" max="3587" width="4.44140625" style="67" customWidth="1"/>
    <col min="3588" max="3590" width="22.33203125" style="67" customWidth="1"/>
    <col min="3591" max="3591" width="3.44140625" style="67" customWidth="1"/>
    <col min="3592" max="3592" width="4.88671875" style="67" customWidth="1"/>
    <col min="3593" max="3593" width="2.77734375" style="67" customWidth="1"/>
    <col min="3594" max="3840" width="8.88671875" style="67"/>
    <col min="3841" max="3841" width="2.44140625" style="67" customWidth="1"/>
    <col min="3842" max="3842" width="26.88671875" style="67" customWidth="1"/>
    <col min="3843" max="3843" width="4.44140625" style="67" customWidth="1"/>
    <col min="3844" max="3846" width="22.33203125" style="67" customWidth="1"/>
    <col min="3847" max="3847" width="3.44140625" style="67" customWidth="1"/>
    <col min="3848" max="3848" width="4.88671875" style="67" customWidth="1"/>
    <col min="3849" max="3849" width="2.77734375" style="67" customWidth="1"/>
    <col min="3850" max="4096" width="8.88671875" style="67"/>
    <col min="4097" max="4097" width="2.44140625" style="67" customWidth="1"/>
    <col min="4098" max="4098" width="26.88671875" style="67" customWidth="1"/>
    <col min="4099" max="4099" width="4.44140625" style="67" customWidth="1"/>
    <col min="4100" max="4102" width="22.33203125" style="67" customWidth="1"/>
    <col min="4103" max="4103" width="3.44140625" style="67" customWidth="1"/>
    <col min="4104" max="4104" width="4.88671875" style="67" customWidth="1"/>
    <col min="4105" max="4105" width="2.77734375" style="67" customWidth="1"/>
    <col min="4106" max="4352" width="8.88671875" style="67"/>
    <col min="4353" max="4353" width="2.44140625" style="67" customWidth="1"/>
    <col min="4354" max="4354" width="26.88671875" style="67" customWidth="1"/>
    <col min="4355" max="4355" width="4.44140625" style="67" customWidth="1"/>
    <col min="4356" max="4358" width="22.33203125" style="67" customWidth="1"/>
    <col min="4359" max="4359" width="3.44140625" style="67" customWidth="1"/>
    <col min="4360" max="4360" width="4.88671875" style="67" customWidth="1"/>
    <col min="4361" max="4361" width="2.77734375" style="67" customWidth="1"/>
    <col min="4362" max="4608" width="8.88671875" style="67"/>
    <col min="4609" max="4609" width="2.44140625" style="67" customWidth="1"/>
    <col min="4610" max="4610" width="26.88671875" style="67" customWidth="1"/>
    <col min="4611" max="4611" width="4.44140625" style="67" customWidth="1"/>
    <col min="4612" max="4614" width="22.33203125" style="67" customWidth="1"/>
    <col min="4615" max="4615" width="3.44140625" style="67" customWidth="1"/>
    <col min="4616" max="4616" width="4.88671875" style="67" customWidth="1"/>
    <col min="4617" max="4617" width="2.77734375" style="67" customWidth="1"/>
    <col min="4618" max="4864" width="8.88671875" style="67"/>
    <col min="4865" max="4865" width="2.44140625" style="67" customWidth="1"/>
    <col min="4866" max="4866" width="26.88671875" style="67" customWidth="1"/>
    <col min="4867" max="4867" width="4.44140625" style="67" customWidth="1"/>
    <col min="4868" max="4870" width="22.33203125" style="67" customWidth="1"/>
    <col min="4871" max="4871" width="3.44140625" style="67" customWidth="1"/>
    <col min="4872" max="4872" width="4.88671875" style="67" customWidth="1"/>
    <col min="4873" max="4873" width="2.77734375" style="67" customWidth="1"/>
    <col min="4874" max="5120" width="8.88671875" style="67"/>
    <col min="5121" max="5121" width="2.44140625" style="67" customWidth="1"/>
    <col min="5122" max="5122" width="26.88671875" style="67" customWidth="1"/>
    <col min="5123" max="5123" width="4.44140625" style="67" customWidth="1"/>
    <col min="5124" max="5126" width="22.33203125" style="67" customWidth="1"/>
    <col min="5127" max="5127" width="3.44140625" style="67" customWidth="1"/>
    <col min="5128" max="5128" width="4.88671875" style="67" customWidth="1"/>
    <col min="5129" max="5129" width="2.77734375" style="67" customWidth="1"/>
    <col min="5130" max="5376" width="8.88671875" style="67"/>
    <col min="5377" max="5377" width="2.44140625" style="67" customWidth="1"/>
    <col min="5378" max="5378" width="26.88671875" style="67" customWidth="1"/>
    <col min="5379" max="5379" width="4.44140625" style="67" customWidth="1"/>
    <col min="5380" max="5382" width="22.33203125" style="67" customWidth="1"/>
    <col min="5383" max="5383" width="3.44140625" style="67" customWidth="1"/>
    <col min="5384" max="5384" width="4.88671875" style="67" customWidth="1"/>
    <col min="5385" max="5385" width="2.77734375" style="67" customWidth="1"/>
    <col min="5386" max="5632" width="8.88671875" style="67"/>
    <col min="5633" max="5633" width="2.44140625" style="67" customWidth="1"/>
    <col min="5634" max="5634" width="26.88671875" style="67" customWidth="1"/>
    <col min="5635" max="5635" width="4.44140625" style="67" customWidth="1"/>
    <col min="5636" max="5638" width="22.33203125" style="67" customWidth="1"/>
    <col min="5639" max="5639" width="3.44140625" style="67" customWidth="1"/>
    <col min="5640" max="5640" width="4.88671875" style="67" customWidth="1"/>
    <col min="5641" max="5641" width="2.77734375" style="67" customWidth="1"/>
    <col min="5642" max="5888" width="8.88671875" style="67"/>
    <col min="5889" max="5889" width="2.44140625" style="67" customWidth="1"/>
    <col min="5890" max="5890" width="26.88671875" style="67" customWidth="1"/>
    <col min="5891" max="5891" width="4.44140625" style="67" customWidth="1"/>
    <col min="5892" max="5894" width="22.33203125" style="67" customWidth="1"/>
    <col min="5895" max="5895" width="3.44140625" style="67" customWidth="1"/>
    <col min="5896" max="5896" width="4.88671875" style="67" customWidth="1"/>
    <col min="5897" max="5897" width="2.77734375" style="67" customWidth="1"/>
    <col min="5898" max="6144" width="8.88671875" style="67"/>
    <col min="6145" max="6145" width="2.44140625" style="67" customWidth="1"/>
    <col min="6146" max="6146" width="26.88671875" style="67" customWidth="1"/>
    <col min="6147" max="6147" width="4.44140625" style="67" customWidth="1"/>
    <col min="6148" max="6150" width="22.33203125" style="67" customWidth="1"/>
    <col min="6151" max="6151" width="3.44140625" style="67" customWidth="1"/>
    <col min="6152" max="6152" width="4.88671875" style="67" customWidth="1"/>
    <col min="6153" max="6153" width="2.77734375" style="67" customWidth="1"/>
    <col min="6154" max="6400" width="8.88671875" style="67"/>
    <col min="6401" max="6401" width="2.44140625" style="67" customWidth="1"/>
    <col min="6402" max="6402" width="26.88671875" style="67" customWidth="1"/>
    <col min="6403" max="6403" width="4.44140625" style="67" customWidth="1"/>
    <col min="6404" max="6406" width="22.33203125" style="67" customWidth="1"/>
    <col min="6407" max="6407" width="3.44140625" style="67" customWidth="1"/>
    <col min="6408" max="6408" width="4.88671875" style="67" customWidth="1"/>
    <col min="6409" max="6409" width="2.77734375" style="67" customWidth="1"/>
    <col min="6410" max="6656" width="8.88671875" style="67"/>
    <col min="6657" max="6657" width="2.44140625" style="67" customWidth="1"/>
    <col min="6658" max="6658" width="26.88671875" style="67" customWidth="1"/>
    <col min="6659" max="6659" width="4.44140625" style="67" customWidth="1"/>
    <col min="6660" max="6662" width="22.33203125" style="67" customWidth="1"/>
    <col min="6663" max="6663" width="3.44140625" style="67" customWidth="1"/>
    <col min="6664" max="6664" width="4.88671875" style="67" customWidth="1"/>
    <col min="6665" max="6665" width="2.77734375" style="67" customWidth="1"/>
    <col min="6666" max="6912" width="8.88671875" style="67"/>
    <col min="6913" max="6913" width="2.44140625" style="67" customWidth="1"/>
    <col min="6914" max="6914" width="26.88671875" style="67" customWidth="1"/>
    <col min="6915" max="6915" width="4.44140625" style="67" customWidth="1"/>
    <col min="6916" max="6918" width="22.33203125" style="67" customWidth="1"/>
    <col min="6919" max="6919" width="3.44140625" style="67" customWidth="1"/>
    <col min="6920" max="6920" width="4.88671875" style="67" customWidth="1"/>
    <col min="6921" max="6921" width="2.77734375" style="67" customWidth="1"/>
    <col min="6922" max="7168" width="8.88671875" style="67"/>
    <col min="7169" max="7169" width="2.44140625" style="67" customWidth="1"/>
    <col min="7170" max="7170" width="26.88671875" style="67" customWidth="1"/>
    <col min="7171" max="7171" width="4.44140625" style="67" customWidth="1"/>
    <col min="7172" max="7174" width="22.33203125" style="67" customWidth="1"/>
    <col min="7175" max="7175" width="3.44140625" style="67" customWidth="1"/>
    <col min="7176" max="7176" width="4.88671875" style="67" customWidth="1"/>
    <col min="7177" max="7177" width="2.77734375" style="67" customWidth="1"/>
    <col min="7178" max="7424" width="8.88671875" style="67"/>
    <col min="7425" max="7425" width="2.44140625" style="67" customWidth="1"/>
    <col min="7426" max="7426" width="26.88671875" style="67" customWidth="1"/>
    <col min="7427" max="7427" width="4.44140625" style="67" customWidth="1"/>
    <col min="7428" max="7430" width="22.33203125" style="67" customWidth="1"/>
    <col min="7431" max="7431" width="3.44140625" style="67" customWidth="1"/>
    <col min="7432" max="7432" width="4.88671875" style="67" customWidth="1"/>
    <col min="7433" max="7433" width="2.77734375" style="67" customWidth="1"/>
    <col min="7434" max="7680" width="8.88671875" style="67"/>
    <col min="7681" max="7681" width="2.44140625" style="67" customWidth="1"/>
    <col min="7682" max="7682" width="26.88671875" style="67" customWidth="1"/>
    <col min="7683" max="7683" width="4.44140625" style="67" customWidth="1"/>
    <col min="7684" max="7686" width="22.33203125" style="67" customWidth="1"/>
    <col min="7687" max="7687" width="3.44140625" style="67" customWidth="1"/>
    <col min="7688" max="7688" width="4.88671875" style="67" customWidth="1"/>
    <col min="7689" max="7689" width="2.77734375" style="67" customWidth="1"/>
    <col min="7690" max="7936" width="8.88671875" style="67"/>
    <col min="7937" max="7937" width="2.44140625" style="67" customWidth="1"/>
    <col min="7938" max="7938" width="26.88671875" style="67" customWidth="1"/>
    <col min="7939" max="7939" width="4.44140625" style="67" customWidth="1"/>
    <col min="7940" max="7942" width="22.33203125" style="67" customWidth="1"/>
    <col min="7943" max="7943" width="3.44140625" style="67" customWidth="1"/>
    <col min="7944" max="7944" width="4.88671875" style="67" customWidth="1"/>
    <col min="7945" max="7945" width="2.77734375" style="67" customWidth="1"/>
    <col min="7946" max="8192" width="8.88671875" style="67"/>
    <col min="8193" max="8193" width="2.44140625" style="67" customWidth="1"/>
    <col min="8194" max="8194" width="26.88671875" style="67" customWidth="1"/>
    <col min="8195" max="8195" width="4.44140625" style="67" customWidth="1"/>
    <col min="8196" max="8198" width="22.33203125" style="67" customWidth="1"/>
    <col min="8199" max="8199" width="3.44140625" style="67" customWidth="1"/>
    <col min="8200" max="8200" width="4.88671875" style="67" customWidth="1"/>
    <col min="8201" max="8201" width="2.77734375" style="67" customWidth="1"/>
    <col min="8202" max="8448" width="8.88671875" style="67"/>
    <col min="8449" max="8449" width="2.44140625" style="67" customWidth="1"/>
    <col min="8450" max="8450" width="26.88671875" style="67" customWidth="1"/>
    <col min="8451" max="8451" width="4.44140625" style="67" customWidth="1"/>
    <col min="8452" max="8454" width="22.33203125" style="67" customWidth="1"/>
    <col min="8455" max="8455" width="3.44140625" style="67" customWidth="1"/>
    <col min="8456" max="8456" width="4.88671875" style="67" customWidth="1"/>
    <col min="8457" max="8457" width="2.77734375" style="67" customWidth="1"/>
    <col min="8458" max="8704" width="8.88671875" style="67"/>
    <col min="8705" max="8705" width="2.44140625" style="67" customWidth="1"/>
    <col min="8706" max="8706" width="26.88671875" style="67" customWidth="1"/>
    <col min="8707" max="8707" width="4.44140625" style="67" customWidth="1"/>
    <col min="8708" max="8710" width="22.33203125" style="67" customWidth="1"/>
    <col min="8711" max="8711" width="3.44140625" style="67" customWidth="1"/>
    <col min="8712" max="8712" width="4.88671875" style="67" customWidth="1"/>
    <col min="8713" max="8713" width="2.77734375" style="67" customWidth="1"/>
    <col min="8714" max="8960" width="8.88671875" style="67"/>
    <col min="8961" max="8961" width="2.44140625" style="67" customWidth="1"/>
    <col min="8962" max="8962" width="26.88671875" style="67" customWidth="1"/>
    <col min="8963" max="8963" width="4.44140625" style="67" customWidth="1"/>
    <col min="8964" max="8966" width="22.33203125" style="67" customWidth="1"/>
    <col min="8967" max="8967" width="3.44140625" style="67" customWidth="1"/>
    <col min="8968" max="8968" width="4.88671875" style="67" customWidth="1"/>
    <col min="8969" max="8969" width="2.77734375" style="67" customWidth="1"/>
    <col min="8970" max="9216" width="8.88671875" style="67"/>
    <col min="9217" max="9217" width="2.44140625" style="67" customWidth="1"/>
    <col min="9218" max="9218" width="26.88671875" style="67" customWidth="1"/>
    <col min="9219" max="9219" width="4.44140625" style="67" customWidth="1"/>
    <col min="9220" max="9222" width="22.33203125" style="67" customWidth="1"/>
    <col min="9223" max="9223" width="3.44140625" style="67" customWidth="1"/>
    <col min="9224" max="9224" width="4.88671875" style="67" customWidth="1"/>
    <col min="9225" max="9225" width="2.77734375" style="67" customWidth="1"/>
    <col min="9226" max="9472" width="8.88671875" style="67"/>
    <col min="9473" max="9473" width="2.44140625" style="67" customWidth="1"/>
    <col min="9474" max="9474" width="26.88671875" style="67" customWidth="1"/>
    <col min="9475" max="9475" width="4.44140625" style="67" customWidth="1"/>
    <col min="9476" max="9478" width="22.33203125" style="67" customWidth="1"/>
    <col min="9479" max="9479" width="3.44140625" style="67" customWidth="1"/>
    <col min="9480" max="9480" width="4.88671875" style="67" customWidth="1"/>
    <col min="9481" max="9481" width="2.77734375" style="67" customWidth="1"/>
    <col min="9482" max="9728" width="8.88671875" style="67"/>
    <col min="9729" max="9729" width="2.44140625" style="67" customWidth="1"/>
    <col min="9730" max="9730" width="26.88671875" style="67" customWidth="1"/>
    <col min="9731" max="9731" width="4.44140625" style="67" customWidth="1"/>
    <col min="9732" max="9734" width="22.33203125" style="67" customWidth="1"/>
    <col min="9735" max="9735" width="3.44140625" style="67" customWidth="1"/>
    <col min="9736" max="9736" width="4.88671875" style="67" customWidth="1"/>
    <col min="9737" max="9737" width="2.77734375" style="67" customWidth="1"/>
    <col min="9738" max="9984" width="8.88671875" style="67"/>
    <col min="9985" max="9985" width="2.44140625" style="67" customWidth="1"/>
    <col min="9986" max="9986" width="26.88671875" style="67" customWidth="1"/>
    <col min="9987" max="9987" width="4.44140625" style="67" customWidth="1"/>
    <col min="9988" max="9990" width="22.33203125" style="67" customWidth="1"/>
    <col min="9991" max="9991" width="3.44140625" style="67" customWidth="1"/>
    <col min="9992" max="9992" width="4.88671875" style="67" customWidth="1"/>
    <col min="9993" max="9993" width="2.77734375" style="67" customWidth="1"/>
    <col min="9994" max="10240" width="8.88671875" style="67"/>
    <col min="10241" max="10241" width="2.44140625" style="67" customWidth="1"/>
    <col min="10242" max="10242" width="26.88671875" style="67" customWidth="1"/>
    <col min="10243" max="10243" width="4.44140625" style="67" customWidth="1"/>
    <col min="10244" max="10246" width="22.33203125" style="67" customWidth="1"/>
    <col min="10247" max="10247" width="3.44140625" style="67" customWidth="1"/>
    <col min="10248" max="10248" width="4.88671875" style="67" customWidth="1"/>
    <col min="10249" max="10249" width="2.77734375" style="67" customWidth="1"/>
    <col min="10250" max="10496" width="8.88671875" style="67"/>
    <col min="10497" max="10497" width="2.44140625" style="67" customWidth="1"/>
    <col min="10498" max="10498" width="26.88671875" style="67" customWidth="1"/>
    <col min="10499" max="10499" width="4.44140625" style="67" customWidth="1"/>
    <col min="10500" max="10502" width="22.33203125" style="67" customWidth="1"/>
    <col min="10503" max="10503" width="3.44140625" style="67" customWidth="1"/>
    <col min="10504" max="10504" width="4.88671875" style="67" customWidth="1"/>
    <col min="10505" max="10505" width="2.77734375" style="67" customWidth="1"/>
    <col min="10506" max="10752" width="8.88671875" style="67"/>
    <col min="10753" max="10753" width="2.44140625" style="67" customWidth="1"/>
    <col min="10754" max="10754" width="26.88671875" style="67" customWidth="1"/>
    <col min="10755" max="10755" width="4.44140625" style="67" customWidth="1"/>
    <col min="10756" max="10758" width="22.33203125" style="67" customWidth="1"/>
    <col min="10759" max="10759" width="3.44140625" style="67" customWidth="1"/>
    <col min="10760" max="10760" width="4.88671875" style="67" customWidth="1"/>
    <col min="10761" max="10761" width="2.77734375" style="67" customWidth="1"/>
    <col min="10762" max="11008" width="8.88671875" style="67"/>
    <col min="11009" max="11009" width="2.44140625" style="67" customWidth="1"/>
    <col min="11010" max="11010" width="26.88671875" style="67" customWidth="1"/>
    <col min="11011" max="11011" width="4.44140625" style="67" customWidth="1"/>
    <col min="11012" max="11014" width="22.33203125" style="67" customWidth="1"/>
    <col min="11015" max="11015" width="3.44140625" style="67" customWidth="1"/>
    <col min="11016" max="11016" width="4.88671875" style="67" customWidth="1"/>
    <col min="11017" max="11017" width="2.77734375" style="67" customWidth="1"/>
    <col min="11018" max="11264" width="8.88671875" style="67"/>
    <col min="11265" max="11265" width="2.44140625" style="67" customWidth="1"/>
    <col min="11266" max="11266" width="26.88671875" style="67" customWidth="1"/>
    <col min="11267" max="11267" width="4.44140625" style="67" customWidth="1"/>
    <col min="11268" max="11270" width="22.33203125" style="67" customWidth="1"/>
    <col min="11271" max="11271" width="3.44140625" style="67" customWidth="1"/>
    <col min="11272" max="11272" width="4.88671875" style="67" customWidth="1"/>
    <col min="11273" max="11273" width="2.77734375" style="67" customWidth="1"/>
    <col min="11274" max="11520" width="8.88671875" style="67"/>
    <col min="11521" max="11521" width="2.44140625" style="67" customWidth="1"/>
    <col min="11522" max="11522" width="26.88671875" style="67" customWidth="1"/>
    <col min="11523" max="11523" width="4.44140625" style="67" customWidth="1"/>
    <col min="11524" max="11526" width="22.33203125" style="67" customWidth="1"/>
    <col min="11527" max="11527" width="3.44140625" style="67" customWidth="1"/>
    <col min="11528" max="11528" width="4.88671875" style="67" customWidth="1"/>
    <col min="11529" max="11529" width="2.77734375" style="67" customWidth="1"/>
    <col min="11530" max="11776" width="8.88671875" style="67"/>
    <col min="11777" max="11777" width="2.44140625" style="67" customWidth="1"/>
    <col min="11778" max="11778" width="26.88671875" style="67" customWidth="1"/>
    <col min="11779" max="11779" width="4.44140625" style="67" customWidth="1"/>
    <col min="11780" max="11782" width="22.33203125" style="67" customWidth="1"/>
    <col min="11783" max="11783" width="3.44140625" style="67" customWidth="1"/>
    <col min="11784" max="11784" width="4.88671875" style="67" customWidth="1"/>
    <col min="11785" max="11785" width="2.77734375" style="67" customWidth="1"/>
    <col min="11786" max="12032" width="8.88671875" style="67"/>
    <col min="12033" max="12033" width="2.44140625" style="67" customWidth="1"/>
    <col min="12034" max="12034" width="26.88671875" style="67" customWidth="1"/>
    <col min="12035" max="12035" width="4.44140625" style="67" customWidth="1"/>
    <col min="12036" max="12038" width="22.33203125" style="67" customWidth="1"/>
    <col min="12039" max="12039" width="3.44140625" style="67" customWidth="1"/>
    <col min="12040" max="12040" width="4.88671875" style="67" customWidth="1"/>
    <col min="12041" max="12041" width="2.77734375" style="67" customWidth="1"/>
    <col min="12042" max="12288" width="8.88671875" style="67"/>
    <col min="12289" max="12289" width="2.44140625" style="67" customWidth="1"/>
    <col min="12290" max="12290" width="26.88671875" style="67" customWidth="1"/>
    <col min="12291" max="12291" width="4.44140625" style="67" customWidth="1"/>
    <col min="12292" max="12294" width="22.33203125" style="67" customWidth="1"/>
    <col min="12295" max="12295" width="3.44140625" style="67" customWidth="1"/>
    <col min="12296" max="12296" width="4.88671875" style="67" customWidth="1"/>
    <col min="12297" max="12297" width="2.77734375" style="67" customWidth="1"/>
    <col min="12298" max="12544" width="8.88671875" style="67"/>
    <col min="12545" max="12545" width="2.44140625" style="67" customWidth="1"/>
    <col min="12546" max="12546" width="26.88671875" style="67" customWidth="1"/>
    <col min="12547" max="12547" width="4.44140625" style="67" customWidth="1"/>
    <col min="12548" max="12550" width="22.33203125" style="67" customWidth="1"/>
    <col min="12551" max="12551" width="3.44140625" style="67" customWidth="1"/>
    <col min="12552" max="12552" width="4.88671875" style="67" customWidth="1"/>
    <col min="12553" max="12553" width="2.77734375" style="67" customWidth="1"/>
    <col min="12554" max="12800" width="8.88671875" style="67"/>
    <col min="12801" max="12801" width="2.44140625" style="67" customWidth="1"/>
    <col min="12802" max="12802" width="26.88671875" style="67" customWidth="1"/>
    <col min="12803" max="12803" width="4.44140625" style="67" customWidth="1"/>
    <col min="12804" max="12806" width="22.33203125" style="67" customWidth="1"/>
    <col min="12807" max="12807" width="3.44140625" style="67" customWidth="1"/>
    <col min="12808" max="12808" width="4.88671875" style="67" customWidth="1"/>
    <col min="12809" max="12809" width="2.77734375" style="67" customWidth="1"/>
    <col min="12810" max="13056" width="8.88671875" style="67"/>
    <col min="13057" max="13057" width="2.44140625" style="67" customWidth="1"/>
    <col min="13058" max="13058" width="26.88671875" style="67" customWidth="1"/>
    <col min="13059" max="13059" width="4.44140625" style="67" customWidth="1"/>
    <col min="13060" max="13062" width="22.33203125" style="67" customWidth="1"/>
    <col min="13063" max="13063" width="3.44140625" style="67" customWidth="1"/>
    <col min="13064" max="13064" width="4.88671875" style="67" customWidth="1"/>
    <col min="13065" max="13065" width="2.77734375" style="67" customWidth="1"/>
    <col min="13066" max="13312" width="8.88671875" style="67"/>
    <col min="13313" max="13313" width="2.44140625" style="67" customWidth="1"/>
    <col min="13314" max="13314" width="26.88671875" style="67" customWidth="1"/>
    <col min="13315" max="13315" width="4.44140625" style="67" customWidth="1"/>
    <col min="13316" max="13318" width="22.33203125" style="67" customWidth="1"/>
    <col min="13319" max="13319" width="3.44140625" style="67" customWidth="1"/>
    <col min="13320" max="13320" width="4.88671875" style="67" customWidth="1"/>
    <col min="13321" max="13321" width="2.77734375" style="67" customWidth="1"/>
    <col min="13322" max="13568" width="8.88671875" style="67"/>
    <col min="13569" max="13569" width="2.44140625" style="67" customWidth="1"/>
    <col min="13570" max="13570" width="26.88671875" style="67" customWidth="1"/>
    <col min="13571" max="13571" width="4.44140625" style="67" customWidth="1"/>
    <col min="13572" max="13574" width="22.33203125" style="67" customWidth="1"/>
    <col min="13575" max="13575" width="3.44140625" style="67" customWidth="1"/>
    <col min="13576" max="13576" width="4.88671875" style="67" customWidth="1"/>
    <col min="13577" max="13577" width="2.77734375" style="67" customWidth="1"/>
    <col min="13578" max="13824" width="8.88671875" style="67"/>
    <col min="13825" max="13825" width="2.44140625" style="67" customWidth="1"/>
    <col min="13826" max="13826" width="26.88671875" style="67" customWidth="1"/>
    <col min="13827" max="13827" width="4.44140625" style="67" customWidth="1"/>
    <col min="13828" max="13830" width="22.33203125" style="67" customWidth="1"/>
    <col min="13831" max="13831" width="3.44140625" style="67" customWidth="1"/>
    <col min="13832" max="13832" width="4.88671875" style="67" customWidth="1"/>
    <col min="13833" max="13833" width="2.77734375" style="67" customWidth="1"/>
    <col min="13834" max="14080" width="8.88671875" style="67"/>
    <col min="14081" max="14081" width="2.44140625" style="67" customWidth="1"/>
    <col min="14082" max="14082" width="26.88671875" style="67" customWidth="1"/>
    <col min="14083" max="14083" width="4.44140625" style="67" customWidth="1"/>
    <col min="14084" max="14086" width="22.33203125" style="67" customWidth="1"/>
    <col min="14087" max="14087" width="3.44140625" style="67" customWidth="1"/>
    <col min="14088" max="14088" width="4.88671875" style="67" customWidth="1"/>
    <col min="14089" max="14089" width="2.77734375" style="67" customWidth="1"/>
    <col min="14090" max="14336" width="8.88671875" style="67"/>
    <col min="14337" max="14337" width="2.44140625" style="67" customWidth="1"/>
    <col min="14338" max="14338" width="26.88671875" style="67" customWidth="1"/>
    <col min="14339" max="14339" width="4.44140625" style="67" customWidth="1"/>
    <col min="14340" max="14342" width="22.33203125" style="67" customWidth="1"/>
    <col min="14343" max="14343" width="3.44140625" style="67" customWidth="1"/>
    <col min="14344" max="14344" width="4.88671875" style="67" customWidth="1"/>
    <col min="14345" max="14345" width="2.77734375" style="67" customWidth="1"/>
    <col min="14346" max="14592" width="8.88671875" style="67"/>
    <col min="14593" max="14593" width="2.44140625" style="67" customWidth="1"/>
    <col min="14594" max="14594" width="26.88671875" style="67" customWidth="1"/>
    <col min="14595" max="14595" width="4.44140625" style="67" customWidth="1"/>
    <col min="14596" max="14598" width="22.33203125" style="67" customWidth="1"/>
    <col min="14599" max="14599" width="3.44140625" style="67" customWidth="1"/>
    <col min="14600" max="14600" width="4.88671875" style="67" customWidth="1"/>
    <col min="14601" max="14601" width="2.77734375" style="67" customWidth="1"/>
    <col min="14602" max="14848" width="8.88671875" style="67"/>
    <col min="14849" max="14849" width="2.44140625" style="67" customWidth="1"/>
    <col min="14850" max="14850" width="26.88671875" style="67" customWidth="1"/>
    <col min="14851" max="14851" width="4.44140625" style="67" customWidth="1"/>
    <col min="14852" max="14854" width="22.33203125" style="67" customWidth="1"/>
    <col min="14855" max="14855" width="3.44140625" style="67" customWidth="1"/>
    <col min="14856" max="14856" width="4.88671875" style="67" customWidth="1"/>
    <col min="14857" max="14857" width="2.77734375" style="67" customWidth="1"/>
    <col min="14858" max="15104" width="8.88671875" style="67"/>
    <col min="15105" max="15105" width="2.44140625" style="67" customWidth="1"/>
    <col min="15106" max="15106" width="26.88671875" style="67" customWidth="1"/>
    <col min="15107" max="15107" width="4.44140625" style="67" customWidth="1"/>
    <col min="15108" max="15110" width="22.33203125" style="67" customWidth="1"/>
    <col min="15111" max="15111" width="3.44140625" style="67" customWidth="1"/>
    <col min="15112" max="15112" width="4.88671875" style="67" customWidth="1"/>
    <col min="15113" max="15113" width="2.77734375" style="67" customWidth="1"/>
    <col min="15114" max="15360" width="8.88671875" style="67"/>
    <col min="15361" max="15361" width="2.44140625" style="67" customWidth="1"/>
    <col min="15362" max="15362" width="26.88671875" style="67" customWidth="1"/>
    <col min="15363" max="15363" width="4.44140625" style="67" customWidth="1"/>
    <col min="15364" max="15366" width="22.33203125" style="67" customWidth="1"/>
    <col min="15367" max="15367" width="3.44140625" style="67" customWidth="1"/>
    <col min="15368" max="15368" width="4.88671875" style="67" customWidth="1"/>
    <col min="15369" max="15369" width="2.77734375" style="67" customWidth="1"/>
    <col min="15370" max="15616" width="8.88671875" style="67"/>
    <col min="15617" max="15617" width="2.44140625" style="67" customWidth="1"/>
    <col min="15618" max="15618" width="26.88671875" style="67" customWidth="1"/>
    <col min="15619" max="15619" width="4.44140625" style="67" customWidth="1"/>
    <col min="15620" max="15622" width="22.33203125" style="67" customWidth="1"/>
    <col min="15623" max="15623" width="3.44140625" style="67" customWidth="1"/>
    <col min="15624" max="15624" width="4.88671875" style="67" customWidth="1"/>
    <col min="15625" max="15625" width="2.77734375" style="67" customWidth="1"/>
    <col min="15626" max="15872" width="8.88671875" style="67"/>
    <col min="15873" max="15873" width="2.44140625" style="67" customWidth="1"/>
    <col min="15874" max="15874" width="26.88671875" style="67" customWidth="1"/>
    <col min="15875" max="15875" width="4.44140625" style="67" customWidth="1"/>
    <col min="15876" max="15878" width="22.33203125" style="67" customWidth="1"/>
    <col min="15879" max="15879" width="3.44140625" style="67" customWidth="1"/>
    <col min="15880" max="15880" width="4.88671875" style="67" customWidth="1"/>
    <col min="15881" max="15881" width="2.77734375" style="67" customWidth="1"/>
    <col min="15882" max="16128" width="8.88671875" style="67"/>
    <col min="16129" max="16129" width="2.44140625" style="67" customWidth="1"/>
    <col min="16130" max="16130" width="26.88671875" style="67" customWidth="1"/>
    <col min="16131" max="16131" width="4.44140625" style="67" customWidth="1"/>
    <col min="16132" max="16134" width="22.33203125" style="67" customWidth="1"/>
    <col min="16135" max="16135" width="3.44140625" style="67" customWidth="1"/>
    <col min="16136" max="16136" width="4.88671875" style="67" customWidth="1"/>
    <col min="16137" max="16137" width="2.77734375" style="67" customWidth="1"/>
    <col min="16138" max="16384" width="8.88671875" style="67"/>
  </cols>
  <sheetData>
    <row r="1" spans="1:8" ht="20.100000000000001" customHeight="1" x14ac:dyDescent="0.2">
      <c r="A1" s="817"/>
      <c r="B1" s="559" t="s">
        <v>271</v>
      </c>
      <c r="C1" s="792"/>
      <c r="D1" s="792"/>
      <c r="E1" s="792"/>
      <c r="F1" s="792"/>
      <c r="G1" s="792"/>
      <c r="H1" s="792"/>
    </row>
    <row r="2" spans="1:8" ht="20.100000000000001" customHeight="1" x14ac:dyDescent="0.2">
      <c r="A2" s="817"/>
      <c r="B2" s="792"/>
      <c r="C2" s="792"/>
      <c r="D2" s="792"/>
      <c r="E2" s="792"/>
      <c r="F2" s="1304" t="s">
        <v>723</v>
      </c>
      <c r="G2" s="1304"/>
      <c r="H2" s="792"/>
    </row>
    <row r="3" spans="1:8" ht="20.100000000000001" customHeight="1" x14ac:dyDescent="0.2">
      <c r="A3" s="817"/>
      <c r="B3" s="792"/>
      <c r="C3" s="792"/>
      <c r="D3" s="792"/>
      <c r="E3" s="792"/>
      <c r="F3" s="818"/>
      <c r="G3" s="818"/>
      <c r="H3" s="792"/>
    </row>
    <row r="4" spans="1:8" ht="20.100000000000001" customHeight="1" x14ac:dyDescent="0.2">
      <c r="A4" s="1305" t="s">
        <v>1380</v>
      </c>
      <c r="B4" s="1305"/>
      <c r="C4" s="1305"/>
      <c r="D4" s="1305"/>
      <c r="E4" s="1305"/>
      <c r="F4" s="1305"/>
      <c r="G4" s="1305"/>
      <c r="H4" s="1305"/>
    </row>
    <row r="5" spans="1:8" ht="20.100000000000001" customHeight="1" x14ac:dyDescent="0.2">
      <c r="A5" s="819"/>
      <c r="B5" s="819"/>
      <c r="C5" s="819"/>
      <c r="D5" s="819"/>
      <c r="E5" s="819"/>
      <c r="F5" s="819"/>
      <c r="G5" s="819"/>
      <c r="H5" s="792"/>
    </row>
    <row r="6" spans="1:8" ht="39.9" customHeight="1" x14ac:dyDescent="0.2">
      <c r="A6" s="819"/>
      <c r="B6" s="820" t="s">
        <v>1304</v>
      </c>
      <c r="C6" s="1306"/>
      <c r="D6" s="1307"/>
      <c r="E6" s="1307"/>
      <c r="F6" s="1307"/>
      <c r="G6" s="1308"/>
      <c r="H6" s="792"/>
    </row>
    <row r="7" spans="1:8" ht="39.9" customHeight="1" x14ac:dyDescent="0.2">
      <c r="A7" s="792"/>
      <c r="B7" s="821" t="s">
        <v>81</v>
      </c>
      <c r="C7" s="1309" t="s">
        <v>1305</v>
      </c>
      <c r="D7" s="1309"/>
      <c r="E7" s="1309"/>
      <c r="F7" s="1309"/>
      <c r="G7" s="1310"/>
      <c r="H7" s="792"/>
    </row>
    <row r="8" spans="1:8" ht="39.9" customHeight="1" x14ac:dyDescent="0.2">
      <c r="A8" s="792"/>
      <c r="B8" s="822" t="s">
        <v>1381</v>
      </c>
      <c r="C8" s="1311"/>
      <c r="D8" s="1312"/>
      <c r="E8" s="1312"/>
      <c r="F8" s="1312"/>
      <c r="G8" s="1313"/>
      <c r="H8" s="792"/>
    </row>
    <row r="9" spans="1:8" ht="39.9" customHeight="1" x14ac:dyDescent="0.2">
      <c r="A9" s="792"/>
      <c r="B9" s="820" t="s">
        <v>1382</v>
      </c>
      <c r="C9" s="1311" t="s">
        <v>1383</v>
      </c>
      <c r="D9" s="1312"/>
      <c r="E9" s="1312"/>
      <c r="F9" s="1312"/>
      <c r="G9" s="1313"/>
      <c r="H9" s="792"/>
    </row>
    <row r="10" spans="1:8" ht="18.75" customHeight="1" x14ac:dyDescent="0.2">
      <c r="A10" s="792"/>
      <c r="B10" s="1314" t="s">
        <v>1384</v>
      </c>
      <c r="C10" s="823"/>
      <c r="D10" s="792"/>
      <c r="E10" s="792"/>
      <c r="F10" s="792"/>
      <c r="G10" s="824"/>
      <c r="H10" s="792"/>
    </row>
    <row r="11" spans="1:8" ht="40.5" customHeight="1" x14ac:dyDescent="0.2">
      <c r="A11" s="792"/>
      <c r="B11" s="1314"/>
      <c r="C11" s="823"/>
      <c r="D11" s="825" t="s">
        <v>203</v>
      </c>
      <c r="E11" s="826" t="s">
        <v>49</v>
      </c>
      <c r="F11" s="827"/>
      <c r="G11" s="824"/>
      <c r="H11" s="792"/>
    </row>
    <row r="12" spans="1:8" ht="25.5" customHeight="1" x14ac:dyDescent="0.2">
      <c r="A12" s="792"/>
      <c r="B12" s="1315"/>
      <c r="C12" s="828"/>
      <c r="D12" s="829"/>
      <c r="E12" s="829"/>
      <c r="F12" s="829"/>
      <c r="G12" s="830"/>
      <c r="H12" s="792"/>
    </row>
    <row r="13" spans="1:8" x14ac:dyDescent="0.2">
      <c r="A13" s="792"/>
      <c r="B13" s="1316" t="s">
        <v>1385</v>
      </c>
      <c r="C13" s="831"/>
      <c r="D13" s="831"/>
      <c r="E13" s="831"/>
      <c r="F13" s="831"/>
      <c r="G13" s="832"/>
      <c r="H13" s="792"/>
    </row>
    <row r="14" spans="1:8" ht="29.25" customHeight="1" x14ac:dyDescent="0.2">
      <c r="A14" s="792"/>
      <c r="B14" s="1317"/>
      <c r="C14" s="792"/>
      <c r="D14" s="833" t="s">
        <v>51</v>
      </c>
      <c r="E14" s="833" t="s">
        <v>50</v>
      </c>
      <c r="F14" s="833" t="s">
        <v>63</v>
      </c>
      <c r="G14" s="824"/>
      <c r="H14" s="792"/>
    </row>
    <row r="15" spans="1:8" ht="29.25" customHeight="1" x14ac:dyDescent="0.2">
      <c r="A15" s="792"/>
      <c r="B15" s="1317"/>
      <c r="C15" s="792"/>
      <c r="D15" s="826" t="s">
        <v>49</v>
      </c>
      <c r="E15" s="826" t="s">
        <v>49</v>
      </c>
      <c r="F15" s="826" t="s">
        <v>49</v>
      </c>
      <c r="G15" s="824"/>
      <c r="H15" s="792"/>
    </row>
    <row r="16" spans="1:8" x14ac:dyDescent="0.2">
      <c r="A16" s="792"/>
      <c r="B16" s="1318"/>
      <c r="C16" s="829"/>
      <c r="D16" s="829"/>
      <c r="E16" s="829"/>
      <c r="F16" s="829"/>
      <c r="G16" s="830"/>
      <c r="H16" s="792"/>
    </row>
    <row r="17" spans="1:8" ht="38.25" customHeight="1" x14ac:dyDescent="0.2">
      <c r="A17" s="792"/>
      <c r="B17" s="822" t="s">
        <v>1386</v>
      </c>
      <c r="C17" s="834"/>
      <c r="D17" s="1319" t="s">
        <v>1387</v>
      </c>
      <c r="E17" s="1319"/>
      <c r="F17" s="1319"/>
      <c r="G17" s="1320"/>
      <c r="H17" s="792"/>
    </row>
    <row r="18" spans="1:8" x14ac:dyDescent="0.2">
      <c r="A18" s="792"/>
      <c r="B18" s="792"/>
      <c r="C18" s="792"/>
      <c r="D18" s="792"/>
      <c r="E18" s="792"/>
      <c r="F18" s="792"/>
      <c r="G18" s="792"/>
      <c r="H18" s="792"/>
    </row>
    <row r="19" spans="1:8" x14ac:dyDescent="0.2">
      <c r="A19" s="792"/>
      <c r="B19" s="792"/>
      <c r="C19" s="792"/>
      <c r="D19" s="792"/>
      <c r="E19" s="792"/>
      <c r="F19" s="792"/>
      <c r="G19" s="792"/>
      <c r="H19" s="792"/>
    </row>
    <row r="20" spans="1:8" ht="17.25" customHeight="1" x14ac:dyDescent="0.2">
      <c r="A20" s="792"/>
      <c r="B20" s="792" t="s">
        <v>44</v>
      </c>
      <c r="C20" s="792"/>
      <c r="D20" s="792"/>
      <c r="E20" s="792"/>
      <c r="F20" s="792"/>
      <c r="G20" s="792"/>
      <c r="H20" s="792"/>
    </row>
    <row r="21" spans="1:8" ht="32.25" customHeight="1" x14ac:dyDescent="0.2">
      <c r="A21" s="792"/>
      <c r="B21" s="1303" t="s">
        <v>1388</v>
      </c>
      <c r="C21" s="1303"/>
      <c r="D21" s="1303"/>
      <c r="E21" s="1303"/>
      <c r="F21" s="1303"/>
      <c r="G21" s="1303"/>
      <c r="H21" s="792"/>
    </row>
    <row r="22" spans="1:8" ht="32.25" customHeight="1" x14ac:dyDescent="0.2">
      <c r="A22" s="792"/>
      <c r="B22" s="1303" t="s">
        <v>1389</v>
      </c>
      <c r="C22" s="1303"/>
      <c r="D22" s="1303"/>
      <c r="E22" s="1303"/>
      <c r="F22" s="1303"/>
      <c r="G22" s="1303"/>
      <c r="H22" s="792"/>
    </row>
    <row r="23" spans="1:8" ht="17.25" customHeight="1" x14ac:dyDescent="0.2">
      <c r="A23" s="792"/>
      <c r="B23" s="835" t="s">
        <v>1390</v>
      </c>
      <c r="C23" s="792"/>
      <c r="D23" s="792"/>
      <c r="E23" s="792"/>
      <c r="F23" s="792"/>
      <c r="G23" s="792"/>
      <c r="H23" s="792"/>
    </row>
    <row r="24" spans="1:8" ht="17.25" customHeight="1" x14ac:dyDescent="0.2">
      <c r="A24" s="792"/>
      <c r="B24" s="792" t="s">
        <v>1391</v>
      </c>
      <c r="C24" s="792"/>
      <c r="D24" s="792"/>
      <c r="E24" s="792"/>
      <c r="F24" s="792"/>
      <c r="G24" s="792"/>
      <c r="H24" s="792"/>
    </row>
    <row r="25" spans="1:8" ht="64.5" customHeight="1" x14ac:dyDescent="0.2">
      <c r="A25" s="792"/>
      <c r="B25" s="1303" t="s">
        <v>1392</v>
      </c>
      <c r="C25" s="1303"/>
      <c r="D25" s="1303"/>
      <c r="E25" s="1303"/>
      <c r="F25" s="1303"/>
      <c r="G25" s="1303"/>
      <c r="H25" s="792"/>
    </row>
  </sheetData>
  <mergeCells count="12">
    <mergeCell ref="B25:G25"/>
    <mergeCell ref="F2:G2"/>
    <mergeCell ref="A4:H4"/>
    <mergeCell ref="C6:G6"/>
    <mergeCell ref="C7:G7"/>
    <mergeCell ref="C8:G8"/>
    <mergeCell ref="C9:G9"/>
    <mergeCell ref="B10:B12"/>
    <mergeCell ref="B13:B16"/>
    <mergeCell ref="D17:G17"/>
    <mergeCell ref="B21:G21"/>
    <mergeCell ref="B22:G22"/>
  </mergeCells>
  <phoneticPr fontId="6"/>
  <pageMargins left="0.7" right="0.7" top="0.75" bottom="0.75" header="0.3" footer="0.3"/>
  <pageSetup paperSize="9" scale="79" orientation="portrait" r:id="rId1"/>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2"/>
  <dimension ref="A1:F15"/>
  <sheetViews>
    <sheetView showGridLines="0" view="pageBreakPreview" zoomScale="110" zoomScaleNormal="100" zoomScaleSheetLayoutView="110" workbookViewId="0">
      <selection activeCell="B3" sqref="B3"/>
    </sheetView>
  </sheetViews>
  <sheetFormatPr defaultColWidth="9" defaultRowHeight="13.2" x14ac:dyDescent="0.2"/>
  <cols>
    <col min="1" max="1" width="1.33203125" style="300" customWidth="1"/>
    <col min="2" max="2" width="24.21875" style="300" customWidth="1"/>
    <col min="3" max="3" width="6.77734375" style="300" customWidth="1"/>
    <col min="4" max="5" width="21.21875" style="300" customWidth="1"/>
    <col min="6" max="6" width="3.109375" style="300" customWidth="1"/>
    <col min="7" max="16384" width="9" style="300"/>
  </cols>
  <sheetData>
    <row r="1" spans="1:6" ht="18" customHeight="1" x14ac:dyDescent="0.2">
      <c r="A1" s="279"/>
      <c r="B1" s="221" t="s">
        <v>694</v>
      </c>
      <c r="C1" s="274"/>
      <c r="D1" s="274"/>
      <c r="E1" s="274"/>
      <c r="F1" s="274"/>
    </row>
    <row r="2" spans="1:6" ht="27.75" customHeight="1" x14ac:dyDescent="0.2">
      <c r="A2" s="279"/>
      <c r="B2" s="274"/>
      <c r="C2" s="274"/>
      <c r="D2" s="274"/>
      <c r="E2" s="2410" t="s">
        <v>709</v>
      </c>
      <c r="F2" s="2410"/>
    </row>
    <row r="3" spans="1:6" ht="18.75" customHeight="1" x14ac:dyDescent="0.2">
      <c r="A3" s="279"/>
      <c r="B3" s="274"/>
      <c r="C3" s="274"/>
      <c r="D3" s="274"/>
      <c r="E3" s="275"/>
      <c r="F3" s="275"/>
    </row>
    <row r="4" spans="1:6" ht="36" customHeight="1" x14ac:dyDescent="0.2">
      <c r="A4" s="2287" t="s">
        <v>716</v>
      </c>
      <c r="B4" s="2287"/>
      <c r="C4" s="2287"/>
      <c r="D4" s="2287"/>
      <c r="E4" s="2287"/>
      <c r="F4" s="2287"/>
    </row>
    <row r="5" spans="1:6" ht="25.5" customHeight="1" x14ac:dyDescent="0.2">
      <c r="A5" s="281"/>
      <c r="B5" s="281"/>
      <c r="C5" s="281"/>
      <c r="D5" s="281"/>
      <c r="E5" s="281"/>
      <c r="F5" s="281"/>
    </row>
    <row r="6" spans="1:6" ht="42" customHeight="1" x14ac:dyDescent="0.2">
      <c r="A6" s="281"/>
      <c r="B6" s="282" t="s">
        <v>60</v>
      </c>
      <c r="C6" s="2411"/>
      <c r="D6" s="2412"/>
      <c r="E6" s="2412"/>
      <c r="F6" s="2413"/>
    </row>
    <row r="7" spans="1:6" ht="42" customHeight="1" x14ac:dyDescent="0.2">
      <c r="A7" s="274"/>
      <c r="B7" s="339" t="s">
        <v>46</v>
      </c>
      <c r="C7" s="2414" t="s">
        <v>70</v>
      </c>
      <c r="D7" s="2414"/>
      <c r="E7" s="2414"/>
      <c r="F7" s="2415"/>
    </row>
    <row r="8" spans="1:6" ht="71.25" customHeight="1" x14ac:dyDescent="0.2">
      <c r="A8" s="274"/>
      <c r="B8" s="340" t="s">
        <v>206</v>
      </c>
      <c r="C8" s="341">
        <v>1</v>
      </c>
      <c r="D8" s="2497" t="s">
        <v>207</v>
      </c>
      <c r="E8" s="2497"/>
      <c r="F8" s="2498"/>
    </row>
    <row r="9" spans="1:6" ht="71.25" customHeight="1" x14ac:dyDescent="0.2">
      <c r="A9" s="274"/>
      <c r="B9" s="2499" t="s">
        <v>717</v>
      </c>
      <c r="C9" s="282">
        <v>1</v>
      </c>
      <c r="D9" s="2501" t="s">
        <v>384</v>
      </c>
      <c r="E9" s="2497"/>
      <c r="F9" s="2498"/>
    </row>
    <row r="10" spans="1:6" ht="71.25" customHeight="1" x14ac:dyDescent="0.2">
      <c r="A10" s="274"/>
      <c r="B10" s="2500"/>
      <c r="C10" s="282">
        <v>2</v>
      </c>
      <c r="D10" s="2497" t="s">
        <v>385</v>
      </c>
      <c r="E10" s="2497"/>
      <c r="F10" s="2498"/>
    </row>
    <row r="11" spans="1:6" ht="71.25" customHeight="1" x14ac:dyDescent="0.2">
      <c r="A11" s="274"/>
      <c r="B11" s="2495" t="s">
        <v>208</v>
      </c>
      <c r="C11" s="282">
        <v>1</v>
      </c>
      <c r="D11" s="2497" t="s">
        <v>209</v>
      </c>
      <c r="E11" s="2497"/>
      <c r="F11" s="2498"/>
    </row>
    <row r="12" spans="1:6" ht="71.25" customHeight="1" x14ac:dyDescent="0.2">
      <c r="A12" s="274"/>
      <c r="B12" s="2496"/>
      <c r="C12" s="342">
        <v>2</v>
      </c>
      <c r="D12" s="343" t="s">
        <v>210</v>
      </c>
      <c r="E12" s="343"/>
      <c r="F12" s="294"/>
    </row>
    <row r="13" spans="1:6" ht="7.5" customHeight="1" x14ac:dyDescent="0.2">
      <c r="A13" s="274"/>
      <c r="B13" s="274"/>
      <c r="C13" s="274"/>
      <c r="D13" s="274"/>
      <c r="E13" s="274"/>
      <c r="F13" s="274"/>
    </row>
    <row r="14" spans="1:6" x14ac:dyDescent="0.2">
      <c r="A14" s="274"/>
      <c r="B14" s="274" t="s">
        <v>211</v>
      </c>
      <c r="C14" s="274"/>
      <c r="D14" s="274"/>
      <c r="E14" s="274"/>
      <c r="F14" s="274"/>
    </row>
    <row r="15" spans="1:6" ht="18.75" customHeight="1" x14ac:dyDescent="0.2">
      <c r="B15" s="300" t="s">
        <v>386</v>
      </c>
    </row>
  </sheetData>
  <customSheetViews>
    <customSheetView guid="{FA98832E-F01A-4598-9960-E27C2FDAB118}" scale="110" showPageBreaks="1" showGridLines="0" view="pageBreakPreview">
      <selection activeCell="J20" sqref="J20"/>
      <pageMargins left="0.76" right="0.70866141732283472" top="0.74803149606299213" bottom="0.74803149606299213" header="0.31496062992125984" footer="0.31496062992125984"/>
      <pageSetup paperSize="9" scale="110" orientation="portrait" r:id="rId1"/>
    </customSheetView>
    <customSheetView guid="{8494577A-77FB-45FD-BD2B-C737BCFAD5B3}" scale="110" showPageBreaks="1" showGridLines="0" view="pageBreakPreview">
      <selection activeCell="J20" sqref="J20"/>
      <pageMargins left="0.76" right="0.70866141732283472" top="0.74803149606299213" bottom="0.74803149606299213" header="0.31496062992125984" footer="0.31496062992125984"/>
      <pageSetup paperSize="9" scale="110" orientation="portrait" r:id="rId2"/>
    </customSheetView>
  </customSheetViews>
  <mergeCells count="10">
    <mergeCell ref="B11:B12"/>
    <mergeCell ref="D11:F11"/>
    <mergeCell ref="E2:F2"/>
    <mergeCell ref="A4:F4"/>
    <mergeCell ref="C6:F6"/>
    <mergeCell ref="C7:F7"/>
    <mergeCell ref="D8:F8"/>
    <mergeCell ref="B9:B10"/>
    <mergeCell ref="D9:F9"/>
    <mergeCell ref="D10:F10"/>
  </mergeCells>
  <phoneticPr fontId="6"/>
  <pageMargins left="0.76" right="0.70866141732283472" top="0.74803149606299213" bottom="0.74803149606299213" header="0.31496062992125984" footer="0.31496062992125984"/>
  <pageSetup paperSize="9" scale="110" orientation="portrait" r:id="rId3"/>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3"/>
  <dimension ref="A1:J18"/>
  <sheetViews>
    <sheetView view="pageBreakPreview" zoomScale="110" zoomScaleNormal="100" zoomScaleSheetLayoutView="110" workbookViewId="0">
      <selection activeCell="J20" sqref="J20"/>
    </sheetView>
  </sheetViews>
  <sheetFormatPr defaultColWidth="9" defaultRowHeight="13.2" x14ac:dyDescent="0.2"/>
  <cols>
    <col min="1" max="1" width="2.109375" style="300" customWidth="1"/>
    <col min="2" max="2" width="24.21875" style="300" customWidth="1"/>
    <col min="3" max="3" width="4" style="300" customWidth="1"/>
    <col min="4" max="5" width="20.109375" style="300" customWidth="1"/>
    <col min="6" max="7" width="10.33203125" style="300" customWidth="1"/>
    <col min="8" max="8" width="3.109375" style="300" customWidth="1"/>
    <col min="9" max="9" width="3.77734375" style="300" customWidth="1"/>
    <col min="10" max="10" width="2.44140625" style="300" customWidth="1"/>
    <col min="11" max="16384" width="9" style="300"/>
  </cols>
  <sheetData>
    <row r="1" spans="1:10" ht="27.75" customHeight="1" x14ac:dyDescent="0.2">
      <c r="A1" s="299"/>
      <c r="B1" s="225" t="s">
        <v>695</v>
      </c>
    </row>
    <row r="2" spans="1:10" ht="27.75" customHeight="1" x14ac:dyDescent="0.2">
      <c r="A2" s="299"/>
      <c r="F2" s="2446" t="s">
        <v>709</v>
      </c>
      <c r="G2" s="2502"/>
      <c r="H2" s="2502"/>
    </row>
    <row r="3" spans="1:10" ht="27.75" customHeight="1" x14ac:dyDescent="0.2">
      <c r="A3" s="299"/>
      <c r="F3" s="263"/>
      <c r="G3" s="264"/>
      <c r="H3" s="264"/>
    </row>
    <row r="4" spans="1:10" ht="36" customHeight="1" x14ac:dyDescent="0.2">
      <c r="B4" s="2503" t="s">
        <v>550</v>
      </c>
      <c r="C4" s="2504"/>
      <c r="D4" s="2504"/>
      <c r="E4" s="2504"/>
      <c r="F4" s="2504"/>
      <c r="G4" s="2504"/>
      <c r="H4" s="2504"/>
    </row>
    <row r="5" spans="1:10" ht="36" customHeight="1" x14ac:dyDescent="0.2">
      <c r="A5" s="301"/>
      <c r="B5" s="301"/>
      <c r="C5" s="301"/>
      <c r="D5" s="301"/>
      <c r="E5" s="301"/>
      <c r="F5" s="301"/>
      <c r="G5" s="301"/>
      <c r="H5" s="301"/>
    </row>
    <row r="6" spans="1:10" ht="36" customHeight="1" x14ac:dyDescent="0.2">
      <c r="A6" s="301"/>
      <c r="B6" s="302" t="s">
        <v>60</v>
      </c>
      <c r="C6" s="2505"/>
      <c r="D6" s="2506"/>
      <c r="E6" s="2506"/>
      <c r="F6" s="2506"/>
      <c r="G6" s="2506"/>
      <c r="H6" s="2507"/>
    </row>
    <row r="7" spans="1:10" ht="36.75" customHeight="1" x14ac:dyDescent="0.2">
      <c r="B7" s="308" t="s">
        <v>46</v>
      </c>
      <c r="C7" s="2508" t="s">
        <v>549</v>
      </c>
      <c r="D7" s="2508"/>
      <c r="E7" s="2508"/>
      <c r="F7" s="2508"/>
      <c r="G7" s="2508"/>
      <c r="H7" s="2509"/>
    </row>
    <row r="8" spans="1:10" ht="75" customHeight="1" x14ac:dyDescent="0.2">
      <c r="B8" s="2510" t="s">
        <v>548</v>
      </c>
      <c r="C8" s="2512" t="s">
        <v>547</v>
      </c>
      <c r="D8" s="2513"/>
      <c r="E8" s="2513"/>
      <c r="F8" s="2514"/>
      <c r="G8" s="2515" t="s">
        <v>85</v>
      </c>
      <c r="H8" s="2516"/>
    </row>
    <row r="9" spans="1:10" ht="75" customHeight="1" x14ac:dyDescent="0.2">
      <c r="B9" s="2511"/>
      <c r="C9" s="2512" t="s">
        <v>546</v>
      </c>
      <c r="D9" s="2513"/>
      <c r="E9" s="2513"/>
      <c r="F9" s="2514"/>
      <c r="G9" s="2515" t="s">
        <v>85</v>
      </c>
      <c r="H9" s="2516"/>
    </row>
    <row r="10" spans="1:10" ht="75" customHeight="1" x14ac:dyDescent="0.2">
      <c r="B10" s="2510" t="s">
        <v>545</v>
      </c>
      <c r="C10" s="2512" t="s">
        <v>544</v>
      </c>
      <c r="D10" s="2513"/>
      <c r="E10" s="2513"/>
      <c r="F10" s="2514"/>
      <c r="G10" s="2515" t="s">
        <v>85</v>
      </c>
      <c r="H10" s="2516"/>
    </row>
    <row r="11" spans="1:10" ht="75" customHeight="1" x14ac:dyDescent="0.2">
      <c r="B11" s="2520"/>
      <c r="C11" s="2512" t="s">
        <v>543</v>
      </c>
      <c r="D11" s="2513"/>
      <c r="E11" s="2513"/>
      <c r="F11" s="2514"/>
      <c r="G11" s="2515" t="s">
        <v>85</v>
      </c>
      <c r="H11" s="2516"/>
    </row>
    <row r="12" spans="1:10" ht="75" customHeight="1" x14ac:dyDescent="0.2">
      <c r="B12" s="2510" t="s">
        <v>542</v>
      </c>
      <c r="C12" s="2512" t="s">
        <v>541</v>
      </c>
      <c r="D12" s="2513"/>
      <c r="E12" s="2513"/>
      <c r="F12" s="2514"/>
      <c r="G12" s="2517" t="s">
        <v>85</v>
      </c>
      <c r="H12" s="2509"/>
    </row>
    <row r="13" spans="1:10" ht="75" customHeight="1" x14ac:dyDescent="0.2">
      <c r="B13" s="2511"/>
      <c r="C13" s="2512" t="s">
        <v>540</v>
      </c>
      <c r="D13" s="2513"/>
      <c r="E13" s="2513"/>
      <c r="F13" s="2514"/>
      <c r="G13" s="2518"/>
      <c r="H13" s="2519"/>
    </row>
    <row r="15" spans="1:10" ht="17.25" customHeight="1" x14ac:dyDescent="0.2">
      <c r="B15" s="305" t="s">
        <v>44</v>
      </c>
      <c r="C15" s="306"/>
      <c r="D15" s="306"/>
      <c r="E15" s="306"/>
      <c r="F15" s="306"/>
      <c r="G15" s="306"/>
      <c r="H15" s="306"/>
      <c r="I15" s="306"/>
      <c r="J15" s="306"/>
    </row>
    <row r="16" spans="1:10" ht="17.25" customHeight="1" x14ac:dyDescent="0.2">
      <c r="B16" s="307" t="s">
        <v>539</v>
      </c>
      <c r="C16" s="306"/>
      <c r="D16" s="306"/>
      <c r="E16" s="306"/>
      <c r="F16" s="306"/>
      <c r="G16" s="306"/>
      <c r="H16" s="306"/>
      <c r="I16" s="306"/>
      <c r="J16" s="306"/>
    </row>
    <row r="17" spans="2:10" ht="17.25" customHeight="1" x14ac:dyDescent="0.2">
      <c r="B17" s="307" t="s">
        <v>538</v>
      </c>
      <c r="C17" s="306"/>
      <c r="D17" s="306"/>
      <c r="E17" s="306"/>
      <c r="F17" s="306"/>
      <c r="G17" s="306"/>
      <c r="H17" s="306"/>
      <c r="I17" s="306"/>
      <c r="J17" s="306"/>
    </row>
    <row r="18" spans="2:10" x14ac:dyDescent="0.2">
      <c r="B18" s="305"/>
    </row>
  </sheetData>
  <customSheetViews>
    <customSheetView guid="{FA98832E-F01A-4598-9960-E27C2FDAB118}" scale="110" showPageBreaks="1" view="pageBreakPreview">
      <selection activeCell="J20" sqref="J20"/>
      <pageMargins left="0.7" right="0.7" top="0.75" bottom="0.75" header="0.3" footer="0.3"/>
      <pageSetup paperSize="9" scale="92" orientation="portrait" r:id="rId1"/>
    </customSheetView>
    <customSheetView guid="{8494577A-77FB-45FD-BD2B-C737BCFAD5B3}" scale="110" showPageBreaks="1" view="pageBreakPreview">
      <selection activeCell="J20" sqref="J20"/>
      <pageMargins left="0.7" right="0.7" top="0.75" bottom="0.75" header="0.3" footer="0.3"/>
      <pageSetup paperSize="9" scale="92" orientation="portrait" r:id="rId2"/>
    </customSheetView>
  </customSheetViews>
  <mergeCells count="18">
    <mergeCell ref="C11:F11"/>
    <mergeCell ref="G11:H11"/>
    <mergeCell ref="B12:B13"/>
    <mergeCell ref="C12:F12"/>
    <mergeCell ref="G12:H13"/>
    <mergeCell ref="C13:F13"/>
    <mergeCell ref="B10:B11"/>
    <mergeCell ref="C10:F10"/>
    <mergeCell ref="G10:H10"/>
    <mergeCell ref="F2:H2"/>
    <mergeCell ref="B4:H4"/>
    <mergeCell ref="C6:H6"/>
    <mergeCell ref="C7:H7"/>
    <mergeCell ref="B8:B9"/>
    <mergeCell ref="C8:F8"/>
    <mergeCell ref="G8:H8"/>
    <mergeCell ref="C9:F9"/>
    <mergeCell ref="G9:H9"/>
  </mergeCells>
  <phoneticPr fontId="6"/>
  <pageMargins left="0.7" right="0.7" top="0.75" bottom="0.75" header="0.3" footer="0.3"/>
  <pageSetup paperSize="9" scale="92" orientation="portrait" r:id="rId3"/>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59"/>
  <sheetViews>
    <sheetView showGridLines="0" view="pageBreakPreview" zoomScaleNormal="100" zoomScaleSheetLayoutView="100" workbookViewId="0">
      <selection activeCell="AY20" sqref="AY20"/>
    </sheetView>
  </sheetViews>
  <sheetFormatPr defaultColWidth="2.21875" defaultRowHeight="13.2" x14ac:dyDescent="0.2"/>
  <cols>
    <col min="1" max="1" width="2.33203125" style="372" customWidth="1"/>
    <col min="2" max="2" width="2.33203125" style="373" customWidth="1"/>
    <col min="3" max="38" width="2.33203125" style="372" customWidth="1"/>
    <col min="39" max="256" width="2.21875" style="372"/>
    <col min="257" max="294" width="2.33203125" style="372" customWidth="1"/>
    <col min="295" max="512" width="2.21875" style="372"/>
    <col min="513" max="550" width="2.33203125" style="372" customWidth="1"/>
    <col min="551" max="768" width="2.21875" style="372"/>
    <col min="769" max="806" width="2.33203125" style="372" customWidth="1"/>
    <col min="807" max="1024" width="2.21875" style="372"/>
    <col min="1025" max="1062" width="2.33203125" style="372" customWidth="1"/>
    <col min="1063" max="1280" width="2.21875" style="372"/>
    <col min="1281" max="1318" width="2.33203125" style="372" customWidth="1"/>
    <col min="1319" max="1536" width="2.21875" style="372"/>
    <col min="1537" max="1574" width="2.33203125" style="372" customWidth="1"/>
    <col min="1575" max="1792" width="2.21875" style="372"/>
    <col min="1793" max="1830" width="2.33203125" style="372" customWidth="1"/>
    <col min="1831" max="2048" width="2.21875" style="372"/>
    <col min="2049" max="2086" width="2.33203125" style="372" customWidth="1"/>
    <col min="2087" max="2304" width="2.21875" style="372"/>
    <col min="2305" max="2342" width="2.33203125" style="372" customWidth="1"/>
    <col min="2343" max="2560" width="2.21875" style="372"/>
    <col min="2561" max="2598" width="2.33203125" style="372" customWidth="1"/>
    <col min="2599" max="2816" width="2.21875" style="372"/>
    <col min="2817" max="2854" width="2.33203125" style="372" customWidth="1"/>
    <col min="2855" max="3072" width="2.21875" style="372"/>
    <col min="3073" max="3110" width="2.33203125" style="372" customWidth="1"/>
    <col min="3111" max="3328" width="2.21875" style="372"/>
    <col min="3329" max="3366" width="2.33203125" style="372" customWidth="1"/>
    <col min="3367" max="3584" width="2.21875" style="372"/>
    <col min="3585" max="3622" width="2.33203125" style="372" customWidth="1"/>
    <col min="3623" max="3840" width="2.21875" style="372"/>
    <col min="3841" max="3878" width="2.33203125" style="372" customWidth="1"/>
    <col min="3879" max="4096" width="2.21875" style="372"/>
    <col min="4097" max="4134" width="2.33203125" style="372" customWidth="1"/>
    <col min="4135" max="4352" width="2.21875" style="372"/>
    <col min="4353" max="4390" width="2.33203125" style="372" customWidth="1"/>
    <col min="4391" max="4608" width="2.21875" style="372"/>
    <col min="4609" max="4646" width="2.33203125" style="372" customWidth="1"/>
    <col min="4647" max="4864" width="2.21875" style="372"/>
    <col min="4865" max="4902" width="2.33203125" style="372" customWidth="1"/>
    <col min="4903" max="5120" width="2.21875" style="372"/>
    <col min="5121" max="5158" width="2.33203125" style="372" customWidth="1"/>
    <col min="5159" max="5376" width="2.21875" style="372"/>
    <col min="5377" max="5414" width="2.33203125" style="372" customWidth="1"/>
    <col min="5415" max="5632" width="2.21875" style="372"/>
    <col min="5633" max="5670" width="2.33203125" style="372" customWidth="1"/>
    <col min="5671" max="5888" width="2.21875" style="372"/>
    <col min="5889" max="5926" width="2.33203125" style="372" customWidth="1"/>
    <col min="5927" max="6144" width="2.21875" style="372"/>
    <col min="6145" max="6182" width="2.33203125" style="372" customWidth="1"/>
    <col min="6183" max="6400" width="2.21875" style="372"/>
    <col min="6401" max="6438" width="2.33203125" style="372" customWidth="1"/>
    <col min="6439" max="6656" width="2.21875" style="372"/>
    <col min="6657" max="6694" width="2.33203125" style="372" customWidth="1"/>
    <col min="6695" max="6912" width="2.21875" style="372"/>
    <col min="6913" max="6950" width="2.33203125" style="372" customWidth="1"/>
    <col min="6951" max="7168" width="2.21875" style="372"/>
    <col min="7169" max="7206" width="2.33203125" style="372" customWidth="1"/>
    <col min="7207" max="7424" width="2.21875" style="372"/>
    <col min="7425" max="7462" width="2.33203125" style="372" customWidth="1"/>
    <col min="7463" max="7680" width="2.21875" style="372"/>
    <col min="7681" max="7718" width="2.33203125" style="372" customWidth="1"/>
    <col min="7719" max="7936" width="2.21875" style="372"/>
    <col min="7937" max="7974" width="2.33203125" style="372" customWidth="1"/>
    <col min="7975" max="8192" width="2.21875" style="372"/>
    <col min="8193" max="8230" width="2.33203125" style="372" customWidth="1"/>
    <col min="8231" max="8448" width="2.21875" style="372"/>
    <col min="8449" max="8486" width="2.33203125" style="372" customWidth="1"/>
    <col min="8487" max="8704" width="2.21875" style="372"/>
    <col min="8705" max="8742" width="2.33203125" style="372" customWidth="1"/>
    <col min="8743" max="8960" width="2.21875" style="372"/>
    <col min="8961" max="8998" width="2.33203125" style="372" customWidth="1"/>
    <col min="8999" max="9216" width="2.21875" style="372"/>
    <col min="9217" max="9254" width="2.33203125" style="372" customWidth="1"/>
    <col min="9255" max="9472" width="2.21875" style="372"/>
    <col min="9473" max="9510" width="2.33203125" style="372" customWidth="1"/>
    <col min="9511" max="9728" width="2.21875" style="372"/>
    <col min="9729" max="9766" width="2.33203125" style="372" customWidth="1"/>
    <col min="9767" max="9984" width="2.21875" style="372"/>
    <col min="9985" max="10022" width="2.33203125" style="372" customWidth="1"/>
    <col min="10023" max="10240" width="2.21875" style="372"/>
    <col min="10241" max="10278" width="2.33203125" style="372" customWidth="1"/>
    <col min="10279" max="10496" width="2.21875" style="372"/>
    <col min="10497" max="10534" width="2.33203125" style="372" customWidth="1"/>
    <col min="10535" max="10752" width="2.21875" style="372"/>
    <col min="10753" max="10790" width="2.33203125" style="372" customWidth="1"/>
    <col min="10791" max="11008" width="2.21875" style="372"/>
    <col min="11009" max="11046" width="2.33203125" style="372" customWidth="1"/>
    <col min="11047" max="11264" width="2.21875" style="372"/>
    <col min="11265" max="11302" width="2.33203125" style="372" customWidth="1"/>
    <col min="11303" max="11520" width="2.21875" style="372"/>
    <col min="11521" max="11558" width="2.33203125" style="372" customWidth="1"/>
    <col min="11559" max="11776" width="2.21875" style="372"/>
    <col min="11777" max="11814" width="2.33203125" style="372" customWidth="1"/>
    <col min="11815" max="12032" width="2.21875" style="372"/>
    <col min="12033" max="12070" width="2.33203125" style="372" customWidth="1"/>
    <col min="12071" max="12288" width="2.21875" style="372"/>
    <col min="12289" max="12326" width="2.33203125" style="372" customWidth="1"/>
    <col min="12327" max="12544" width="2.21875" style="372"/>
    <col min="12545" max="12582" width="2.33203125" style="372" customWidth="1"/>
    <col min="12583" max="12800" width="2.21875" style="372"/>
    <col min="12801" max="12838" width="2.33203125" style="372" customWidth="1"/>
    <col min="12839" max="13056" width="2.21875" style="372"/>
    <col min="13057" max="13094" width="2.33203125" style="372" customWidth="1"/>
    <col min="13095" max="13312" width="2.21875" style="372"/>
    <col min="13313" max="13350" width="2.33203125" style="372" customWidth="1"/>
    <col min="13351" max="13568" width="2.21875" style="372"/>
    <col min="13569" max="13606" width="2.33203125" style="372" customWidth="1"/>
    <col min="13607" max="13824" width="2.21875" style="372"/>
    <col min="13825" max="13862" width="2.33203125" style="372" customWidth="1"/>
    <col min="13863" max="14080" width="2.21875" style="372"/>
    <col min="14081" max="14118" width="2.33203125" style="372" customWidth="1"/>
    <col min="14119" max="14336" width="2.21875" style="372"/>
    <col min="14337" max="14374" width="2.33203125" style="372" customWidth="1"/>
    <col min="14375" max="14592" width="2.21875" style="372"/>
    <col min="14593" max="14630" width="2.33203125" style="372" customWidth="1"/>
    <col min="14631" max="14848" width="2.21875" style="372"/>
    <col min="14849" max="14886" width="2.33203125" style="372" customWidth="1"/>
    <col min="14887" max="15104" width="2.21875" style="372"/>
    <col min="15105" max="15142" width="2.33203125" style="372" customWidth="1"/>
    <col min="15143" max="15360" width="2.21875" style="372"/>
    <col min="15361" max="15398" width="2.33203125" style="372" customWidth="1"/>
    <col min="15399" max="15616" width="2.21875" style="372"/>
    <col min="15617" max="15654" width="2.33203125" style="372" customWidth="1"/>
    <col min="15655" max="15872" width="2.21875" style="372"/>
    <col min="15873" max="15910" width="2.33203125" style="372" customWidth="1"/>
    <col min="15911" max="16128" width="2.21875" style="372"/>
    <col min="16129" max="16166" width="2.33203125" style="372" customWidth="1"/>
    <col min="16167" max="16384" width="2.21875" style="372"/>
  </cols>
  <sheetData>
    <row r="1" spans="1:39" ht="21" customHeight="1" x14ac:dyDescent="0.2">
      <c r="B1" s="398" t="s">
        <v>696</v>
      </c>
      <c r="C1" s="399"/>
      <c r="D1" s="399"/>
      <c r="E1" s="399"/>
      <c r="F1" s="399"/>
      <c r="AB1" s="2575" t="s">
        <v>723</v>
      </c>
      <c r="AC1" s="2575"/>
      <c r="AD1" s="2575"/>
      <c r="AE1" s="2575"/>
      <c r="AF1" s="2575"/>
      <c r="AG1" s="2575"/>
      <c r="AH1" s="2575"/>
      <c r="AI1" s="2575"/>
      <c r="AK1" s="2576" t="s">
        <v>581</v>
      </c>
      <c r="AL1" s="2576"/>
    </row>
    <row r="2" spans="1:39" ht="20.25" customHeight="1" x14ac:dyDescent="0.2">
      <c r="AL2" s="374"/>
      <c r="AM2" s="374"/>
    </row>
    <row r="3" spans="1:39" ht="20.25" customHeight="1" x14ac:dyDescent="0.2">
      <c r="A3" s="2577" t="s">
        <v>724</v>
      </c>
      <c r="B3" s="2578"/>
      <c r="C3" s="2578"/>
      <c r="D3" s="2578"/>
      <c r="E3" s="2578"/>
      <c r="F3" s="2578"/>
      <c r="G3" s="2578"/>
      <c r="H3" s="2578"/>
      <c r="I3" s="2578"/>
      <c r="J3" s="2578"/>
      <c r="K3" s="2578"/>
      <c r="L3" s="2578"/>
      <c r="M3" s="2578"/>
      <c r="N3" s="2578"/>
      <c r="O3" s="2578"/>
      <c r="P3" s="2578"/>
      <c r="Q3" s="2578"/>
      <c r="R3" s="2578"/>
      <c r="S3" s="2578"/>
      <c r="T3" s="2578"/>
      <c r="U3" s="2578"/>
      <c r="V3" s="2578"/>
      <c r="W3" s="2578"/>
      <c r="X3" s="2578"/>
      <c r="Y3" s="2578"/>
      <c r="Z3" s="2578"/>
      <c r="AA3" s="2578"/>
      <c r="AB3" s="2578"/>
      <c r="AC3" s="2578"/>
      <c r="AD3" s="2578"/>
      <c r="AE3" s="2578"/>
      <c r="AF3" s="2578"/>
      <c r="AG3" s="2578"/>
      <c r="AH3" s="2578"/>
      <c r="AI3" s="2578"/>
      <c r="AJ3" s="2578"/>
      <c r="AK3" s="2578"/>
      <c r="AL3" s="2578"/>
      <c r="AM3" s="2578"/>
    </row>
    <row r="4" spans="1:39" ht="20.25" customHeight="1" x14ac:dyDescent="0.2">
      <c r="A4" s="2578"/>
      <c r="B4" s="2578"/>
      <c r="C4" s="2578"/>
      <c r="D4" s="2578"/>
      <c r="E4" s="2578"/>
      <c r="F4" s="2578"/>
      <c r="G4" s="2578"/>
      <c r="H4" s="2578"/>
      <c r="I4" s="2578"/>
      <c r="J4" s="2578"/>
      <c r="K4" s="2578"/>
      <c r="L4" s="2578"/>
      <c r="M4" s="2578"/>
      <c r="N4" s="2578"/>
      <c r="O4" s="2578"/>
      <c r="P4" s="2578"/>
      <c r="Q4" s="2578"/>
      <c r="R4" s="2578"/>
      <c r="S4" s="2578"/>
      <c r="T4" s="2578"/>
      <c r="U4" s="2578"/>
      <c r="V4" s="2578"/>
      <c r="W4" s="2578"/>
      <c r="X4" s="2578"/>
      <c r="Y4" s="2578"/>
      <c r="Z4" s="2578"/>
      <c r="AA4" s="2578"/>
      <c r="AB4" s="2578"/>
      <c r="AC4" s="2578"/>
      <c r="AD4" s="2578"/>
      <c r="AE4" s="2578"/>
      <c r="AF4" s="2578"/>
      <c r="AG4" s="2578"/>
      <c r="AH4" s="2578"/>
      <c r="AI4" s="2578"/>
      <c r="AJ4" s="2578"/>
      <c r="AK4" s="2578"/>
      <c r="AL4" s="2578"/>
      <c r="AM4" s="2578"/>
    </row>
    <row r="5" spans="1:39" ht="20.25" customHeight="1" x14ac:dyDescent="0.2"/>
    <row r="6" spans="1:39" ht="25.5" customHeight="1" x14ac:dyDescent="0.2">
      <c r="B6" s="2579" t="s">
        <v>580</v>
      </c>
      <c r="C6" s="2580"/>
      <c r="D6" s="2580"/>
      <c r="E6" s="2580"/>
      <c r="F6" s="2580"/>
      <c r="G6" s="2580"/>
      <c r="H6" s="2580"/>
      <c r="I6" s="2580"/>
      <c r="J6" s="2580"/>
      <c r="K6" s="2581"/>
      <c r="L6" s="2579"/>
      <c r="M6" s="2580"/>
      <c r="N6" s="2580"/>
      <c r="O6" s="2580"/>
      <c r="P6" s="2580"/>
      <c r="Q6" s="2580"/>
      <c r="R6" s="2580"/>
      <c r="S6" s="2580"/>
      <c r="T6" s="2580"/>
      <c r="U6" s="2580"/>
      <c r="V6" s="2580"/>
      <c r="W6" s="2580"/>
      <c r="X6" s="2580"/>
      <c r="Y6" s="2580"/>
      <c r="Z6" s="2580"/>
      <c r="AA6" s="2580"/>
      <c r="AB6" s="2580"/>
      <c r="AC6" s="2580"/>
      <c r="AD6" s="2580"/>
      <c r="AE6" s="2580"/>
      <c r="AF6" s="2580"/>
      <c r="AG6" s="2580"/>
      <c r="AH6" s="2580"/>
      <c r="AI6" s="2580"/>
      <c r="AJ6" s="2580"/>
      <c r="AK6" s="2580"/>
      <c r="AL6" s="2581"/>
    </row>
    <row r="7" spans="1:39" ht="10.5" customHeight="1" x14ac:dyDescent="0.2">
      <c r="B7" s="2582" t="s">
        <v>579</v>
      </c>
      <c r="C7" s="2583"/>
      <c r="D7" s="375"/>
      <c r="E7" s="375"/>
      <c r="F7" s="375"/>
      <c r="G7" s="375"/>
      <c r="H7" s="375"/>
      <c r="I7" s="375"/>
      <c r="J7" s="375"/>
      <c r="K7" s="375"/>
      <c r="L7" s="375"/>
      <c r="M7" s="375"/>
      <c r="N7" s="375"/>
      <c r="O7" s="375"/>
      <c r="P7" s="375"/>
      <c r="Q7" s="375"/>
      <c r="R7" s="2588" t="s">
        <v>578</v>
      </c>
      <c r="S7" s="2589"/>
      <c r="T7" s="376"/>
      <c r="U7" s="375"/>
      <c r="V7" s="375"/>
      <c r="W7" s="375"/>
      <c r="X7" s="375"/>
      <c r="Y7" s="375"/>
      <c r="Z7" s="375"/>
      <c r="AA7" s="375"/>
      <c r="AB7" s="375"/>
      <c r="AC7" s="375"/>
      <c r="AD7" s="375"/>
      <c r="AE7" s="375"/>
      <c r="AF7" s="375"/>
      <c r="AG7" s="375"/>
      <c r="AH7" s="375"/>
      <c r="AI7" s="375"/>
      <c r="AJ7" s="375"/>
      <c r="AK7" s="375"/>
      <c r="AL7" s="377"/>
    </row>
    <row r="8" spans="1:39" ht="10.5" customHeight="1" x14ac:dyDescent="0.2">
      <c r="B8" s="2584"/>
      <c r="C8" s="2585"/>
      <c r="D8" s="378"/>
      <c r="E8" s="378"/>
      <c r="F8" s="378"/>
      <c r="G8" s="378"/>
      <c r="H8" s="378"/>
      <c r="I8" s="378"/>
      <c r="J8" s="378"/>
      <c r="K8" s="378"/>
      <c r="L8" s="378"/>
      <c r="M8" s="378"/>
      <c r="N8" s="378"/>
      <c r="O8" s="378"/>
      <c r="P8" s="378"/>
      <c r="Q8" s="378"/>
      <c r="R8" s="2590"/>
      <c r="S8" s="2591"/>
      <c r="T8" s="379"/>
      <c r="U8" s="2574">
        <v>1</v>
      </c>
      <c r="V8" s="378"/>
      <c r="W8" s="2565" t="s">
        <v>577</v>
      </c>
      <c r="X8" s="2565"/>
      <c r="Y8" s="2565"/>
      <c r="Z8" s="2565"/>
      <c r="AA8" s="2565"/>
      <c r="AB8" s="2565"/>
      <c r="AC8" s="2565"/>
      <c r="AD8" s="2565"/>
      <c r="AE8" s="2565"/>
      <c r="AF8" s="2565"/>
      <c r="AG8" s="2565"/>
      <c r="AH8" s="2565"/>
      <c r="AI8" s="2565"/>
      <c r="AJ8" s="2565"/>
      <c r="AK8" s="2565"/>
      <c r="AL8" s="380"/>
    </row>
    <row r="9" spans="1:39" ht="10.5" customHeight="1" x14ac:dyDescent="0.2">
      <c r="B9" s="2584"/>
      <c r="C9" s="2585"/>
      <c r="D9" s="378"/>
      <c r="E9" s="378"/>
      <c r="F9" s="378"/>
      <c r="G9" s="378"/>
      <c r="H9" s="378"/>
      <c r="I9" s="378"/>
      <c r="J9" s="378"/>
      <c r="K9" s="378"/>
      <c r="L9" s="378"/>
      <c r="M9" s="378"/>
      <c r="N9" s="378"/>
      <c r="O9" s="378"/>
      <c r="P9" s="378"/>
      <c r="Q9" s="378"/>
      <c r="R9" s="2590"/>
      <c r="S9" s="2591"/>
      <c r="T9" s="379"/>
      <c r="U9" s="2574"/>
      <c r="V9" s="378"/>
      <c r="W9" s="2565"/>
      <c r="X9" s="2565"/>
      <c r="Y9" s="2565"/>
      <c r="Z9" s="2565"/>
      <c r="AA9" s="2565"/>
      <c r="AB9" s="2565"/>
      <c r="AC9" s="2565"/>
      <c r="AD9" s="2565"/>
      <c r="AE9" s="2565"/>
      <c r="AF9" s="2565"/>
      <c r="AG9" s="2565"/>
      <c r="AH9" s="2565"/>
      <c r="AI9" s="2565"/>
      <c r="AJ9" s="2565"/>
      <c r="AK9" s="2565"/>
      <c r="AL9" s="380"/>
    </row>
    <row r="10" spans="1:39" ht="10.5" customHeight="1" x14ac:dyDescent="0.2">
      <c r="B10" s="2584"/>
      <c r="C10" s="2585"/>
      <c r="F10" s="2566">
        <v>1</v>
      </c>
      <c r="G10" s="381"/>
      <c r="H10" s="2565" t="s">
        <v>502</v>
      </c>
      <c r="I10" s="2565"/>
      <c r="J10" s="2565"/>
      <c r="K10" s="2565"/>
      <c r="L10" s="2565"/>
      <c r="M10" s="2565"/>
      <c r="N10" s="2565"/>
      <c r="O10" s="2565"/>
      <c r="P10" s="382"/>
      <c r="Q10" s="382"/>
      <c r="R10" s="2590"/>
      <c r="S10" s="2591"/>
      <c r="T10" s="379"/>
      <c r="U10" s="2574">
        <v>2</v>
      </c>
      <c r="V10" s="378"/>
      <c r="W10" s="2565" t="s">
        <v>576</v>
      </c>
      <c r="X10" s="2565"/>
      <c r="Y10" s="2565"/>
      <c r="Z10" s="2565"/>
      <c r="AA10" s="2565"/>
      <c r="AB10" s="2565"/>
      <c r="AC10" s="2565"/>
      <c r="AD10" s="2565"/>
      <c r="AE10" s="2565"/>
      <c r="AF10" s="2565"/>
      <c r="AG10" s="2565"/>
      <c r="AH10" s="2565"/>
      <c r="AI10" s="2565"/>
      <c r="AJ10" s="2565"/>
      <c r="AK10" s="2565"/>
      <c r="AL10" s="383"/>
    </row>
    <row r="11" spans="1:39" ht="10.5" customHeight="1" x14ac:dyDescent="0.2">
      <c r="B11" s="2584"/>
      <c r="C11" s="2585"/>
      <c r="F11" s="2566"/>
      <c r="G11" s="381"/>
      <c r="H11" s="2565"/>
      <c r="I11" s="2565"/>
      <c r="J11" s="2565"/>
      <c r="K11" s="2565"/>
      <c r="L11" s="2565"/>
      <c r="M11" s="2565"/>
      <c r="N11" s="2565"/>
      <c r="O11" s="2565"/>
      <c r="P11" s="382"/>
      <c r="Q11" s="382"/>
      <c r="R11" s="2590"/>
      <c r="S11" s="2591"/>
      <c r="T11" s="379"/>
      <c r="U11" s="2574"/>
      <c r="V11" s="378"/>
      <c r="W11" s="2565"/>
      <c r="X11" s="2565"/>
      <c r="Y11" s="2565"/>
      <c r="Z11" s="2565"/>
      <c r="AA11" s="2565"/>
      <c r="AB11" s="2565"/>
      <c r="AC11" s="2565"/>
      <c r="AD11" s="2565"/>
      <c r="AE11" s="2565"/>
      <c r="AF11" s="2565"/>
      <c r="AG11" s="2565"/>
      <c r="AH11" s="2565"/>
      <c r="AI11" s="2565"/>
      <c r="AJ11" s="2565"/>
      <c r="AK11" s="2565"/>
      <c r="AL11" s="383"/>
    </row>
    <row r="12" spans="1:39" ht="10.5" customHeight="1" x14ac:dyDescent="0.2">
      <c r="B12" s="2584"/>
      <c r="C12" s="2585"/>
      <c r="F12" s="2566">
        <v>2</v>
      </c>
      <c r="G12" s="381"/>
      <c r="H12" s="2565" t="s">
        <v>575</v>
      </c>
      <c r="I12" s="2565"/>
      <c r="J12" s="2565"/>
      <c r="K12" s="2565"/>
      <c r="L12" s="2565"/>
      <c r="M12" s="2565"/>
      <c r="N12" s="2565"/>
      <c r="O12" s="2565"/>
      <c r="P12" s="382"/>
      <c r="Q12" s="382"/>
      <c r="R12" s="2590"/>
      <c r="S12" s="2591"/>
      <c r="T12" s="379"/>
      <c r="U12" s="2574">
        <v>3</v>
      </c>
      <c r="V12" s="378"/>
      <c r="W12" s="2565" t="s">
        <v>574</v>
      </c>
      <c r="X12" s="2565"/>
      <c r="Y12" s="2565"/>
      <c r="Z12" s="2565"/>
      <c r="AA12" s="2565"/>
      <c r="AB12" s="2565"/>
      <c r="AC12" s="2565"/>
      <c r="AD12" s="2565"/>
      <c r="AE12" s="2565"/>
      <c r="AF12" s="2565"/>
      <c r="AG12" s="2565"/>
      <c r="AH12" s="2565"/>
      <c r="AI12" s="2565"/>
      <c r="AJ12" s="2565"/>
      <c r="AK12" s="2565"/>
      <c r="AL12" s="380"/>
    </row>
    <row r="13" spans="1:39" ht="10.5" customHeight="1" x14ac:dyDescent="0.2">
      <c r="B13" s="2584"/>
      <c r="C13" s="2585"/>
      <c r="F13" s="2566"/>
      <c r="G13" s="381"/>
      <c r="H13" s="2565"/>
      <c r="I13" s="2565"/>
      <c r="J13" s="2565"/>
      <c r="K13" s="2565"/>
      <c r="L13" s="2565"/>
      <c r="M13" s="2565"/>
      <c r="N13" s="2565"/>
      <c r="O13" s="2565"/>
      <c r="P13" s="382"/>
      <c r="Q13" s="382"/>
      <c r="R13" s="2590"/>
      <c r="S13" s="2591"/>
      <c r="T13" s="379"/>
      <c r="U13" s="2574"/>
      <c r="V13" s="378"/>
      <c r="W13" s="2565"/>
      <c r="X13" s="2565"/>
      <c r="Y13" s="2565"/>
      <c r="Z13" s="2565"/>
      <c r="AA13" s="2565"/>
      <c r="AB13" s="2565"/>
      <c r="AC13" s="2565"/>
      <c r="AD13" s="2565"/>
      <c r="AE13" s="2565"/>
      <c r="AF13" s="2565"/>
      <c r="AG13" s="2565"/>
      <c r="AH13" s="2565"/>
      <c r="AI13" s="2565"/>
      <c r="AJ13" s="2565"/>
      <c r="AK13" s="2565"/>
      <c r="AL13" s="380"/>
    </row>
    <row r="14" spans="1:39" ht="10.5" customHeight="1" x14ac:dyDescent="0.2">
      <c r="B14" s="2584"/>
      <c r="C14" s="2585"/>
      <c r="F14" s="2566">
        <v>3</v>
      </c>
      <c r="G14" s="381"/>
      <c r="H14" s="2565" t="s">
        <v>573</v>
      </c>
      <c r="I14" s="2565"/>
      <c r="J14" s="2565"/>
      <c r="K14" s="2565"/>
      <c r="L14" s="2565"/>
      <c r="M14" s="2565"/>
      <c r="N14" s="2565"/>
      <c r="O14" s="2565"/>
      <c r="P14" s="382"/>
      <c r="Q14" s="382"/>
      <c r="R14" s="2590"/>
      <c r="S14" s="2591"/>
      <c r="T14" s="379"/>
      <c r="U14" s="2564">
        <v>4</v>
      </c>
      <c r="V14" s="378"/>
      <c r="W14" s="2565" t="s">
        <v>572</v>
      </c>
      <c r="X14" s="2565"/>
      <c r="Y14" s="2565"/>
      <c r="Z14" s="2565"/>
      <c r="AA14" s="2565"/>
      <c r="AB14" s="2565"/>
      <c r="AC14" s="2565"/>
      <c r="AD14" s="2565"/>
      <c r="AE14" s="2565"/>
      <c r="AF14" s="2565"/>
      <c r="AG14" s="2565"/>
      <c r="AH14" s="2565"/>
      <c r="AI14" s="2565"/>
      <c r="AJ14" s="2565"/>
      <c r="AK14" s="2565"/>
      <c r="AL14" s="380"/>
    </row>
    <row r="15" spans="1:39" ht="10.5" customHeight="1" x14ac:dyDescent="0.2">
      <c r="B15" s="2584"/>
      <c r="C15" s="2585"/>
      <c r="F15" s="2566"/>
      <c r="G15" s="381"/>
      <c r="H15" s="2565"/>
      <c r="I15" s="2565"/>
      <c r="J15" s="2565"/>
      <c r="K15" s="2565"/>
      <c r="L15" s="2565"/>
      <c r="M15" s="2565"/>
      <c r="N15" s="2565"/>
      <c r="O15" s="2565"/>
      <c r="P15" s="382"/>
      <c r="Q15" s="382"/>
      <c r="R15" s="2590"/>
      <c r="S15" s="2591"/>
      <c r="T15" s="379"/>
      <c r="U15" s="2564"/>
      <c r="V15" s="378"/>
      <c r="W15" s="2565"/>
      <c r="X15" s="2565"/>
      <c r="Y15" s="2565"/>
      <c r="Z15" s="2565"/>
      <c r="AA15" s="2565"/>
      <c r="AB15" s="2565"/>
      <c r="AC15" s="2565"/>
      <c r="AD15" s="2565"/>
      <c r="AE15" s="2565"/>
      <c r="AF15" s="2565"/>
      <c r="AG15" s="2565"/>
      <c r="AH15" s="2565"/>
      <c r="AI15" s="2565"/>
      <c r="AJ15" s="2565"/>
      <c r="AK15" s="2565"/>
      <c r="AL15" s="380"/>
    </row>
    <row r="16" spans="1:39" ht="10.5" customHeight="1" x14ac:dyDescent="0.2">
      <c r="B16" s="2584"/>
      <c r="C16" s="2585"/>
      <c r="F16" s="2566">
        <v>4</v>
      </c>
      <c r="G16" s="381"/>
      <c r="H16" s="2565" t="s">
        <v>571</v>
      </c>
      <c r="I16" s="2565"/>
      <c r="J16" s="2565"/>
      <c r="K16" s="2565"/>
      <c r="L16" s="2565"/>
      <c r="M16" s="2565"/>
      <c r="N16" s="2565"/>
      <c r="O16" s="2565"/>
      <c r="P16" s="382"/>
      <c r="Q16" s="382"/>
      <c r="R16" s="2590"/>
      <c r="S16" s="2591"/>
      <c r="T16" s="379"/>
      <c r="U16" s="2564">
        <v>5</v>
      </c>
      <c r="V16" s="378"/>
      <c r="W16" s="2565" t="s">
        <v>570</v>
      </c>
      <c r="X16" s="2565"/>
      <c r="Y16" s="2565"/>
      <c r="Z16" s="2565"/>
      <c r="AA16" s="2565"/>
      <c r="AB16" s="2565"/>
      <c r="AC16" s="2565"/>
      <c r="AD16" s="2565"/>
      <c r="AE16" s="2565"/>
      <c r="AF16" s="2565"/>
      <c r="AG16" s="2565"/>
      <c r="AH16" s="2565"/>
      <c r="AI16" s="2565"/>
      <c r="AJ16" s="2565"/>
      <c r="AK16" s="2565"/>
      <c r="AL16" s="380"/>
    </row>
    <row r="17" spans="2:38" ht="10.5" customHeight="1" x14ac:dyDescent="0.2">
      <c r="B17" s="2584"/>
      <c r="C17" s="2585"/>
      <c r="F17" s="2566"/>
      <c r="G17" s="381"/>
      <c r="H17" s="2565"/>
      <c r="I17" s="2565"/>
      <c r="J17" s="2565"/>
      <c r="K17" s="2565"/>
      <c r="L17" s="2565"/>
      <c r="M17" s="2565"/>
      <c r="N17" s="2565"/>
      <c r="O17" s="2565"/>
      <c r="P17" s="382"/>
      <c r="Q17" s="382"/>
      <c r="R17" s="2590"/>
      <c r="S17" s="2591"/>
      <c r="T17" s="379"/>
      <c r="U17" s="2564"/>
      <c r="V17" s="378"/>
      <c r="W17" s="2565"/>
      <c r="X17" s="2565"/>
      <c r="Y17" s="2565"/>
      <c r="Z17" s="2565"/>
      <c r="AA17" s="2565"/>
      <c r="AB17" s="2565"/>
      <c r="AC17" s="2565"/>
      <c r="AD17" s="2565"/>
      <c r="AE17" s="2565"/>
      <c r="AF17" s="2565"/>
      <c r="AG17" s="2565"/>
      <c r="AH17" s="2565"/>
      <c r="AI17" s="2565"/>
      <c r="AJ17" s="2565"/>
      <c r="AK17" s="2565"/>
      <c r="AL17" s="380"/>
    </row>
    <row r="18" spans="2:38" ht="10.5" customHeight="1" x14ac:dyDescent="0.2">
      <c r="B18" s="2584"/>
      <c r="C18" s="2585"/>
      <c r="F18" s="2566">
        <v>5</v>
      </c>
      <c r="G18" s="381"/>
      <c r="H18" s="2565" t="s">
        <v>504</v>
      </c>
      <c r="I18" s="2565"/>
      <c r="J18" s="2565"/>
      <c r="K18" s="2565"/>
      <c r="L18" s="2565"/>
      <c r="M18" s="2565"/>
      <c r="N18" s="2565"/>
      <c r="O18" s="2565"/>
      <c r="P18" s="382"/>
      <c r="Q18" s="382"/>
      <c r="R18" s="2590"/>
      <c r="S18" s="2591"/>
      <c r="T18" s="379"/>
      <c r="U18" s="2564">
        <v>6</v>
      </c>
      <c r="V18" s="378"/>
      <c r="W18" s="2565" t="s">
        <v>569</v>
      </c>
      <c r="X18" s="2565"/>
      <c r="Y18" s="2565"/>
      <c r="Z18" s="2565"/>
      <c r="AA18" s="2565"/>
      <c r="AB18" s="2565"/>
      <c r="AC18" s="2565"/>
      <c r="AD18" s="2565"/>
      <c r="AE18" s="2565"/>
      <c r="AF18" s="2565"/>
      <c r="AG18" s="2565"/>
      <c r="AH18" s="2565"/>
      <c r="AI18" s="2565"/>
      <c r="AJ18" s="2565"/>
      <c r="AK18" s="2565"/>
      <c r="AL18" s="380"/>
    </row>
    <row r="19" spans="2:38" ht="10.5" customHeight="1" x14ac:dyDescent="0.2">
      <c r="B19" s="2584"/>
      <c r="C19" s="2585"/>
      <c r="F19" s="2566"/>
      <c r="G19" s="381"/>
      <c r="H19" s="2565"/>
      <c r="I19" s="2565"/>
      <c r="J19" s="2565"/>
      <c r="K19" s="2565"/>
      <c r="L19" s="2565"/>
      <c r="M19" s="2565"/>
      <c r="N19" s="2565"/>
      <c r="O19" s="2565"/>
      <c r="P19" s="382"/>
      <c r="Q19" s="382"/>
      <c r="R19" s="2590"/>
      <c r="S19" s="2591"/>
      <c r="T19" s="379"/>
      <c r="U19" s="2564"/>
      <c r="V19" s="378"/>
      <c r="W19" s="2565"/>
      <c r="X19" s="2565"/>
      <c r="Y19" s="2565"/>
      <c r="Z19" s="2565"/>
      <c r="AA19" s="2565"/>
      <c r="AB19" s="2565"/>
      <c r="AC19" s="2565"/>
      <c r="AD19" s="2565"/>
      <c r="AE19" s="2565"/>
      <c r="AF19" s="2565"/>
      <c r="AG19" s="2565"/>
      <c r="AH19" s="2565"/>
      <c r="AI19" s="2565"/>
      <c r="AJ19" s="2565"/>
      <c r="AK19" s="2565"/>
      <c r="AL19" s="380"/>
    </row>
    <row r="20" spans="2:38" ht="10.5" customHeight="1" x14ac:dyDescent="0.2">
      <c r="B20" s="2584"/>
      <c r="C20" s="2585"/>
      <c r="D20" s="378"/>
      <c r="E20" s="378"/>
      <c r="F20" s="378"/>
      <c r="G20" s="378"/>
      <c r="H20" s="378"/>
      <c r="I20" s="378"/>
      <c r="J20" s="378"/>
      <c r="K20" s="378"/>
      <c r="L20" s="378"/>
      <c r="M20" s="378"/>
      <c r="N20" s="378"/>
      <c r="O20" s="378"/>
      <c r="P20" s="378"/>
      <c r="Q20" s="378"/>
      <c r="R20" s="2590"/>
      <c r="S20" s="2591"/>
      <c r="T20" s="379"/>
      <c r="U20" s="2564">
        <v>7</v>
      </c>
      <c r="V20" s="378"/>
      <c r="W20" s="2565" t="s">
        <v>568</v>
      </c>
      <c r="X20" s="2565"/>
      <c r="Y20" s="2565"/>
      <c r="Z20" s="2565"/>
      <c r="AA20" s="2565"/>
      <c r="AB20" s="2565"/>
      <c r="AC20" s="2565"/>
      <c r="AD20" s="2565"/>
      <c r="AE20" s="2565"/>
      <c r="AF20" s="2565"/>
      <c r="AG20" s="2565"/>
      <c r="AH20" s="2565"/>
      <c r="AI20" s="2565"/>
      <c r="AJ20" s="2565"/>
      <c r="AK20" s="2565"/>
      <c r="AL20" s="380"/>
    </row>
    <row r="21" spans="2:38" ht="10.5" customHeight="1" x14ac:dyDescent="0.2">
      <c r="B21" s="2584"/>
      <c r="C21" s="2585"/>
      <c r="D21" s="378"/>
      <c r="E21" s="378"/>
      <c r="F21" s="378"/>
      <c r="G21" s="378"/>
      <c r="H21" s="378"/>
      <c r="I21" s="378"/>
      <c r="J21" s="378"/>
      <c r="K21" s="378"/>
      <c r="L21" s="378"/>
      <c r="M21" s="378"/>
      <c r="N21" s="378"/>
      <c r="O21" s="378"/>
      <c r="P21" s="378"/>
      <c r="Q21" s="378"/>
      <c r="R21" s="2590"/>
      <c r="S21" s="2591"/>
      <c r="T21" s="379"/>
      <c r="U21" s="2564"/>
      <c r="V21" s="378"/>
      <c r="W21" s="2565"/>
      <c r="X21" s="2565"/>
      <c r="Y21" s="2565"/>
      <c r="Z21" s="2565"/>
      <c r="AA21" s="2565"/>
      <c r="AB21" s="2565"/>
      <c r="AC21" s="2565"/>
      <c r="AD21" s="2565"/>
      <c r="AE21" s="2565"/>
      <c r="AF21" s="2565"/>
      <c r="AG21" s="2565"/>
      <c r="AH21" s="2565"/>
      <c r="AI21" s="2565"/>
      <c r="AJ21" s="2565"/>
      <c r="AK21" s="2565"/>
      <c r="AL21" s="380"/>
    </row>
    <row r="22" spans="2:38" ht="10.5" customHeight="1" x14ac:dyDescent="0.2">
      <c r="B22" s="2584"/>
      <c r="C22" s="2585"/>
      <c r="D22" s="378"/>
      <c r="E22" s="378"/>
      <c r="F22" s="378"/>
      <c r="G22" s="378"/>
      <c r="H22" s="378"/>
      <c r="I22" s="378"/>
      <c r="J22" s="378"/>
      <c r="K22" s="378"/>
      <c r="L22" s="378"/>
      <c r="M22" s="378"/>
      <c r="N22" s="378"/>
      <c r="O22" s="378"/>
      <c r="P22" s="378"/>
      <c r="Q22" s="378"/>
      <c r="R22" s="2590"/>
      <c r="S22" s="2591"/>
      <c r="T22" s="379"/>
      <c r="U22" s="2564">
        <v>8</v>
      </c>
      <c r="V22" s="378"/>
      <c r="W22" s="2565" t="s">
        <v>567</v>
      </c>
      <c r="X22" s="2565"/>
      <c r="Y22" s="2565"/>
      <c r="Z22" s="2565"/>
      <c r="AA22" s="2565"/>
      <c r="AB22" s="2565"/>
      <c r="AC22" s="2565"/>
      <c r="AD22" s="2565"/>
      <c r="AE22" s="2565"/>
      <c r="AF22" s="2565"/>
      <c r="AG22" s="2565"/>
      <c r="AH22" s="2565"/>
      <c r="AI22" s="2565"/>
      <c r="AJ22" s="2565"/>
      <c r="AK22" s="2565"/>
      <c r="AL22" s="380"/>
    </row>
    <row r="23" spans="2:38" ht="10.5" customHeight="1" x14ac:dyDescent="0.2">
      <c r="B23" s="2584"/>
      <c r="C23" s="2585"/>
      <c r="D23" s="378"/>
      <c r="E23" s="378"/>
      <c r="F23" s="378"/>
      <c r="G23" s="378"/>
      <c r="H23" s="378"/>
      <c r="I23" s="378"/>
      <c r="J23" s="378"/>
      <c r="K23" s="378"/>
      <c r="L23" s="378"/>
      <c r="M23" s="378"/>
      <c r="N23" s="378"/>
      <c r="O23" s="378"/>
      <c r="P23" s="378"/>
      <c r="Q23" s="378"/>
      <c r="R23" s="2590"/>
      <c r="S23" s="2591"/>
      <c r="T23" s="379"/>
      <c r="U23" s="2564"/>
      <c r="V23" s="378"/>
      <c r="W23" s="2565"/>
      <c r="X23" s="2565"/>
      <c r="Y23" s="2565"/>
      <c r="Z23" s="2565"/>
      <c r="AA23" s="2565"/>
      <c r="AB23" s="2565"/>
      <c r="AC23" s="2565"/>
      <c r="AD23" s="2565"/>
      <c r="AE23" s="2565"/>
      <c r="AF23" s="2565"/>
      <c r="AG23" s="2565"/>
      <c r="AH23" s="2565"/>
      <c r="AI23" s="2565"/>
      <c r="AJ23" s="2565"/>
      <c r="AK23" s="2565"/>
      <c r="AL23" s="380"/>
    </row>
    <row r="24" spans="2:38" ht="10.5" customHeight="1" x14ac:dyDescent="0.2">
      <c r="B24" s="2586"/>
      <c r="C24" s="2587"/>
      <c r="D24" s="384"/>
      <c r="E24" s="384"/>
      <c r="F24" s="384"/>
      <c r="G24" s="384"/>
      <c r="H24" s="384"/>
      <c r="I24" s="384"/>
      <c r="J24" s="384"/>
      <c r="K24" s="384"/>
      <c r="L24" s="384"/>
      <c r="M24" s="384"/>
      <c r="N24" s="384"/>
      <c r="O24" s="384"/>
      <c r="P24" s="384"/>
      <c r="Q24" s="384"/>
      <c r="R24" s="2592"/>
      <c r="S24" s="2593"/>
      <c r="T24" s="385"/>
      <c r="U24" s="386"/>
      <c r="V24" s="384"/>
      <c r="W24" s="387"/>
      <c r="X24" s="387"/>
      <c r="Y24" s="387"/>
      <c r="Z24" s="387"/>
      <c r="AA24" s="387"/>
      <c r="AB24" s="387"/>
      <c r="AC24" s="387"/>
      <c r="AD24" s="387"/>
      <c r="AE24" s="387"/>
      <c r="AF24" s="387"/>
      <c r="AG24" s="387"/>
      <c r="AH24" s="387"/>
      <c r="AI24" s="387"/>
      <c r="AJ24" s="387"/>
      <c r="AK24" s="387"/>
      <c r="AL24" s="388"/>
    </row>
    <row r="25" spans="2:38" ht="13.5" customHeight="1" x14ac:dyDescent="0.2">
      <c r="B25" s="2567" t="s">
        <v>725</v>
      </c>
      <c r="C25" s="2568"/>
      <c r="D25" s="375"/>
      <c r="E25" s="375"/>
      <c r="F25" s="375"/>
      <c r="G25" s="375"/>
      <c r="H25" s="375"/>
      <c r="I25" s="375"/>
      <c r="J25" s="375"/>
      <c r="K25" s="375"/>
      <c r="L25" s="375"/>
      <c r="M25" s="375"/>
      <c r="N25" s="375"/>
      <c r="O25" s="375"/>
      <c r="P25" s="375"/>
      <c r="Q25" s="375"/>
      <c r="R25" s="389"/>
      <c r="S25" s="389"/>
      <c r="T25" s="375"/>
      <c r="U25" s="375"/>
      <c r="V25" s="375"/>
      <c r="W25" s="390"/>
      <c r="X25" s="390"/>
      <c r="Y25" s="390"/>
      <c r="Z25" s="390"/>
      <c r="AA25" s="390"/>
      <c r="AB25" s="390"/>
      <c r="AC25" s="390"/>
      <c r="AD25" s="390"/>
      <c r="AE25" s="390"/>
      <c r="AF25" s="390"/>
      <c r="AG25" s="390"/>
      <c r="AH25" s="390"/>
      <c r="AI25" s="390"/>
      <c r="AJ25" s="390"/>
      <c r="AK25" s="390"/>
      <c r="AL25" s="377"/>
    </row>
    <row r="26" spans="2:38" x14ac:dyDescent="0.2">
      <c r="B26" s="2569"/>
      <c r="C26" s="2570"/>
      <c r="D26" s="378"/>
      <c r="E26" s="2573"/>
      <c r="F26" s="2573"/>
      <c r="G26" s="391" t="s">
        <v>565</v>
      </c>
      <c r="H26" s="391"/>
      <c r="I26" s="391"/>
      <c r="J26" s="391"/>
      <c r="K26" s="391"/>
      <c r="L26" s="391"/>
      <c r="M26" s="391"/>
      <c r="N26" s="391"/>
      <c r="O26" s="392"/>
      <c r="P26" s="378"/>
      <c r="Q26" s="378"/>
      <c r="R26" s="378"/>
      <c r="S26" s="378"/>
      <c r="T26" s="378"/>
      <c r="U26" s="378"/>
      <c r="V26" s="378"/>
      <c r="W26" s="378"/>
      <c r="X26" s="378"/>
      <c r="Y26" s="378"/>
      <c r="Z26" s="378"/>
      <c r="AA26" s="378"/>
      <c r="AB26" s="378"/>
      <c r="AC26" s="378"/>
      <c r="AD26" s="378"/>
      <c r="AE26" s="378"/>
      <c r="AF26" s="378"/>
      <c r="AG26" s="378"/>
      <c r="AH26" s="378"/>
      <c r="AI26" s="378"/>
      <c r="AJ26" s="378"/>
      <c r="AK26" s="378"/>
      <c r="AL26" s="393"/>
    </row>
    <row r="27" spans="2:38" x14ac:dyDescent="0.2">
      <c r="B27" s="2569"/>
      <c r="C27" s="2570"/>
      <c r="D27" s="378"/>
      <c r="E27" s="2573"/>
      <c r="F27" s="2573"/>
      <c r="G27" s="2558" t="s">
        <v>726</v>
      </c>
      <c r="H27" s="2559"/>
      <c r="I27" s="2559"/>
      <c r="J27" s="2560"/>
      <c r="K27" s="2558" t="s">
        <v>727</v>
      </c>
      <c r="L27" s="2559"/>
      <c r="M27" s="2559"/>
      <c r="N27" s="2560"/>
      <c r="O27" s="392"/>
      <c r="P27" s="378"/>
      <c r="Q27" s="378"/>
      <c r="R27" s="378"/>
      <c r="S27" s="378"/>
      <c r="T27" s="378"/>
      <c r="U27" s="378"/>
      <c r="V27" s="378"/>
      <c r="W27" s="378"/>
      <c r="X27" s="378"/>
      <c r="Y27" s="378"/>
      <c r="Z27" s="378"/>
      <c r="AA27" s="378"/>
      <c r="AB27" s="378"/>
      <c r="AC27" s="378"/>
      <c r="AD27" s="378"/>
      <c r="AE27" s="378"/>
      <c r="AF27" s="378"/>
      <c r="AG27" s="378"/>
      <c r="AH27" s="378"/>
      <c r="AI27" s="378"/>
      <c r="AJ27" s="378"/>
      <c r="AK27" s="378"/>
      <c r="AL27" s="393"/>
    </row>
    <row r="28" spans="2:38" x14ac:dyDescent="0.2">
      <c r="B28" s="2569"/>
      <c r="C28" s="2570"/>
      <c r="D28" s="378"/>
      <c r="E28" s="2573"/>
      <c r="F28" s="2573"/>
      <c r="G28" s="2561" t="s">
        <v>728</v>
      </c>
      <c r="H28" s="2562"/>
      <c r="I28" s="2562"/>
      <c r="J28" s="2563"/>
      <c r="K28" s="2561" t="s">
        <v>728</v>
      </c>
      <c r="L28" s="2562"/>
      <c r="M28" s="2562"/>
      <c r="N28" s="2563"/>
      <c r="O28" s="392"/>
      <c r="P28" s="378"/>
      <c r="Q28" s="378"/>
      <c r="R28" s="378"/>
      <c r="S28" s="378"/>
      <c r="T28" s="378"/>
      <c r="U28" s="378"/>
      <c r="V28" s="378"/>
      <c r="W28" s="378"/>
      <c r="X28" s="378"/>
      <c r="Y28" s="378"/>
      <c r="Z28" s="378"/>
      <c r="AA28" s="378"/>
      <c r="AB28" s="378"/>
      <c r="AC28" s="378"/>
      <c r="AD28" s="378"/>
      <c r="AE28" s="378"/>
      <c r="AF28" s="378"/>
      <c r="AG28" s="378"/>
      <c r="AH28" s="378"/>
      <c r="AI28" s="378"/>
      <c r="AJ28" s="378"/>
      <c r="AK28" s="378"/>
      <c r="AL28" s="393"/>
    </row>
    <row r="29" spans="2:38" ht="11.25" customHeight="1" x14ac:dyDescent="0.2">
      <c r="B29" s="2569"/>
      <c r="C29" s="2570"/>
      <c r="D29" s="378"/>
      <c r="E29" s="2547" t="s">
        <v>564</v>
      </c>
      <c r="F29" s="2547"/>
      <c r="G29" s="2549"/>
      <c r="H29" s="2550"/>
      <c r="I29" s="2551"/>
      <c r="J29" s="2555" t="s">
        <v>69</v>
      </c>
      <c r="K29" s="2549"/>
      <c r="L29" s="2550"/>
      <c r="M29" s="2551"/>
      <c r="N29" s="2555" t="s">
        <v>69</v>
      </c>
      <c r="O29" s="394"/>
      <c r="P29" s="378"/>
      <c r="Q29" s="378"/>
      <c r="R29" s="378"/>
      <c r="S29" s="378"/>
      <c r="T29" s="378"/>
      <c r="U29" s="378"/>
      <c r="V29" s="378"/>
      <c r="W29" s="378"/>
      <c r="X29" s="378"/>
      <c r="Y29" s="378"/>
      <c r="Z29" s="378"/>
      <c r="AA29" s="378"/>
      <c r="AB29" s="378"/>
      <c r="AC29" s="378"/>
      <c r="AD29" s="378"/>
      <c r="AE29" s="378"/>
      <c r="AF29" s="378"/>
      <c r="AG29" s="378"/>
      <c r="AH29" s="378"/>
      <c r="AI29" s="378"/>
      <c r="AJ29" s="378"/>
      <c r="AK29" s="378"/>
      <c r="AL29" s="393"/>
    </row>
    <row r="30" spans="2:38" ht="11.25" customHeight="1" x14ac:dyDescent="0.2">
      <c r="B30" s="2569"/>
      <c r="C30" s="2570"/>
      <c r="D30" s="378"/>
      <c r="E30" s="2547"/>
      <c r="F30" s="2547"/>
      <c r="G30" s="2552"/>
      <c r="H30" s="2553"/>
      <c r="I30" s="2554"/>
      <c r="J30" s="2556"/>
      <c r="K30" s="2552"/>
      <c r="L30" s="2553"/>
      <c r="M30" s="2554"/>
      <c r="N30" s="2556"/>
      <c r="O30" s="394"/>
      <c r="P30" s="378"/>
      <c r="Q30" s="378"/>
      <c r="R30" s="378"/>
      <c r="S30" s="378"/>
      <c r="T30" s="378"/>
      <c r="U30" s="378"/>
      <c r="V30" s="378"/>
      <c r="W30" s="378"/>
      <c r="X30" s="378"/>
      <c r="Y30" s="378"/>
      <c r="Z30" s="378"/>
      <c r="AA30" s="378"/>
      <c r="AB30" s="378"/>
      <c r="AC30" s="378"/>
      <c r="AD30" s="378"/>
      <c r="AE30" s="378"/>
      <c r="AF30" s="378"/>
      <c r="AG30" s="378"/>
      <c r="AH30" s="378"/>
      <c r="AI30" s="378"/>
      <c r="AJ30" s="378"/>
      <c r="AK30" s="378"/>
      <c r="AL30" s="393"/>
    </row>
    <row r="31" spans="2:38" ht="11.25" customHeight="1" x14ac:dyDescent="0.2">
      <c r="B31" s="2569"/>
      <c r="C31" s="2570"/>
      <c r="D31" s="378"/>
      <c r="E31" s="2547" t="s">
        <v>563</v>
      </c>
      <c r="F31" s="2547"/>
      <c r="G31" s="2549"/>
      <c r="H31" s="2550"/>
      <c r="I31" s="2551"/>
      <c r="J31" s="2555" t="s">
        <v>69</v>
      </c>
      <c r="K31" s="2549"/>
      <c r="L31" s="2550"/>
      <c r="M31" s="2551"/>
      <c r="N31" s="2555" t="s">
        <v>69</v>
      </c>
      <c r="O31" s="394"/>
      <c r="P31" s="378"/>
      <c r="Q31" s="378"/>
      <c r="R31" s="378"/>
      <c r="S31" s="378"/>
      <c r="T31" s="378"/>
      <c r="U31" s="378"/>
      <c r="V31" s="378"/>
      <c r="W31" s="378"/>
      <c r="X31" s="378"/>
      <c r="Y31" s="378"/>
      <c r="Z31" s="378"/>
      <c r="AA31" s="378"/>
      <c r="AB31" s="378"/>
      <c r="AC31" s="378"/>
      <c r="AD31" s="378"/>
      <c r="AE31" s="378"/>
      <c r="AF31" s="378"/>
      <c r="AG31" s="378"/>
      <c r="AH31" s="378"/>
      <c r="AI31" s="378"/>
      <c r="AJ31" s="378"/>
      <c r="AK31" s="378"/>
      <c r="AL31" s="393"/>
    </row>
    <row r="32" spans="2:38" ht="11.25" customHeight="1" x14ac:dyDescent="0.2">
      <c r="B32" s="2569"/>
      <c r="C32" s="2570"/>
      <c r="D32" s="378"/>
      <c r="E32" s="2547"/>
      <c r="F32" s="2547"/>
      <c r="G32" s="2552"/>
      <c r="H32" s="2553"/>
      <c r="I32" s="2554"/>
      <c r="J32" s="2556"/>
      <c r="K32" s="2552"/>
      <c r="L32" s="2553"/>
      <c r="M32" s="2554"/>
      <c r="N32" s="2556"/>
      <c r="O32" s="394"/>
      <c r="P32" s="378"/>
      <c r="Q32" s="378"/>
      <c r="R32" s="378"/>
      <c r="S32" s="378"/>
      <c r="T32" s="378"/>
      <c r="U32" s="378"/>
      <c r="V32" s="378"/>
      <c r="W32" s="378"/>
      <c r="X32" s="378"/>
      <c r="Y32" s="378"/>
      <c r="Z32" s="378"/>
      <c r="AA32" s="378"/>
      <c r="AB32" s="378"/>
      <c r="AC32" s="378"/>
      <c r="AD32" s="378"/>
      <c r="AE32" s="378"/>
      <c r="AF32" s="378"/>
      <c r="AG32" s="378"/>
      <c r="AH32" s="378"/>
      <c r="AI32" s="378"/>
      <c r="AJ32" s="378"/>
      <c r="AK32" s="378"/>
      <c r="AL32" s="393"/>
    </row>
    <row r="33" spans="2:38" ht="11.25" customHeight="1" x14ac:dyDescent="0.2">
      <c r="B33" s="2569"/>
      <c r="C33" s="2570"/>
      <c r="D33" s="378"/>
      <c r="E33" s="2547" t="s">
        <v>562</v>
      </c>
      <c r="F33" s="2547"/>
      <c r="G33" s="2549"/>
      <c r="H33" s="2550"/>
      <c r="I33" s="2551"/>
      <c r="J33" s="2555" t="s">
        <v>69</v>
      </c>
      <c r="K33" s="2549"/>
      <c r="L33" s="2550"/>
      <c r="M33" s="2551"/>
      <c r="N33" s="2555" t="s">
        <v>69</v>
      </c>
      <c r="O33" s="394"/>
      <c r="P33" s="378"/>
      <c r="Q33" s="378"/>
      <c r="R33" s="378"/>
      <c r="S33" s="378"/>
      <c r="T33" s="378"/>
      <c r="U33" s="378"/>
      <c r="V33" s="378"/>
      <c r="W33" s="378"/>
      <c r="X33" s="378"/>
      <c r="Y33" s="378"/>
      <c r="Z33" s="378"/>
      <c r="AA33" s="378"/>
      <c r="AB33" s="378"/>
      <c r="AC33" s="378"/>
      <c r="AD33" s="378"/>
      <c r="AE33" s="378"/>
      <c r="AF33" s="378"/>
      <c r="AG33" s="378"/>
      <c r="AH33" s="378"/>
      <c r="AI33" s="378"/>
      <c r="AJ33" s="378"/>
      <c r="AK33" s="378"/>
      <c r="AL33" s="393"/>
    </row>
    <row r="34" spans="2:38" ht="11.25" customHeight="1" x14ac:dyDescent="0.2">
      <c r="B34" s="2569"/>
      <c r="C34" s="2570"/>
      <c r="D34" s="378"/>
      <c r="E34" s="2547"/>
      <c r="F34" s="2547"/>
      <c r="G34" s="2552"/>
      <c r="H34" s="2553"/>
      <c r="I34" s="2554"/>
      <c r="J34" s="2556"/>
      <c r="K34" s="2552"/>
      <c r="L34" s="2553"/>
      <c r="M34" s="2554"/>
      <c r="N34" s="2556"/>
      <c r="O34" s="394"/>
      <c r="P34" s="378"/>
      <c r="Q34" s="378"/>
      <c r="R34" s="378"/>
      <c r="S34" s="378"/>
      <c r="T34" s="378"/>
      <c r="U34" s="378"/>
      <c r="V34" s="378"/>
      <c r="W34" s="378"/>
      <c r="X34" s="378"/>
      <c r="Y34" s="378"/>
      <c r="Z34" s="378"/>
      <c r="AA34" s="378"/>
      <c r="AB34" s="378"/>
      <c r="AC34" s="378"/>
      <c r="AD34" s="378"/>
      <c r="AE34" s="378"/>
      <c r="AF34" s="378"/>
      <c r="AG34" s="378"/>
      <c r="AH34" s="378"/>
      <c r="AI34" s="378"/>
      <c r="AJ34" s="378"/>
      <c r="AK34" s="378"/>
      <c r="AL34" s="393"/>
    </row>
    <row r="35" spans="2:38" ht="11.25" customHeight="1" x14ac:dyDescent="0.2">
      <c r="B35" s="2569"/>
      <c r="C35" s="2570"/>
      <c r="D35" s="378"/>
      <c r="E35" s="2547" t="s">
        <v>561</v>
      </c>
      <c r="F35" s="2547"/>
      <c r="G35" s="2549"/>
      <c r="H35" s="2550"/>
      <c r="I35" s="2551"/>
      <c r="J35" s="2555" t="s">
        <v>69</v>
      </c>
      <c r="K35" s="2549"/>
      <c r="L35" s="2550"/>
      <c r="M35" s="2551"/>
      <c r="N35" s="2555" t="s">
        <v>69</v>
      </c>
      <c r="O35" s="394"/>
      <c r="P35" s="378"/>
      <c r="Q35" s="378"/>
      <c r="R35" s="378"/>
      <c r="S35" s="378"/>
      <c r="T35" s="378"/>
      <c r="U35" s="378"/>
      <c r="V35" s="378"/>
      <c r="W35" s="378"/>
      <c r="X35" s="378"/>
      <c r="Y35" s="378"/>
      <c r="Z35" s="378"/>
      <c r="AA35" s="378"/>
      <c r="AB35" s="378"/>
      <c r="AC35" s="378"/>
      <c r="AD35" s="378"/>
      <c r="AE35" s="378"/>
      <c r="AF35" s="378"/>
      <c r="AG35" s="378"/>
      <c r="AH35" s="378"/>
      <c r="AI35" s="378"/>
      <c r="AJ35" s="378"/>
      <c r="AK35" s="378"/>
      <c r="AL35" s="393"/>
    </row>
    <row r="36" spans="2:38" ht="11.25" customHeight="1" x14ac:dyDescent="0.2">
      <c r="B36" s="2569"/>
      <c r="C36" s="2570"/>
      <c r="D36" s="378"/>
      <c r="E36" s="2547"/>
      <c r="F36" s="2547"/>
      <c r="G36" s="2552"/>
      <c r="H36" s="2553"/>
      <c r="I36" s="2554"/>
      <c r="J36" s="2556"/>
      <c r="K36" s="2552"/>
      <c r="L36" s="2553"/>
      <c r="M36" s="2554"/>
      <c r="N36" s="2556"/>
      <c r="O36" s="394"/>
      <c r="P36" s="378"/>
      <c r="Q36" s="378"/>
      <c r="R36" s="378"/>
      <c r="S36" s="378"/>
      <c r="T36" s="378"/>
      <c r="U36" s="378"/>
      <c r="V36" s="378"/>
      <c r="W36" s="378"/>
      <c r="X36" s="378"/>
      <c r="Y36" s="378"/>
      <c r="Z36" s="378"/>
      <c r="AA36" s="378"/>
      <c r="AB36" s="378"/>
      <c r="AC36" s="378"/>
      <c r="AD36" s="378"/>
      <c r="AE36" s="378"/>
      <c r="AF36" s="378"/>
      <c r="AG36" s="378"/>
      <c r="AH36" s="378"/>
      <c r="AI36" s="378"/>
      <c r="AJ36" s="378"/>
      <c r="AK36" s="378"/>
      <c r="AL36" s="393"/>
    </row>
    <row r="37" spans="2:38" ht="11.25" customHeight="1" x14ac:dyDescent="0.2">
      <c r="B37" s="2569"/>
      <c r="C37" s="2570"/>
      <c r="D37" s="378"/>
      <c r="E37" s="2547" t="s">
        <v>560</v>
      </c>
      <c r="F37" s="2547"/>
      <c r="G37" s="2549"/>
      <c r="H37" s="2550"/>
      <c r="I37" s="2551"/>
      <c r="J37" s="2555" t="s">
        <v>69</v>
      </c>
      <c r="K37" s="2549"/>
      <c r="L37" s="2550"/>
      <c r="M37" s="2551"/>
      <c r="N37" s="2555" t="s">
        <v>69</v>
      </c>
      <c r="O37" s="394"/>
      <c r="P37" s="378"/>
      <c r="Q37" s="378"/>
      <c r="R37" s="378"/>
      <c r="S37" s="378"/>
      <c r="T37" s="378"/>
      <c r="U37" s="378"/>
      <c r="V37" s="378"/>
      <c r="W37" s="378"/>
      <c r="X37" s="378"/>
      <c r="Y37" s="378"/>
      <c r="Z37" s="378"/>
      <c r="AA37" s="378"/>
      <c r="AB37" s="378"/>
      <c r="AC37" s="378"/>
      <c r="AD37" s="378"/>
      <c r="AE37" s="378"/>
      <c r="AF37" s="378"/>
      <c r="AG37" s="378"/>
      <c r="AH37" s="378"/>
      <c r="AI37" s="378"/>
      <c r="AJ37" s="378"/>
      <c r="AK37" s="378"/>
      <c r="AL37" s="393"/>
    </row>
    <row r="38" spans="2:38" ht="11.25" customHeight="1" x14ac:dyDescent="0.2">
      <c r="B38" s="2569"/>
      <c r="C38" s="2570"/>
      <c r="D38" s="378"/>
      <c r="E38" s="2547"/>
      <c r="F38" s="2547"/>
      <c r="G38" s="2552"/>
      <c r="H38" s="2553"/>
      <c r="I38" s="2554"/>
      <c r="J38" s="2556"/>
      <c r="K38" s="2552"/>
      <c r="L38" s="2553"/>
      <c r="M38" s="2554"/>
      <c r="N38" s="2556"/>
      <c r="O38" s="394"/>
      <c r="P38" s="378"/>
      <c r="Q38" s="378"/>
      <c r="R38" s="378"/>
      <c r="S38" s="378"/>
      <c r="T38" s="378"/>
      <c r="U38" s="378"/>
      <c r="V38" s="378"/>
      <c r="W38" s="378"/>
      <c r="X38" s="378"/>
      <c r="Y38" s="378"/>
      <c r="Z38" s="378"/>
      <c r="AA38" s="378"/>
      <c r="AB38" s="378"/>
      <c r="AC38" s="378"/>
      <c r="AD38" s="378"/>
      <c r="AE38" s="378"/>
      <c r="AF38" s="378"/>
      <c r="AG38" s="378"/>
      <c r="AH38" s="378"/>
      <c r="AI38" s="378"/>
      <c r="AJ38" s="378"/>
      <c r="AK38" s="378"/>
      <c r="AL38" s="393"/>
    </row>
    <row r="39" spans="2:38" ht="11.25" customHeight="1" x14ac:dyDescent="0.2">
      <c r="B39" s="2569"/>
      <c r="C39" s="2570"/>
      <c r="D39" s="378"/>
      <c r="E39" s="2547" t="s">
        <v>559</v>
      </c>
      <c r="F39" s="2547"/>
      <c r="G39" s="2549"/>
      <c r="H39" s="2550"/>
      <c r="I39" s="2551"/>
      <c r="J39" s="2555" t="s">
        <v>69</v>
      </c>
      <c r="K39" s="2549"/>
      <c r="L39" s="2550"/>
      <c r="M39" s="2551"/>
      <c r="N39" s="2555" t="s">
        <v>69</v>
      </c>
      <c r="O39" s="394"/>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93"/>
    </row>
    <row r="40" spans="2:38" ht="11.25" customHeight="1" x14ac:dyDescent="0.2">
      <c r="B40" s="2569"/>
      <c r="C40" s="2570"/>
      <c r="D40" s="378"/>
      <c r="E40" s="2547"/>
      <c r="F40" s="2547"/>
      <c r="G40" s="2552"/>
      <c r="H40" s="2553"/>
      <c r="I40" s="2554"/>
      <c r="J40" s="2556"/>
      <c r="K40" s="2552"/>
      <c r="L40" s="2553"/>
      <c r="M40" s="2554"/>
      <c r="N40" s="2556"/>
      <c r="O40" s="394"/>
      <c r="P40" s="378"/>
      <c r="Q40" s="378"/>
      <c r="R40" s="378"/>
      <c r="S40" s="378"/>
      <c r="T40" s="378"/>
      <c r="U40" s="378"/>
      <c r="V40" s="378"/>
      <c r="W40" s="378"/>
      <c r="X40" s="378"/>
      <c r="Y40" s="378"/>
      <c r="Z40" s="378"/>
      <c r="AA40" s="378"/>
      <c r="AB40" s="378"/>
      <c r="AC40" s="378"/>
      <c r="AD40" s="378"/>
      <c r="AE40" s="378"/>
      <c r="AF40" s="378"/>
      <c r="AG40" s="378"/>
      <c r="AH40" s="378"/>
      <c r="AI40" s="378"/>
      <c r="AJ40" s="378"/>
      <c r="AK40" s="378"/>
      <c r="AL40" s="393"/>
    </row>
    <row r="41" spans="2:38" ht="11.25" customHeight="1" x14ac:dyDescent="0.2">
      <c r="B41" s="2569"/>
      <c r="C41" s="2570"/>
      <c r="D41" s="378"/>
      <c r="E41" s="2547" t="s">
        <v>558</v>
      </c>
      <c r="F41" s="2547"/>
      <c r="G41" s="2549"/>
      <c r="H41" s="2550"/>
      <c r="I41" s="2551"/>
      <c r="J41" s="2555" t="s">
        <v>69</v>
      </c>
      <c r="K41" s="2549"/>
      <c r="L41" s="2550"/>
      <c r="M41" s="2551"/>
      <c r="N41" s="2555" t="s">
        <v>69</v>
      </c>
      <c r="O41" s="394"/>
      <c r="P41" s="378"/>
      <c r="Q41" s="378"/>
      <c r="R41" s="378"/>
      <c r="S41" s="378"/>
      <c r="T41" s="378"/>
      <c r="U41" s="378"/>
      <c r="V41" s="378"/>
      <c r="W41" s="378"/>
      <c r="X41" s="378"/>
      <c r="Y41" s="378"/>
      <c r="Z41" s="378"/>
      <c r="AA41" s="378"/>
      <c r="AB41" s="378"/>
      <c r="AC41" s="378"/>
      <c r="AD41" s="378"/>
      <c r="AE41" s="378"/>
      <c r="AF41" s="378"/>
      <c r="AG41" s="378"/>
      <c r="AH41" s="378"/>
      <c r="AI41" s="378"/>
      <c r="AJ41" s="378"/>
      <c r="AK41" s="378"/>
      <c r="AL41" s="393"/>
    </row>
    <row r="42" spans="2:38" ht="11.25" customHeight="1" x14ac:dyDescent="0.2">
      <c r="B42" s="2569"/>
      <c r="C42" s="2570"/>
      <c r="D42" s="378"/>
      <c r="E42" s="2547"/>
      <c r="F42" s="2547"/>
      <c r="G42" s="2552"/>
      <c r="H42" s="2553"/>
      <c r="I42" s="2554"/>
      <c r="J42" s="2556"/>
      <c r="K42" s="2552"/>
      <c r="L42" s="2553"/>
      <c r="M42" s="2554"/>
      <c r="N42" s="2556"/>
      <c r="O42" s="394"/>
      <c r="P42" s="378"/>
      <c r="Q42" s="378"/>
      <c r="R42" s="378"/>
      <c r="S42" s="378"/>
      <c r="T42" s="378"/>
      <c r="U42" s="378"/>
      <c r="V42" s="378"/>
      <c r="W42" s="378"/>
      <c r="X42" s="378"/>
      <c r="Y42" s="378"/>
      <c r="Z42" s="378"/>
      <c r="AA42" s="378"/>
      <c r="AB42" s="378"/>
      <c r="AC42" s="378"/>
      <c r="AD42" s="378"/>
      <c r="AE42" s="378"/>
      <c r="AF42" s="378"/>
      <c r="AG42" s="378"/>
      <c r="AH42" s="378"/>
      <c r="AI42" s="378"/>
      <c r="AJ42" s="378"/>
      <c r="AK42" s="378"/>
      <c r="AL42" s="393"/>
    </row>
    <row r="43" spans="2:38" ht="11.25" customHeight="1" x14ac:dyDescent="0.2">
      <c r="B43" s="2569"/>
      <c r="C43" s="2570"/>
      <c r="D43" s="378"/>
      <c r="E43" s="2547" t="s">
        <v>557</v>
      </c>
      <c r="F43" s="2547"/>
      <c r="G43" s="2549"/>
      <c r="H43" s="2550"/>
      <c r="I43" s="2551"/>
      <c r="J43" s="2555" t="s">
        <v>69</v>
      </c>
      <c r="K43" s="2549"/>
      <c r="L43" s="2550"/>
      <c r="M43" s="2551"/>
      <c r="N43" s="2555" t="s">
        <v>69</v>
      </c>
      <c r="O43" s="394"/>
      <c r="P43" s="378"/>
      <c r="Q43" s="378"/>
      <c r="R43" s="378"/>
      <c r="S43" s="378"/>
      <c r="T43" s="378"/>
      <c r="U43" s="378"/>
      <c r="V43" s="378"/>
      <c r="W43" s="378"/>
      <c r="X43" s="378"/>
      <c r="Y43" s="378"/>
      <c r="Z43" s="378"/>
      <c r="AA43" s="378"/>
      <c r="AB43" s="378"/>
      <c r="AC43" s="378"/>
      <c r="AD43" s="378"/>
      <c r="AE43" s="378"/>
      <c r="AF43" s="378"/>
      <c r="AG43" s="378"/>
      <c r="AH43" s="378"/>
      <c r="AI43" s="378"/>
      <c r="AJ43" s="378"/>
      <c r="AK43" s="378"/>
      <c r="AL43" s="393"/>
    </row>
    <row r="44" spans="2:38" ht="11.25" customHeight="1" x14ac:dyDescent="0.2">
      <c r="B44" s="2569"/>
      <c r="C44" s="2570"/>
      <c r="D44" s="378"/>
      <c r="E44" s="2547"/>
      <c r="F44" s="2547"/>
      <c r="G44" s="2552"/>
      <c r="H44" s="2553"/>
      <c r="I44" s="2554"/>
      <c r="J44" s="2556"/>
      <c r="K44" s="2552"/>
      <c r="L44" s="2553"/>
      <c r="M44" s="2554"/>
      <c r="N44" s="2556"/>
      <c r="O44" s="394"/>
      <c r="P44" s="378"/>
      <c r="Q44" s="378"/>
      <c r="R44" s="378"/>
      <c r="S44" s="378"/>
      <c r="T44" s="378"/>
      <c r="U44" s="378"/>
      <c r="V44" s="378"/>
      <c r="W44" s="378"/>
      <c r="X44" s="378"/>
      <c r="Y44" s="378"/>
      <c r="Z44" s="378"/>
      <c r="AA44" s="378"/>
      <c r="AB44" s="378"/>
      <c r="AC44" s="378"/>
      <c r="AD44" s="378"/>
      <c r="AE44" s="378"/>
      <c r="AF44" s="378"/>
      <c r="AG44" s="378"/>
      <c r="AH44" s="378"/>
      <c r="AI44" s="378"/>
      <c r="AJ44" s="378"/>
      <c r="AK44" s="378"/>
      <c r="AL44" s="393"/>
    </row>
    <row r="45" spans="2:38" ht="11.25" customHeight="1" x14ac:dyDescent="0.2">
      <c r="B45" s="2569"/>
      <c r="C45" s="2570"/>
      <c r="D45" s="378"/>
      <c r="E45" s="2547" t="s">
        <v>556</v>
      </c>
      <c r="F45" s="2547"/>
      <c r="G45" s="2549"/>
      <c r="H45" s="2550"/>
      <c r="I45" s="2551"/>
      <c r="J45" s="2555" t="s">
        <v>69</v>
      </c>
      <c r="K45" s="2549"/>
      <c r="L45" s="2550"/>
      <c r="M45" s="2551"/>
      <c r="N45" s="2555" t="s">
        <v>69</v>
      </c>
      <c r="O45" s="394"/>
      <c r="P45" s="378"/>
      <c r="Q45" s="378"/>
      <c r="R45" s="378"/>
      <c r="S45" s="378"/>
      <c r="T45" s="378"/>
      <c r="U45" s="378"/>
      <c r="V45" s="378"/>
      <c r="W45" s="378"/>
      <c r="X45" s="378"/>
      <c r="Y45" s="378"/>
      <c r="Z45" s="378"/>
      <c r="AA45" s="378"/>
      <c r="AB45" s="378"/>
      <c r="AC45" s="378"/>
      <c r="AD45" s="378"/>
      <c r="AE45" s="378"/>
      <c r="AF45" s="378"/>
      <c r="AG45" s="378"/>
      <c r="AH45" s="378"/>
      <c r="AI45" s="378"/>
      <c r="AJ45" s="378"/>
      <c r="AK45" s="378"/>
      <c r="AL45" s="393"/>
    </row>
    <row r="46" spans="2:38" ht="11.25" customHeight="1" x14ac:dyDescent="0.2">
      <c r="B46" s="2569"/>
      <c r="C46" s="2570"/>
      <c r="D46" s="378"/>
      <c r="E46" s="2547"/>
      <c r="F46" s="2547"/>
      <c r="G46" s="2552"/>
      <c r="H46" s="2553"/>
      <c r="I46" s="2554"/>
      <c r="J46" s="2556"/>
      <c r="K46" s="2552"/>
      <c r="L46" s="2553"/>
      <c r="M46" s="2554"/>
      <c r="N46" s="2556"/>
      <c r="O46" s="394"/>
      <c r="P46" s="378"/>
      <c r="Q46" s="378"/>
      <c r="R46" s="378"/>
      <c r="S46" s="378"/>
      <c r="T46" s="378"/>
      <c r="U46" s="378"/>
      <c r="V46" s="378"/>
      <c r="W46" s="378"/>
      <c r="X46" s="378"/>
      <c r="Y46" s="378"/>
      <c r="Z46" s="378"/>
      <c r="AA46" s="378"/>
      <c r="AB46" s="378"/>
      <c r="AC46" s="378"/>
      <c r="AD46" s="378"/>
      <c r="AE46" s="378"/>
      <c r="AF46" s="378"/>
      <c r="AG46" s="378"/>
      <c r="AH46" s="378"/>
      <c r="AI46" s="378"/>
      <c r="AJ46" s="378"/>
      <c r="AK46" s="378"/>
      <c r="AL46" s="393"/>
    </row>
    <row r="47" spans="2:38" ht="11.25" customHeight="1" x14ac:dyDescent="0.2">
      <c r="B47" s="2569"/>
      <c r="C47" s="2570"/>
      <c r="D47" s="378"/>
      <c r="E47" s="2547" t="s">
        <v>555</v>
      </c>
      <c r="F47" s="2547"/>
      <c r="G47" s="2549"/>
      <c r="H47" s="2550"/>
      <c r="I47" s="2551"/>
      <c r="J47" s="2555" t="s">
        <v>69</v>
      </c>
      <c r="K47" s="2549"/>
      <c r="L47" s="2550"/>
      <c r="M47" s="2551"/>
      <c r="N47" s="2555" t="s">
        <v>69</v>
      </c>
      <c r="O47" s="394"/>
      <c r="P47" s="378"/>
      <c r="Q47" s="378"/>
      <c r="R47" s="378"/>
      <c r="S47" s="2557"/>
      <c r="T47" s="2557"/>
      <c r="U47" s="2549" t="s">
        <v>729</v>
      </c>
      <c r="V47" s="2550"/>
      <c r="W47" s="2550"/>
      <c r="X47" s="2550"/>
      <c r="Y47" s="2550"/>
      <c r="Z47" s="2551"/>
      <c r="AA47" s="378"/>
      <c r="AB47" s="378"/>
      <c r="AC47" s="378"/>
      <c r="AD47" s="378"/>
      <c r="AE47" s="378"/>
      <c r="AF47" s="378"/>
      <c r="AG47" s="378"/>
      <c r="AH47" s="378"/>
      <c r="AI47" s="378"/>
      <c r="AJ47" s="378"/>
      <c r="AK47" s="378"/>
      <c r="AL47" s="393"/>
    </row>
    <row r="48" spans="2:38" ht="11.25" customHeight="1" x14ac:dyDescent="0.2">
      <c r="B48" s="2569"/>
      <c r="C48" s="2570"/>
      <c r="D48" s="378"/>
      <c r="E48" s="2547"/>
      <c r="F48" s="2547"/>
      <c r="G48" s="2552"/>
      <c r="H48" s="2553"/>
      <c r="I48" s="2554"/>
      <c r="J48" s="2556"/>
      <c r="K48" s="2552"/>
      <c r="L48" s="2553"/>
      <c r="M48" s="2554"/>
      <c r="N48" s="2556"/>
      <c r="O48" s="394"/>
      <c r="P48" s="378"/>
      <c r="Q48" s="378"/>
      <c r="R48" s="378"/>
      <c r="S48" s="2557"/>
      <c r="T48" s="2557"/>
      <c r="U48" s="2552"/>
      <c r="V48" s="2553"/>
      <c r="W48" s="2553"/>
      <c r="X48" s="2553"/>
      <c r="Y48" s="2553"/>
      <c r="Z48" s="2554"/>
      <c r="AA48" s="378"/>
      <c r="AB48" s="378"/>
      <c r="AC48" s="378"/>
      <c r="AD48" s="378"/>
      <c r="AE48" s="378"/>
      <c r="AF48" s="378"/>
      <c r="AG48" s="378"/>
      <c r="AH48" s="378"/>
      <c r="AI48" s="378"/>
      <c r="AJ48" s="378"/>
      <c r="AK48" s="378"/>
      <c r="AL48" s="393"/>
    </row>
    <row r="49" spans="2:38" ht="11.25" customHeight="1" x14ac:dyDescent="0.2">
      <c r="B49" s="2569"/>
      <c r="C49" s="2570"/>
      <c r="D49" s="378"/>
      <c r="E49" s="2547" t="s">
        <v>554</v>
      </c>
      <c r="F49" s="2547"/>
      <c r="G49" s="2549"/>
      <c r="H49" s="2550"/>
      <c r="I49" s="2551"/>
      <c r="J49" s="2555" t="s">
        <v>69</v>
      </c>
      <c r="K49" s="2549"/>
      <c r="L49" s="2550"/>
      <c r="M49" s="2551"/>
      <c r="N49" s="2555" t="s">
        <v>69</v>
      </c>
      <c r="O49" s="394"/>
      <c r="P49" s="378"/>
      <c r="Q49" s="378"/>
      <c r="R49" s="378"/>
      <c r="S49" s="2558" t="s">
        <v>726</v>
      </c>
      <c r="T49" s="2559"/>
      <c r="U49" s="2559"/>
      <c r="V49" s="2560"/>
      <c r="W49" s="2558" t="s">
        <v>727</v>
      </c>
      <c r="X49" s="2559"/>
      <c r="Y49" s="2559"/>
      <c r="Z49" s="2560"/>
      <c r="AA49" s="378"/>
      <c r="AB49" s="378"/>
      <c r="AC49" s="378"/>
      <c r="AD49" s="378"/>
      <c r="AE49" s="378"/>
      <c r="AF49" s="378"/>
      <c r="AG49" s="378"/>
      <c r="AH49" s="378"/>
      <c r="AI49" s="378"/>
      <c r="AJ49" s="378"/>
      <c r="AK49" s="378"/>
      <c r="AL49" s="393"/>
    </row>
    <row r="50" spans="2:38" ht="11.25" customHeight="1" thickBot="1" x14ac:dyDescent="0.25">
      <c r="B50" s="2569"/>
      <c r="C50" s="2570"/>
      <c r="D50" s="378"/>
      <c r="E50" s="2547"/>
      <c r="F50" s="2547"/>
      <c r="G50" s="2552"/>
      <c r="H50" s="2553"/>
      <c r="I50" s="2554"/>
      <c r="J50" s="2556"/>
      <c r="K50" s="2552"/>
      <c r="L50" s="2553"/>
      <c r="M50" s="2554"/>
      <c r="N50" s="2556"/>
      <c r="O50" s="394"/>
      <c r="P50" s="378"/>
      <c r="Q50" s="378"/>
      <c r="R50" s="378"/>
      <c r="S50" s="2561" t="s">
        <v>728</v>
      </c>
      <c r="T50" s="2562"/>
      <c r="U50" s="2562"/>
      <c r="V50" s="2563"/>
      <c r="W50" s="2561" t="s">
        <v>728</v>
      </c>
      <c r="X50" s="2562"/>
      <c r="Y50" s="2562"/>
      <c r="Z50" s="2563"/>
      <c r="AA50" s="378"/>
      <c r="AB50" s="378"/>
      <c r="AC50" s="378"/>
      <c r="AD50" s="378"/>
      <c r="AE50" s="378"/>
      <c r="AF50" s="378"/>
      <c r="AG50" s="378"/>
      <c r="AH50" s="378"/>
      <c r="AI50" s="378"/>
      <c r="AJ50" s="378"/>
      <c r="AK50" s="378"/>
      <c r="AL50" s="393"/>
    </row>
    <row r="51" spans="2:38" ht="11.25" customHeight="1" x14ac:dyDescent="0.2">
      <c r="B51" s="2569"/>
      <c r="C51" s="2570"/>
      <c r="D51" s="378"/>
      <c r="E51" s="2547" t="s">
        <v>553</v>
      </c>
      <c r="F51" s="2547"/>
      <c r="G51" s="2549"/>
      <c r="H51" s="2550"/>
      <c r="I51" s="2551"/>
      <c r="J51" s="2555" t="s">
        <v>69</v>
      </c>
      <c r="K51" s="2549"/>
      <c r="L51" s="2550"/>
      <c r="M51" s="2551"/>
      <c r="N51" s="2555" t="s">
        <v>69</v>
      </c>
      <c r="O51" s="394"/>
      <c r="P51" s="378"/>
      <c r="Q51" s="378"/>
      <c r="R51" s="378"/>
      <c r="S51" s="2549"/>
      <c r="T51" s="2550"/>
      <c r="U51" s="2551"/>
      <c r="V51" s="2555" t="s">
        <v>69</v>
      </c>
      <c r="W51" s="2549"/>
      <c r="X51" s="2550"/>
      <c r="Y51" s="2551"/>
      <c r="Z51" s="2555" t="s">
        <v>69</v>
      </c>
      <c r="AA51" s="378"/>
      <c r="AB51" s="378"/>
      <c r="AC51" s="378"/>
      <c r="AD51" s="378"/>
      <c r="AE51" s="2526" t="s">
        <v>551</v>
      </c>
      <c r="AF51" s="2527"/>
      <c r="AG51" s="2527"/>
      <c r="AH51" s="2527"/>
      <c r="AI51" s="2527"/>
      <c r="AJ51" s="2527"/>
      <c r="AK51" s="2528"/>
      <c r="AL51" s="393"/>
    </row>
    <row r="52" spans="2:38" ht="11.25" customHeight="1" thickBot="1" x14ac:dyDescent="0.25">
      <c r="B52" s="2569"/>
      <c r="C52" s="2570"/>
      <c r="D52" s="378"/>
      <c r="E52" s="2548"/>
      <c r="F52" s="2548"/>
      <c r="G52" s="2552"/>
      <c r="H52" s="2553"/>
      <c r="I52" s="2554"/>
      <c r="J52" s="2556"/>
      <c r="K52" s="2552"/>
      <c r="L52" s="2553"/>
      <c r="M52" s="2554"/>
      <c r="N52" s="2556"/>
      <c r="O52" s="394"/>
      <c r="P52" s="378"/>
      <c r="Q52" s="378"/>
      <c r="R52" s="378"/>
      <c r="S52" s="2552"/>
      <c r="T52" s="2553"/>
      <c r="U52" s="2554"/>
      <c r="V52" s="2556"/>
      <c r="W52" s="2552"/>
      <c r="X52" s="2553"/>
      <c r="Y52" s="2554"/>
      <c r="Z52" s="2556"/>
      <c r="AA52" s="378"/>
      <c r="AB52" s="378"/>
      <c r="AC52" s="378"/>
      <c r="AD52" s="378"/>
      <c r="AE52" s="2529"/>
      <c r="AF52" s="2521"/>
      <c r="AG52" s="2521"/>
      <c r="AH52" s="2521"/>
      <c r="AI52" s="2521"/>
      <c r="AJ52" s="2521"/>
      <c r="AK52" s="2522"/>
      <c r="AL52" s="393"/>
    </row>
    <row r="53" spans="2:38" ht="11.25" customHeight="1" x14ac:dyDescent="0.2">
      <c r="B53" s="2569"/>
      <c r="C53" s="2570"/>
      <c r="D53" s="378"/>
      <c r="E53" s="2530" t="s">
        <v>63</v>
      </c>
      <c r="F53" s="2531"/>
      <c r="G53" s="2527"/>
      <c r="H53" s="2527"/>
      <c r="I53" s="2527"/>
      <c r="J53" s="2527"/>
      <c r="K53" s="2527"/>
      <c r="L53" s="2527"/>
      <c r="M53" s="2527"/>
      <c r="N53" s="2534" t="s">
        <v>69</v>
      </c>
      <c r="O53" s="395"/>
      <c r="P53" s="2536" t="s">
        <v>730</v>
      </c>
      <c r="Q53" s="2536"/>
      <c r="R53" s="395"/>
      <c r="S53" s="2530" t="s">
        <v>63</v>
      </c>
      <c r="T53" s="2531"/>
      <c r="U53" s="2537"/>
      <c r="V53" s="2538"/>
      <c r="W53" s="2538"/>
      <c r="X53" s="2538"/>
      <c r="Y53" s="2539"/>
      <c r="Z53" s="2534" t="s">
        <v>69</v>
      </c>
      <c r="AA53" s="378"/>
      <c r="AB53" s="2536" t="s">
        <v>731</v>
      </c>
      <c r="AC53" s="2536"/>
      <c r="AD53" s="378"/>
      <c r="AE53" s="2543"/>
      <c r="AF53" s="2544"/>
      <c r="AG53" s="2544"/>
      <c r="AH53" s="2544"/>
      <c r="AI53" s="2544"/>
      <c r="AJ53" s="2521" t="s">
        <v>732</v>
      </c>
      <c r="AK53" s="2522"/>
      <c r="AL53" s="393"/>
    </row>
    <row r="54" spans="2:38" ht="11.25" customHeight="1" thickBot="1" x14ac:dyDescent="0.25">
      <c r="B54" s="2569"/>
      <c r="C54" s="2570"/>
      <c r="D54" s="378"/>
      <c r="E54" s="2532"/>
      <c r="F54" s="2533"/>
      <c r="G54" s="2523"/>
      <c r="H54" s="2523"/>
      <c r="I54" s="2523"/>
      <c r="J54" s="2523"/>
      <c r="K54" s="2523"/>
      <c r="L54" s="2523"/>
      <c r="M54" s="2523"/>
      <c r="N54" s="2535"/>
      <c r="O54" s="395"/>
      <c r="P54" s="2536"/>
      <c r="Q54" s="2536"/>
      <c r="R54" s="395"/>
      <c r="S54" s="2532"/>
      <c r="T54" s="2533"/>
      <c r="U54" s="2540"/>
      <c r="V54" s="2541"/>
      <c r="W54" s="2541"/>
      <c r="X54" s="2541"/>
      <c r="Y54" s="2542"/>
      <c r="Z54" s="2535"/>
      <c r="AA54" s="378"/>
      <c r="AB54" s="2536"/>
      <c r="AC54" s="2536"/>
      <c r="AD54" s="378"/>
      <c r="AE54" s="2545"/>
      <c r="AF54" s="2546"/>
      <c r="AG54" s="2546"/>
      <c r="AH54" s="2546"/>
      <c r="AI54" s="2546"/>
      <c r="AJ54" s="2523"/>
      <c r="AK54" s="2524"/>
      <c r="AL54" s="393"/>
    </row>
    <row r="55" spans="2:38" x14ac:dyDescent="0.2">
      <c r="B55" s="2571"/>
      <c r="C55" s="2572"/>
      <c r="D55" s="384"/>
      <c r="E55" s="384"/>
      <c r="F55" s="384"/>
      <c r="G55" s="384"/>
      <c r="H55" s="384"/>
      <c r="I55" s="384"/>
      <c r="J55" s="384"/>
      <c r="K55" s="384"/>
      <c r="L55" s="384"/>
      <c r="M55" s="384"/>
      <c r="N55" s="384"/>
      <c r="O55" s="384"/>
      <c r="P55" s="384"/>
      <c r="Q55" s="384"/>
      <c r="R55" s="384"/>
      <c r="S55" s="384"/>
      <c r="T55" s="384"/>
      <c r="U55" s="384"/>
      <c r="V55" s="384"/>
      <c r="W55" s="384"/>
      <c r="X55" s="384"/>
      <c r="Y55" s="384"/>
      <c r="Z55" s="384"/>
      <c r="AA55" s="384"/>
      <c r="AB55" s="384"/>
      <c r="AC55" s="384"/>
      <c r="AD55" s="384"/>
      <c r="AE55" s="384"/>
      <c r="AF55" s="384"/>
      <c r="AG55" s="384"/>
      <c r="AH55" s="384"/>
      <c r="AI55" s="384"/>
      <c r="AJ55" s="384"/>
      <c r="AK55" s="384"/>
      <c r="AL55" s="396"/>
    </row>
    <row r="56" spans="2:38" ht="229.95" customHeight="1" x14ac:dyDescent="0.2">
      <c r="B56" s="2525" t="s">
        <v>733</v>
      </c>
      <c r="C56" s="2525"/>
      <c r="D56" s="2525"/>
      <c r="E56" s="2525"/>
      <c r="F56" s="2525"/>
      <c r="G56" s="2525"/>
      <c r="H56" s="2525"/>
      <c r="I56" s="2525"/>
      <c r="J56" s="2525"/>
      <c r="K56" s="2525"/>
      <c r="L56" s="2525"/>
      <c r="M56" s="2525"/>
      <c r="N56" s="2525"/>
      <c r="O56" s="2525"/>
      <c r="P56" s="2525"/>
      <c r="Q56" s="2525"/>
      <c r="R56" s="2525"/>
      <c r="S56" s="2525"/>
      <c r="T56" s="2525"/>
      <c r="U56" s="2525"/>
      <c r="V56" s="2525"/>
      <c r="W56" s="2525"/>
      <c r="X56" s="2525"/>
      <c r="Y56" s="2525"/>
      <c r="Z56" s="2525"/>
      <c r="AA56" s="2525"/>
      <c r="AB56" s="2525"/>
      <c r="AC56" s="2525"/>
      <c r="AD56" s="2525"/>
      <c r="AE56" s="2525"/>
      <c r="AF56" s="2525"/>
      <c r="AG56" s="2525"/>
      <c r="AH56" s="2525"/>
      <c r="AI56" s="2525"/>
      <c r="AJ56" s="2525"/>
      <c r="AK56" s="2525"/>
      <c r="AL56" s="2525"/>
    </row>
    <row r="57" spans="2:38" x14ac:dyDescent="0.2">
      <c r="B57" s="397"/>
      <c r="C57" s="397"/>
      <c r="D57" s="397"/>
      <c r="E57" s="397"/>
      <c r="F57" s="397"/>
      <c r="G57" s="397"/>
      <c r="H57" s="397"/>
      <c r="I57" s="397"/>
      <c r="J57" s="397"/>
      <c r="K57" s="397"/>
      <c r="L57" s="397"/>
      <c r="M57" s="397"/>
      <c r="N57" s="397"/>
      <c r="O57" s="397"/>
      <c r="P57" s="397"/>
      <c r="Q57" s="397"/>
      <c r="R57" s="397"/>
      <c r="S57" s="397"/>
      <c r="T57" s="397"/>
      <c r="U57" s="397"/>
      <c r="V57" s="397"/>
      <c r="W57" s="397"/>
      <c r="X57" s="397"/>
      <c r="Y57" s="397"/>
      <c r="Z57" s="397"/>
      <c r="AA57" s="397"/>
      <c r="AB57" s="397"/>
      <c r="AC57" s="397"/>
      <c r="AD57" s="397"/>
      <c r="AE57" s="397"/>
      <c r="AF57" s="397"/>
      <c r="AG57" s="397"/>
      <c r="AH57" s="397"/>
      <c r="AI57" s="397"/>
      <c r="AJ57" s="397"/>
      <c r="AK57" s="397"/>
      <c r="AL57" s="397"/>
    </row>
    <row r="58" spans="2:38" x14ac:dyDescent="0.2">
      <c r="B58" s="397"/>
      <c r="C58" s="397"/>
      <c r="D58" s="397"/>
      <c r="E58" s="397"/>
      <c r="F58" s="397"/>
      <c r="G58" s="397"/>
      <c r="H58" s="397"/>
      <c r="I58" s="397"/>
      <c r="J58" s="397"/>
      <c r="K58" s="397"/>
      <c r="L58" s="397"/>
      <c r="M58" s="397"/>
      <c r="N58" s="397"/>
      <c r="O58" s="397"/>
      <c r="P58" s="397"/>
      <c r="Q58" s="397"/>
      <c r="R58" s="397"/>
      <c r="S58" s="397"/>
      <c r="T58" s="397"/>
      <c r="U58" s="397"/>
      <c r="V58" s="397"/>
      <c r="W58" s="397"/>
      <c r="X58" s="397"/>
      <c r="Y58" s="397"/>
      <c r="Z58" s="397"/>
      <c r="AA58" s="397"/>
      <c r="AB58" s="397"/>
      <c r="AC58" s="397"/>
      <c r="AD58" s="397"/>
      <c r="AE58" s="397"/>
      <c r="AF58" s="397"/>
      <c r="AG58" s="397"/>
      <c r="AH58" s="397"/>
      <c r="AI58" s="397"/>
      <c r="AJ58" s="397"/>
      <c r="AK58" s="397"/>
      <c r="AL58" s="397"/>
    </row>
    <row r="59" spans="2:38" x14ac:dyDescent="0.2">
      <c r="B59" s="397"/>
      <c r="C59" s="397"/>
      <c r="D59" s="397"/>
      <c r="E59" s="397"/>
      <c r="F59" s="397"/>
      <c r="G59" s="397"/>
      <c r="H59" s="397"/>
      <c r="I59" s="397"/>
      <c r="J59" s="397"/>
      <c r="K59" s="397"/>
      <c r="L59" s="397"/>
      <c r="M59" s="397"/>
      <c r="N59" s="397"/>
      <c r="O59" s="397"/>
      <c r="P59" s="397"/>
      <c r="Q59" s="397"/>
      <c r="R59" s="397"/>
      <c r="S59" s="397"/>
      <c r="T59" s="397"/>
      <c r="U59" s="397"/>
      <c r="V59" s="397"/>
      <c r="W59" s="397"/>
      <c r="X59" s="397"/>
      <c r="Y59" s="397"/>
      <c r="Z59" s="397"/>
      <c r="AA59" s="397"/>
      <c r="AB59" s="397"/>
      <c r="AC59" s="397"/>
      <c r="AD59" s="397"/>
      <c r="AE59" s="397"/>
      <c r="AF59" s="397"/>
      <c r="AG59" s="397"/>
      <c r="AH59" s="397"/>
      <c r="AI59" s="397"/>
      <c r="AJ59" s="397"/>
      <c r="AK59" s="397"/>
      <c r="AL59" s="397"/>
    </row>
  </sheetData>
  <customSheetViews>
    <customSheetView guid="{FA98832E-F01A-4598-9960-E27C2FDAB118}" showPageBreaks="1" showGridLines="0" printArea="1" view="pageBreakPreview">
      <selection activeCell="J20" sqref="J20"/>
      <pageMargins left="0.7" right="0.7" top="0.75" bottom="0.75" header="0.3" footer="0.3"/>
      <pageSetup paperSize="9" scale="96" orientation="portrait" r:id="rId1"/>
    </customSheetView>
    <customSheetView guid="{8494577A-77FB-45FD-BD2B-C737BCFAD5B3}" showPageBreaks="1" showGridLines="0" printArea="1" view="pageBreakPreview">
      <selection activeCell="J20" sqref="J20"/>
      <pageMargins left="0.7" right="0.7" top="0.75" bottom="0.75" header="0.3" footer="0.3"/>
      <pageSetup paperSize="9" scale="96" orientation="portrait" r:id="rId2"/>
    </customSheetView>
  </customSheetViews>
  <mergeCells count="121">
    <mergeCell ref="H10:O11"/>
    <mergeCell ref="U10:U11"/>
    <mergeCell ref="W10:AK11"/>
    <mergeCell ref="F12:F13"/>
    <mergeCell ref="H12:O13"/>
    <mergeCell ref="U12:U13"/>
    <mergeCell ref="W12:AK13"/>
    <mergeCell ref="AB1:AI1"/>
    <mergeCell ref="AK1:AL1"/>
    <mergeCell ref="A3:AM4"/>
    <mergeCell ref="B6:K6"/>
    <mergeCell ref="L6:AL6"/>
    <mergeCell ref="B7:C24"/>
    <mergeCell ref="R7:S24"/>
    <mergeCell ref="U8:U9"/>
    <mergeCell ref="W8:AK9"/>
    <mergeCell ref="F10:F11"/>
    <mergeCell ref="F18:F19"/>
    <mergeCell ref="H18:O19"/>
    <mergeCell ref="U18:U19"/>
    <mergeCell ref="W18:AK19"/>
    <mergeCell ref="U20:U21"/>
    <mergeCell ref="W20:AK21"/>
    <mergeCell ref="F14:F15"/>
    <mergeCell ref="H14:O15"/>
    <mergeCell ref="U14:U15"/>
    <mergeCell ref="W14:AK15"/>
    <mergeCell ref="F16:F17"/>
    <mergeCell ref="H16:O17"/>
    <mergeCell ref="U16:U17"/>
    <mergeCell ref="W16:AK17"/>
    <mergeCell ref="W22:AK23"/>
    <mergeCell ref="B25:C55"/>
    <mergeCell ref="E26:F28"/>
    <mergeCell ref="G27:J27"/>
    <mergeCell ref="K27:N27"/>
    <mergeCell ref="G28:J28"/>
    <mergeCell ref="K28:N28"/>
    <mergeCell ref="E29:F30"/>
    <mergeCell ref="G29:I30"/>
    <mergeCell ref="J29:J30"/>
    <mergeCell ref="K29:M30"/>
    <mergeCell ref="N29:N30"/>
    <mergeCell ref="E31:F32"/>
    <mergeCell ref="G31:I32"/>
    <mergeCell ref="J31:J32"/>
    <mergeCell ref="K31:M32"/>
    <mergeCell ref="N31:N32"/>
    <mergeCell ref="U22:U23"/>
    <mergeCell ref="E33:F34"/>
    <mergeCell ref="G33:I34"/>
    <mergeCell ref="J33:J34"/>
    <mergeCell ref="K33:M34"/>
    <mergeCell ref="N33:N34"/>
    <mergeCell ref="E35:F36"/>
    <mergeCell ref="G35:I36"/>
    <mergeCell ref="J35:J36"/>
    <mergeCell ref="K35:M36"/>
    <mergeCell ref="N35:N36"/>
    <mergeCell ref="E37:F38"/>
    <mergeCell ref="G37:I38"/>
    <mergeCell ref="J37:J38"/>
    <mergeCell ref="K37:M38"/>
    <mergeCell ref="N37:N38"/>
    <mergeCell ref="E39:F40"/>
    <mergeCell ref="G39:I40"/>
    <mergeCell ref="J39:J40"/>
    <mergeCell ref="K39:M40"/>
    <mergeCell ref="N39:N40"/>
    <mergeCell ref="E41:F42"/>
    <mergeCell ref="G41:I42"/>
    <mergeCell ref="J41:J42"/>
    <mergeCell ref="K41:M42"/>
    <mergeCell ref="N41:N42"/>
    <mergeCell ref="E43:F44"/>
    <mergeCell ref="G43:I44"/>
    <mergeCell ref="J43:J44"/>
    <mergeCell ref="K43:M44"/>
    <mergeCell ref="N43:N44"/>
    <mergeCell ref="E45:F46"/>
    <mergeCell ref="G45:I46"/>
    <mergeCell ref="J45:J46"/>
    <mergeCell ref="K45:M46"/>
    <mergeCell ref="N45:N46"/>
    <mergeCell ref="E47:F48"/>
    <mergeCell ref="G47:I48"/>
    <mergeCell ref="J47:J48"/>
    <mergeCell ref="K47:M48"/>
    <mergeCell ref="N47:N48"/>
    <mergeCell ref="S47:T48"/>
    <mergeCell ref="U47:Z48"/>
    <mergeCell ref="E49:F50"/>
    <mergeCell ref="G49:I50"/>
    <mergeCell ref="J49:J50"/>
    <mergeCell ref="K49:M50"/>
    <mergeCell ref="N49:N50"/>
    <mergeCell ref="S49:V49"/>
    <mergeCell ref="W49:Z49"/>
    <mergeCell ref="S50:V50"/>
    <mergeCell ref="W50:Z50"/>
    <mergeCell ref="AJ53:AK54"/>
    <mergeCell ref="B56:AL56"/>
    <mergeCell ref="AE51:AK52"/>
    <mergeCell ref="E53:F54"/>
    <mergeCell ref="G53:M54"/>
    <mergeCell ref="N53:N54"/>
    <mergeCell ref="P53:Q54"/>
    <mergeCell ref="S53:T54"/>
    <mergeCell ref="U53:Y54"/>
    <mergeCell ref="Z53:Z54"/>
    <mergeCell ref="AB53:AC54"/>
    <mergeCell ref="AE53:AI54"/>
    <mergeCell ref="E51:F52"/>
    <mergeCell ref="G51:I52"/>
    <mergeCell ref="J51:J52"/>
    <mergeCell ref="K51:M52"/>
    <mergeCell ref="N51:N52"/>
    <mergeCell ref="S51:U52"/>
    <mergeCell ref="V51:V52"/>
    <mergeCell ref="W51:Y52"/>
    <mergeCell ref="Z51:Z52"/>
  </mergeCells>
  <phoneticPr fontId="6"/>
  <pageMargins left="0.7" right="0.7" top="0.75" bottom="0.75" header="0.3" footer="0.3"/>
  <pageSetup paperSize="9" scale="96" orientation="portrait" r:id="rId3"/>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49"/>
  <sheetViews>
    <sheetView showGridLines="0" view="pageBreakPreview" zoomScaleNormal="100" zoomScaleSheetLayoutView="100" workbookViewId="0">
      <selection activeCell="I20" sqref="I20:J20"/>
    </sheetView>
  </sheetViews>
  <sheetFormatPr defaultRowHeight="13.2" x14ac:dyDescent="0.2"/>
  <cols>
    <col min="1" max="1" width="1.6640625" style="372" customWidth="1"/>
    <col min="2" max="2" width="3.44140625" style="372" customWidth="1"/>
    <col min="3" max="4" width="9" style="372" customWidth="1"/>
    <col min="5" max="6" width="8.44140625" style="372" customWidth="1"/>
    <col min="7" max="7" width="8.33203125" style="372" customWidth="1"/>
    <col min="8" max="8" width="7.33203125" style="372" customWidth="1"/>
    <col min="9" max="10" width="10" style="372" customWidth="1"/>
    <col min="11" max="11" width="17.109375" style="372" customWidth="1"/>
    <col min="12" max="256" width="9" style="372"/>
    <col min="257" max="257" width="1.6640625" style="372" customWidth="1"/>
    <col min="258" max="258" width="3.44140625" style="372" customWidth="1"/>
    <col min="259" max="260" width="9" style="372" customWidth="1"/>
    <col min="261" max="262" width="8.44140625" style="372" customWidth="1"/>
    <col min="263" max="263" width="8.33203125" style="372" customWidth="1"/>
    <col min="264" max="264" width="7.33203125" style="372" customWidth="1"/>
    <col min="265" max="266" width="10" style="372" customWidth="1"/>
    <col min="267" max="267" width="17.109375" style="372" customWidth="1"/>
    <col min="268" max="512" width="9" style="372"/>
    <col min="513" max="513" width="1.6640625" style="372" customWidth="1"/>
    <col min="514" max="514" width="3.44140625" style="372" customWidth="1"/>
    <col min="515" max="516" width="9" style="372" customWidth="1"/>
    <col min="517" max="518" width="8.44140625" style="372" customWidth="1"/>
    <col min="519" max="519" width="8.33203125" style="372" customWidth="1"/>
    <col min="520" max="520" width="7.33203125" style="372" customWidth="1"/>
    <col min="521" max="522" width="10" style="372" customWidth="1"/>
    <col min="523" max="523" width="17.109375" style="372" customWidth="1"/>
    <col min="524" max="768" width="9" style="372"/>
    <col min="769" max="769" width="1.6640625" style="372" customWidth="1"/>
    <col min="770" max="770" width="3.44140625" style="372" customWidth="1"/>
    <col min="771" max="772" width="9" style="372" customWidth="1"/>
    <col min="773" max="774" width="8.44140625" style="372" customWidth="1"/>
    <col min="775" max="775" width="8.33203125" style="372" customWidth="1"/>
    <col min="776" max="776" width="7.33203125" style="372" customWidth="1"/>
    <col min="777" max="778" width="10" style="372" customWidth="1"/>
    <col min="779" max="779" width="17.109375" style="372" customWidth="1"/>
    <col min="780" max="1024" width="9" style="372"/>
    <col min="1025" max="1025" width="1.6640625" style="372" customWidth="1"/>
    <col min="1026" max="1026" width="3.44140625" style="372" customWidth="1"/>
    <col min="1027" max="1028" width="9" style="372" customWidth="1"/>
    <col min="1029" max="1030" width="8.44140625" style="372" customWidth="1"/>
    <col min="1031" max="1031" width="8.33203125" style="372" customWidth="1"/>
    <col min="1032" max="1032" width="7.33203125" style="372" customWidth="1"/>
    <col min="1033" max="1034" width="10" style="372" customWidth="1"/>
    <col min="1035" max="1035" width="17.109375" style="372" customWidth="1"/>
    <col min="1036" max="1280" width="9" style="372"/>
    <col min="1281" max="1281" width="1.6640625" style="372" customWidth="1"/>
    <col min="1282" max="1282" width="3.44140625" style="372" customWidth="1"/>
    <col min="1283" max="1284" width="9" style="372" customWidth="1"/>
    <col min="1285" max="1286" width="8.44140625" style="372" customWidth="1"/>
    <col min="1287" max="1287" width="8.33203125" style="372" customWidth="1"/>
    <col min="1288" max="1288" width="7.33203125" style="372" customWidth="1"/>
    <col min="1289" max="1290" width="10" style="372" customWidth="1"/>
    <col min="1291" max="1291" width="17.109375" style="372" customWidth="1"/>
    <col min="1292" max="1536" width="9" style="372"/>
    <col min="1537" max="1537" width="1.6640625" style="372" customWidth="1"/>
    <col min="1538" max="1538" width="3.44140625" style="372" customWidth="1"/>
    <col min="1539" max="1540" width="9" style="372" customWidth="1"/>
    <col min="1541" max="1542" width="8.44140625" style="372" customWidth="1"/>
    <col min="1543" max="1543" width="8.33203125" style="372" customWidth="1"/>
    <col min="1544" max="1544" width="7.33203125" style="372" customWidth="1"/>
    <col min="1545" max="1546" width="10" style="372" customWidth="1"/>
    <col min="1547" max="1547" width="17.109375" style="372" customWidth="1"/>
    <col min="1548" max="1792" width="9" style="372"/>
    <col min="1793" max="1793" width="1.6640625" style="372" customWidth="1"/>
    <col min="1794" max="1794" width="3.44140625" style="372" customWidth="1"/>
    <col min="1795" max="1796" width="9" style="372" customWidth="1"/>
    <col min="1797" max="1798" width="8.44140625" style="372" customWidth="1"/>
    <col min="1799" max="1799" width="8.33203125" style="372" customWidth="1"/>
    <col min="1800" max="1800" width="7.33203125" style="372" customWidth="1"/>
    <col min="1801" max="1802" width="10" style="372" customWidth="1"/>
    <col min="1803" max="1803" width="17.109375" style="372" customWidth="1"/>
    <col min="1804" max="2048" width="9" style="372"/>
    <col min="2049" max="2049" width="1.6640625" style="372" customWidth="1"/>
    <col min="2050" max="2050" width="3.44140625" style="372" customWidth="1"/>
    <col min="2051" max="2052" width="9" style="372" customWidth="1"/>
    <col min="2053" max="2054" width="8.44140625" style="372" customWidth="1"/>
    <col min="2055" max="2055" width="8.33203125" style="372" customWidth="1"/>
    <col min="2056" max="2056" width="7.33203125" style="372" customWidth="1"/>
    <col min="2057" max="2058" width="10" style="372" customWidth="1"/>
    <col min="2059" max="2059" width="17.109375" style="372" customWidth="1"/>
    <col min="2060" max="2304" width="9" style="372"/>
    <col min="2305" max="2305" width="1.6640625" style="372" customWidth="1"/>
    <col min="2306" max="2306" width="3.44140625" style="372" customWidth="1"/>
    <col min="2307" max="2308" width="9" style="372" customWidth="1"/>
    <col min="2309" max="2310" width="8.44140625" style="372" customWidth="1"/>
    <col min="2311" max="2311" width="8.33203125" style="372" customWidth="1"/>
    <col min="2312" max="2312" width="7.33203125" style="372" customWidth="1"/>
    <col min="2313" max="2314" width="10" style="372" customWidth="1"/>
    <col min="2315" max="2315" width="17.109375" style="372" customWidth="1"/>
    <col min="2316" max="2560" width="9" style="372"/>
    <col min="2561" max="2561" width="1.6640625" style="372" customWidth="1"/>
    <col min="2562" max="2562" width="3.44140625" style="372" customWidth="1"/>
    <col min="2563" max="2564" width="9" style="372" customWidth="1"/>
    <col min="2565" max="2566" width="8.44140625" style="372" customWidth="1"/>
    <col min="2567" max="2567" width="8.33203125" style="372" customWidth="1"/>
    <col min="2568" max="2568" width="7.33203125" style="372" customWidth="1"/>
    <col min="2569" max="2570" width="10" style="372" customWidth="1"/>
    <col min="2571" max="2571" width="17.109375" style="372" customWidth="1"/>
    <col min="2572" max="2816" width="9" style="372"/>
    <col min="2817" max="2817" width="1.6640625" style="372" customWidth="1"/>
    <col min="2818" max="2818" width="3.44140625" style="372" customWidth="1"/>
    <col min="2819" max="2820" width="9" style="372" customWidth="1"/>
    <col min="2821" max="2822" width="8.44140625" style="372" customWidth="1"/>
    <col min="2823" max="2823" width="8.33203125" style="372" customWidth="1"/>
    <col min="2824" max="2824" width="7.33203125" style="372" customWidth="1"/>
    <col min="2825" max="2826" width="10" style="372" customWidth="1"/>
    <col min="2827" max="2827" width="17.109375" style="372" customWidth="1"/>
    <col min="2828" max="3072" width="9" style="372"/>
    <col min="3073" max="3073" width="1.6640625" style="372" customWidth="1"/>
    <col min="3074" max="3074" width="3.44140625" style="372" customWidth="1"/>
    <col min="3075" max="3076" width="9" style="372" customWidth="1"/>
    <col min="3077" max="3078" width="8.44140625" style="372" customWidth="1"/>
    <col min="3079" max="3079" width="8.33203125" style="372" customWidth="1"/>
    <col min="3080" max="3080" width="7.33203125" style="372" customWidth="1"/>
    <col min="3081" max="3082" width="10" style="372" customWidth="1"/>
    <col min="3083" max="3083" width="17.109375" style="372" customWidth="1"/>
    <col min="3084" max="3328" width="9" style="372"/>
    <col min="3329" max="3329" width="1.6640625" style="372" customWidth="1"/>
    <col min="3330" max="3330" width="3.44140625" style="372" customWidth="1"/>
    <col min="3331" max="3332" width="9" style="372" customWidth="1"/>
    <col min="3333" max="3334" width="8.44140625" style="372" customWidth="1"/>
    <col min="3335" max="3335" width="8.33203125" style="372" customWidth="1"/>
    <col min="3336" max="3336" width="7.33203125" style="372" customWidth="1"/>
    <col min="3337" max="3338" width="10" style="372" customWidth="1"/>
    <col min="3339" max="3339" width="17.109375" style="372" customWidth="1"/>
    <col min="3340" max="3584" width="9" style="372"/>
    <col min="3585" max="3585" width="1.6640625" style="372" customWidth="1"/>
    <col min="3586" max="3586" width="3.44140625" style="372" customWidth="1"/>
    <col min="3587" max="3588" width="9" style="372" customWidth="1"/>
    <col min="3589" max="3590" width="8.44140625" style="372" customWidth="1"/>
    <col min="3591" max="3591" width="8.33203125" style="372" customWidth="1"/>
    <col min="3592" max="3592" width="7.33203125" style="372" customWidth="1"/>
    <col min="3593" max="3594" width="10" style="372" customWidth="1"/>
    <col min="3595" max="3595" width="17.109375" style="372" customWidth="1"/>
    <col min="3596" max="3840" width="9" style="372"/>
    <col min="3841" max="3841" width="1.6640625" style="372" customWidth="1"/>
    <col min="3842" max="3842" width="3.44140625" style="372" customWidth="1"/>
    <col min="3843" max="3844" width="9" style="372" customWidth="1"/>
    <col min="3845" max="3846" width="8.44140625" style="372" customWidth="1"/>
    <col min="3847" max="3847" width="8.33203125" style="372" customWidth="1"/>
    <col min="3848" max="3848" width="7.33203125" style="372" customWidth="1"/>
    <col min="3849" max="3850" width="10" style="372" customWidth="1"/>
    <col min="3851" max="3851" width="17.109375" style="372" customWidth="1"/>
    <col min="3852" max="4096" width="9" style="372"/>
    <col min="4097" max="4097" width="1.6640625" style="372" customWidth="1"/>
    <col min="4098" max="4098" width="3.44140625" style="372" customWidth="1"/>
    <col min="4099" max="4100" width="9" style="372" customWidth="1"/>
    <col min="4101" max="4102" width="8.44140625" style="372" customWidth="1"/>
    <col min="4103" max="4103" width="8.33203125" style="372" customWidth="1"/>
    <col min="4104" max="4104" width="7.33203125" style="372" customWidth="1"/>
    <col min="4105" max="4106" width="10" style="372" customWidth="1"/>
    <col min="4107" max="4107" width="17.109375" style="372" customWidth="1"/>
    <col min="4108" max="4352" width="9" style="372"/>
    <col min="4353" max="4353" width="1.6640625" style="372" customWidth="1"/>
    <col min="4354" max="4354" width="3.44140625" style="372" customWidth="1"/>
    <col min="4355" max="4356" width="9" style="372" customWidth="1"/>
    <col min="4357" max="4358" width="8.44140625" style="372" customWidth="1"/>
    <col min="4359" max="4359" width="8.33203125" style="372" customWidth="1"/>
    <col min="4360" max="4360" width="7.33203125" style="372" customWidth="1"/>
    <col min="4361" max="4362" width="10" style="372" customWidth="1"/>
    <col min="4363" max="4363" width="17.109375" style="372" customWidth="1"/>
    <col min="4364" max="4608" width="9" style="372"/>
    <col min="4609" max="4609" width="1.6640625" style="372" customWidth="1"/>
    <col min="4610" max="4610" width="3.44140625" style="372" customWidth="1"/>
    <col min="4611" max="4612" width="9" style="372" customWidth="1"/>
    <col min="4613" max="4614" width="8.44140625" style="372" customWidth="1"/>
    <col min="4615" max="4615" width="8.33203125" style="372" customWidth="1"/>
    <col min="4616" max="4616" width="7.33203125" style="372" customWidth="1"/>
    <col min="4617" max="4618" width="10" style="372" customWidth="1"/>
    <col min="4619" max="4619" width="17.109375" style="372" customWidth="1"/>
    <col min="4620" max="4864" width="9" style="372"/>
    <col min="4865" max="4865" width="1.6640625" style="372" customWidth="1"/>
    <col min="4866" max="4866" width="3.44140625" style="372" customWidth="1"/>
    <col min="4867" max="4868" width="9" style="372" customWidth="1"/>
    <col min="4869" max="4870" width="8.44140625" style="372" customWidth="1"/>
    <col min="4871" max="4871" width="8.33203125" style="372" customWidth="1"/>
    <col min="4872" max="4872" width="7.33203125" style="372" customWidth="1"/>
    <col min="4873" max="4874" width="10" style="372" customWidth="1"/>
    <col min="4875" max="4875" width="17.109375" style="372" customWidth="1"/>
    <col min="4876" max="5120" width="9" style="372"/>
    <col min="5121" max="5121" width="1.6640625" style="372" customWidth="1"/>
    <col min="5122" max="5122" width="3.44140625" style="372" customWidth="1"/>
    <col min="5123" max="5124" width="9" style="372" customWidth="1"/>
    <col min="5125" max="5126" width="8.44140625" style="372" customWidth="1"/>
    <col min="5127" max="5127" width="8.33203125" style="372" customWidth="1"/>
    <col min="5128" max="5128" width="7.33203125" style="372" customWidth="1"/>
    <col min="5129" max="5130" width="10" style="372" customWidth="1"/>
    <col min="5131" max="5131" width="17.109375" style="372" customWidth="1"/>
    <col min="5132" max="5376" width="9" style="372"/>
    <col min="5377" max="5377" width="1.6640625" style="372" customWidth="1"/>
    <col min="5378" max="5378" width="3.44140625" style="372" customWidth="1"/>
    <col min="5379" max="5380" width="9" style="372" customWidth="1"/>
    <col min="5381" max="5382" width="8.44140625" style="372" customWidth="1"/>
    <col min="5383" max="5383" width="8.33203125" style="372" customWidth="1"/>
    <col min="5384" max="5384" width="7.33203125" style="372" customWidth="1"/>
    <col min="5385" max="5386" width="10" style="372" customWidth="1"/>
    <col min="5387" max="5387" width="17.109375" style="372" customWidth="1"/>
    <col min="5388" max="5632" width="9" style="372"/>
    <col min="5633" max="5633" width="1.6640625" style="372" customWidth="1"/>
    <col min="5634" max="5634" width="3.44140625" style="372" customWidth="1"/>
    <col min="5635" max="5636" width="9" style="372" customWidth="1"/>
    <col min="5637" max="5638" width="8.44140625" style="372" customWidth="1"/>
    <col min="5639" max="5639" width="8.33203125" style="372" customWidth="1"/>
    <col min="5640" max="5640" width="7.33203125" style="372" customWidth="1"/>
    <col min="5641" max="5642" width="10" style="372" customWidth="1"/>
    <col min="5643" max="5643" width="17.109375" style="372" customWidth="1"/>
    <col min="5644" max="5888" width="9" style="372"/>
    <col min="5889" max="5889" width="1.6640625" style="372" customWidth="1"/>
    <col min="5890" max="5890" width="3.44140625" style="372" customWidth="1"/>
    <col min="5891" max="5892" width="9" style="372" customWidth="1"/>
    <col min="5893" max="5894" width="8.44140625" style="372" customWidth="1"/>
    <col min="5895" max="5895" width="8.33203125" style="372" customWidth="1"/>
    <col min="5896" max="5896" width="7.33203125" style="372" customWidth="1"/>
    <col min="5897" max="5898" width="10" style="372" customWidth="1"/>
    <col min="5899" max="5899" width="17.109375" style="372" customWidth="1"/>
    <col min="5900" max="6144" width="9" style="372"/>
    <col min="6145" max="6145" width="1.6640625" style="372" customWidth="1"/>
    <col min="6146" max="6146" width="3.44140625" style="372" customWidth="1"/>
    <col min="6147" max="6148" width="9" style="372" customWidth="1"/>
    <col min="6149" max="6150" width="8.44140625" style="372" customWidth="1"/>
    <col min="6151" max="6151" width="8.33203125" style="372" customWidth="1"/>
    <col min="6152" max="6152" width="7.33203125" style="372" customWidth="1"/>
    <col min="6153" max="6154" width="10" style="372" customWidth="1"/>
    <col min="6155" max="6155" width="17.109375" style="372" customWidth="1"/>
    <col min="6156" max="6400" width="9" style="372"/>
    <col min="6401" max="6401" width="1.6640625" style="372" customWidth="1"/>
    <col min="6402" max="6402" width="3.44140625" style="372" customWidth="1"/>
    <col min="6403" max="6404" width="9" style="372" customWidth="1"/>
    <col min="6405" max="6406" width="8.44140625" style="372" customWidth="1"/>
    <col min="6407" max="6407" width="8.33203125" style="372" customWidth="1"/>
    <col min="6408" max="6408" width="7.33203125" style="372" customWidth="1"/>
    <col min="6409" max="6410" width="10" style="372" customWidth="1"/>
    <col min="6411" max="6411" width="17.109375" style="372" customWidth="1"/>
    <col min="6412" max="6656" width="9" style="372"/>
    <col min="6657" max="6657" width="1.6640625" style="372" customWidth="1"/>
    <col min="6658" max="6658" width="3.44140625" style="372" customWidth="1"/>
    <col min="6659" max="6660" width="9" style="372" customWidth="1"/>
    <col min="6661" max="6662" width="8.44140625" style="372" customWidth="1"/>
    <col min="6663" max="6663" width="8.33203125" style="372" customWidth="1"/>
    <col min="6664" max="6664" width="7.33203125" style="372" customWidth="1"/>
    <col min="6665" max="6666" width="10" style="372" customWidth="1"/>
    <col min="6667" max="6667" width="17.109375" style="372" customWidth="1"/>
    <col min="6668" max="6912" width="9" style="372"/>
    <col min="6913" max="6913" width="1.6640625" style="372" customWidth="1"/>
    <col min="6914" max="6914" width="3.44140625" style="372" customWidth="1"/>
    <col min="6915" max="6916" width="9" style="372" customWidth="1"/>
    <col min="6917" max="6918" width="8.44140625" style="372" customWidth="1"/>
    <col min="6919" max="6919" width="8.33203125" style="372" customWidth="1"/>
    <col min="6920" max="6920" width="7.33203125" style="372" customWidth="1"/>
    <col min="6921" max="6922" width="10" style="372" customWidth="1"/>
    <col min="6923" max="6923" width="17.109375" style="372" customWidth="1"/>
    <col min="6924" max="7168" width="9" style="372"/>
    <col min="7169" max="7169" width="1.6640625" style="372" customWidth="1"/>
    <col min="7170" max="7170" width="3.44140625" style="372" customWidth="1"/>
    <col min="7171" max="7172" width="9" style="372" customWidth="1"/>
    <col min="7173" max="7174" width="8.44140625" style="372" customWidth="1"/>
    <col min="7175" max="7175" width="8.33203125" style="372" customWidth="1"/>
    <col min="7176" max="7176" width="7.33203125" style="372" customWidth="1"/>
    <col min="7177" max="7178" width="10" style="372" customWidth="1"/>
    <col min="7179" max="7179" width="17.109375" style="372" customWidth="1"/>
    <col min="7180" max="7424" width="9" style="372"/>
    <col min="7425" max="7425" width="1.6640625" style="372" customWidth="1"/>
    <col min="7426" max="7426" width="3.44140625" style="372" customWidth="1"/>
    <col min="7427" max="7428" width="9" style="372" customWidth="1"/>
    <col min="7429" max="7430" width="8.44140625" style="372" customWidth="1"/>
    <col min="7431" max="7431" width="8.33203125" style="372" customWidth="1"/>
    <col min="7432" max="7432" width="7.33203125" style="372" customWidth="1"/>
    <col min="7433" max="7434" width="10" style="372" customWidth="1"/>
    <col min="7435" max="7435" width="17.109375" style="372" customWidth="1"/>
    <col min="7436" max="7680" width="9" style="372"/>
    <col min="7681" max="7681" width="1.6640625" style="372" customWidth="1"/>
    <col min="7682" max="7682" width="3.44140625" style="372" customWidth="1"/>
    <col min="7683" max="7684" width="9" style="372" customWidth="1"/>
    <col min="7685" max="7686" width="8.44140625" style="372" customWidth="1"/>
    <col min="7687" max="7687" width="8.33203125" style="372" customWidth="1"/>
    <col min="7688" max="7688" width="7.33203125" style="372" customWidth="1"/>
    <col min="7689" max="7690" width="10" style="372" customWidth="1"/>
    <col min="7691" max="7691" width="17.109375" style="372" customWidth="1"/>
    <col min="7692" max="7936" width="9" style="372"/>
    <col min="7937" max="7937" width="1.6640625" style="372" customWidth="1"/>
    <col min="7938" max="7938" width="3.44140625" style="372" customWidth="1"/>
    <col min="7939" max="7940" width="9" style="372" customWidth="1"/>
    <col min="7941" max="7942" width="8.44140625" style="372" customWidth="1"/>
    <col min="7943" max="7943" width="8.33203125" style="372" customWidth="1"/>
    <col min="7944" max="7944" width="7.33203125" style="372" customWidth="1"/>
    <col min="7945" max="7946" width="10" style="372" customWidth="1"/>
    <col min="7947" max="7947" width="17.109375" style="372" customWidth="1"/>
    <col min="7948" max="8192" width="9" style="372"/>
    <col min="8193" max="8193" width="1.6640625" style="372" customWidth="1"/>
    <col min="8194" max="8194" width="3.44140625" style="372" customWidth="1"/>
    <col min="8195" max="8196" width="9" style="372" customWidth="1"/>
    <col min="8197" max="8198" width="8.44140625" style="372" customWidth="1"/>
    <col min="8199" max="8199" width="8.33203125" style="372" customWidth="1"/>
    <col min="8200" max="8200" width="7.33203125" style="372" customWidth="1"/>
    <col min="8201" max="8202" width="10" style="372" customWidth="1"/>
    <col min="8203" max="8203" width="17.109375" style="372" customWidth="1"/>
    <col min="8204" max="8448" width="9" style="372"/>
    <col min="8449" max="8449" width="1.6640625" style="372" customWidth="1"/>
    <col min="8450" max="8450" width="3.44140625" style="372" customWidth="1"/>
    <col min="8451" max="8452" width="9" style="372" customWidth="1"/>
    <col min="8453" max="8454" width="8.44140625" style="372" customWidth="1"/>
    <col min="8455" max="8455" width="8.33203125" style="372" customWidth="1"/>
    <col min="8456" max="8456" width="7.33203125" style="372" customWidth="1"/>
    <col min="8457" max="8458" width="10" style="372" customWidth="1"/>
    <col min="8459" max="8459" width="17.109375" style="372" customWidth="1"/>
    <col min="8460" max="8704" width="9" style="372"/>
    <col min="8705" max="8705" width="1.6640625" style="372" customWidth="1"/>
    <col min="8706" max="8706" width="3.44140625" style="372" customWidth="1"/>
    <col min="8707" max="8708" width="9" style="372" customWidth="1"/>
    <col min="8709" max="8710" width="8.44140625" style="372" customWidth="1"/>
    <col min="8711" max="8711" width="8.33203125" style="372" customWidth="1"/>
    <col min="8712" max="8712" width="7.33203125" style="372" customWidth="1"/>
    <col min="8713" max="8714" width="10" style="372" customWidth="1"/>
    <col min="8715" max="8715" width="17.109375" style="372" customWidth="1"/>
    <col min="8716" max="8960" width="9" style="372"/>
    <col min="8961" max="8961" width="1.6640625" style="372" customWidth="1"/>
    <col min="8962" max="8962" width="3.44140625" style="372" customWidth="1"/>
    <col min="8963" max="8964" width="9" style="372" customWidth="1"/>
    <col min="8965" max="8966" width="8.44140625" style="372" customWidth="1"/>
    <col min="8967" max="8967" width="8.33203125" style="372" customWidth="1"/>
    <col min="8968" max="8968" width="7.33203125" style="372" customWidth="1"/>
    <col min="8969" max="8970" width="10" style="372" customWidth="1"/>
    <col min="8971" max="8971" width="17.109375" style="372" customWidth="1"/>
    <col min="8972" max="9216" width="9" style="372"/>
    <col min="9217" max="9217" width="1.6640625" style="372" customWidth="1"/>
    <col min="9218" max="9218" width="3.44140625" style="372" customWidth="1"/>
    <col min="9219" max="9220" width="9" style="372" customWidth="1"/>
    <col min="9221" max="9222" width="8.44140625" style="372" customWidth="1"/>
    <col min="9223" max="9223" width="8.33203125" style="372" customWidth="1"/>
    <col min="9224" max="9224" width="7.33203125" style="372" customWidth="1"/>
    <col min="9225" max="9226" width="10" style="372" customWidth="1"/>
    <col min="9227" max="9227" width="17.109375" style="372" customWidth="1"/>
    <col min="9228" max="9472" width="9" style="372"/>
    <col min="9473" max="9473" width="1.6640625" style="372" customWidth="1"/>
    <col min="9474" max="9474" width="3.44140625" style="372" customWidth="1"/>
    <col min="9475" max="9476" width="9" style="372" customWidth="1"/>
    <col min="9477" max="9478" width="8.44140625" style="372" customWidth="1"/>
    <col min="9479" max="9479" width="8.33203125" style="372" customWidth="1"/>
    <col min="9480" max="9480" width="7.33203125" style="372" customWidth="1"/>
    <col min="9481" max="9482" width="10" style="372" customWidth="1"/>
    <col min="9483" max="9483" width="17.109375" style="372" customWidth="1"/>
    <col min="9484" max="9728" width="9" style="372"/>
    <col min="9729" max="9729" width="1.6640625" style="372" customWidth="1"/>
    <col min="9730" max="9730" width="3.44140625" style="372" customWidth="1"/>
    <col min="9731" max="9732" width="9" style="372" customWidth="1"/>
    <col min="9733" max="9734" width="8.44140625" style="372" customWidth="1"/>
    <col min="9735" max="9735" width="8.33203125" style="372" customWidth="1"/>
    <col min="9736" max="9736" width="7.33203125" style="372" customWidth="1"/>
    <col min="9737" max="9738" width="10" style="372" customWidth="1"/>
    <col min="9739" max="9739" width="17.109375" style="372" customWidth="1"/>
    <col min="9740" max="9984" width="9" style="372"/>
    <col min="9985" max="9985" width="1.6640625" style="372" customWidth="1"/>
    <col min="9986" max="9986" width="3.44140625" style="372" customWidth="1"/>
    <col min="9987" max="9988" width="9" style="372" customWidth="1"/>
    <col min="9989" max="9990" width="8.44140625" style="372" customWidth="1"/>
    <col min="9991" max="9991" width="8.33203125" style="372" customWidth="1"/>
    <col min="9992" max="9992" width="7.33203125" style="372" customWidth="1"/>
    <col min="9993" max="9994" width="10" style="372" customWidth="1"/>
    <col min="9995" max="9995" width="17.109375" style="372" customWidth="1"/>
    <col min="9996" max="10240" width="9" style="372"/>
    <col min="10241" max="10241" width="1.6640625" style="372" customWidth="1"/>
    <col min="10242" max="10242" width="3.44140625" style="372" customWidth="1"/>
    <col min="10243" max="10244" width="9" style="372" customWidth="1"/>
    <col min="10245" max="10246" width="8.44140625" style="372" customWidth="1"/>
    <col min="10247" max="10247" width="8.33203125" style="372" customWidth="1"/>
    <col min="10248" max="10248" width="7.33203125" style="372" customWidth="1"/>
    <col min="10249" max="10250" width="10" style="372" customWidth="1"/>
    <col min="10251" max="10251" width="17.109375" style="372" customWidth="1"/>
    <col min="10252" max="10496" width="9" style="372"/>
    <col min="10497" max="10497" width="1.6640625" style="372" customWidth="1"/>
    <col min="10498" max="10498" width="3.44140625" style="372" customWidth="1"/>
    <col min="10499" max="10500" width="9" style="372" customWidth="1"/>
    <col min="10501" max="10502" width="8.44140625" style="372" customWidth="1"/>
    <col min="10503" max="10503" width="8.33203125" style="372" customWidth="1"/>
    <col min="10504" max="10504" width="7.33203125" style="372" customWidth="1"/>
    <col min="10505" max="10506" width="10" style="372" customWidth="1"/>
    <col min="10507" max="10507" width="17.109375" style="372" customWidth="1"/>
    <col min="10508" max="10752" width="9" style="372"/>
    <col min="10753" max="10753" width="1.6640625" style="372" customWidth="1"/>
    <col min="10754" max="10754" width="3.44140625" style="372" customWidth="1"/>
    <col min="10755" max="10756" width="9" style="372" customWidth="1"/>
    <col min="10757" max="10758" width="8.44140625" style="372" customWidth="1"/>
    <col min="10759" max="10759" width="8.33203125" style="372" customWidth="1"/>
    <col min="10760" max="10760" width="7.33203125" style="372" customWidth="1"/>
    <col min="10761" max="10762" width="10" style="372" customWidth="1"/>
    <col min="10763" max="10763" width="17.109375" style="372" customWidth="1"/>
    <col min="10764" max="11008" width="9" style="372"/>
    <col min="11009" max="11009" width="1.6640625" style="372" customWidth="1"/>
    <col min="11010" max="11010" width="3.44140625" style="372" customWidth="1"/>
    <col min="11011" max="11012" width="9" style="372" customWidth="1"/>
    <col min="11013" max="11014" width="8.44140625" style="372" customWidth="1"/>
    <col min="11015" max="11015" width="8.33203125" style="372" customWidth="1"/>
    <col min="11016" max="11016" width="7.33203125" style="372" customWidth="1"/>
    <col min="11017" max="11018" width="10" style="372" customWidth="1"/>
    <col min="11019" max="11019" width="17.109375" style="372" customWidth="1"/>
    <col min="11020" max="11264" width="9" style="372"/>
    <col min="11265" max="11265" width="1.6640625" style="372" customWidth="1"/>
    <col min="11266" max="11266" width="3.44140625" style="372" customWidth="1"/>
    <col min="11267" max="11268" width="9" style="372" customWidth="1"/>
    <col min="11269" max="11270" width="8.44140625" style="372" customWidth="1"/>
    <col min="11271" max="11271" width="8.33203125" style="372" customWidth="1"/>
    <col min="11272" max="11272" width="7.33203125" style="372" customWidth="1"/>
    <col min="11273" max="11274" width="10" style="372" customWidth="1"/>
    <col min="11275" max="11275" width="17.109375" style="372" customWidth="1"/>
    <col min="11276" max="11520" width="9" style="372"/>
    <col min="11521" max="11521" width="1.6640625" style="372" customWidth="1"/>
    <col min="11522" max="11522" width="3.44140625" style="372" customWidth="1"/>
    <col min="11523" max="11524" width="9" style="372" customWidth="1"/>
    <col min="11525" max="11526" width="8.44140625" style="372" customWidth="1"/>
    <col min="11527" max="11527" width="8.33203125" style="372" customWidth="1"/>
    <col min="11528" max="11528" width="7.33203125" style="372" customWidth="1"/>
    <col min="11529" max="11530" width="10" style="372" customWidth="1"/>
    <col min="11531" max="11531" width="17.109375" style="372" customWidth="1"/>
    <col min="11532" max="11776" width="9" style="372"/>
    <col min="11777" max="11777" width="1.6640625" style="372" customWidth="1"/>
    <col min="11778" max="11778" width="3.44140625" style="372" customWidth="1"/>
    <col min="11779" max="11780" width="9" style="372" customWidth="1"/>
    <col min="11781" max="11782" width="8.44140625" style="372" customWidth="1"/>
    <col min="11783" max="11783" width="8.33203125" style="372" customWidth="1"/>
    <col min="11784" max="11784" width="7.33203125" style="372" customWidth="1"/>
    <col min="11785" max="11786" width="10" style="372" customWidth="1"/>
    <col min="11787" max="11787" width="17.109375" style="372" customWidth="1"/>
    <col min="11788" max="12032" width="9" style="372"/>
    <col min="12033" max="12033" width="1.6640625" style="372" customWidth="1"/>
    <col min="12034" max="12034" width="3.44140625" style="372" customWidth="1"/>
    <col min="12035" max="12036" width="9" style="372" customWidth="1"/>
    <col min="12037" max="12038" width="8.44140625" style="372" customWidth="1"/>
    <col min="12039" max="12039" width="8.33203125" style="372" customWidth="1"/>
    <col min="12040" max="12040" width="7.33203125" style="372" customWidth="1"/>
    <col min="12041" max="12042" width="10" style="372" customWidth="1"/>
    <col min="12043" max="12043" width="17.109375" style="372" customWidth="1"/>
    <col min="12044" max="12288" width="9" style="372"/>
    <col min="12289" max="12289" width="1.6640625" style="372" customWidth="1"/>
    <col min="12290" max="12290" width="3.44140625" style="372" customWidth="1"/>
    <col min="12291" max="12292" width="9" style="372" customWidth="1"/>
    <col min="12293" max="12294" width="8.44140625" style="372" customWidth="1"/>
    <col min="12295" max="12295" width="8.33203125" style="372" customWidth="1"/>
    <col min="12296" max="12296" width="7.33203125" style="372" customWidth="1"/>
    <col min="12297" max="12298" width="10" style="372" customWidth="1"/>
    <col min="12299" max="12299" width="17.109375" style="372" customWidth="1"/>
    <col min="12300" max="12544" width="9" style="372"/>
    <col min="12545" max="12545" width="1.6640625" style="372" customWidth="1"/>
    <col min="12546" max="12546" width="3.44140625" style="372" customWidth="1"/>
    <col min="12547" max="12548" width="9" style="372" customWidth="1"/>
    <col min="12549" max="12550" width="8.44140625" style="372" customWidth="1"/>
    <col min="12551" max="12551" width="8.33203125" style="372" customWidth="1"/>
    <col min="12552" max="12552" width="7.33203125" style="372" customWidth="1"/>
    <col min="12553" max="12554" width="10" style="372" customWidth="1"/>
    <col min="12555" max="12555" width="17.109375" style="372" customWidth="1"/>
    <col min="12556" max="12800" width="9" style="372"/>
    <col min="12801" max="12801" width="1.6640625" style="372" customWidth="1"/>
    <col min="12802" max="12802" width="3.44140625" style="372" customWidth="1"/>
    <col min="12803" max="12804" width="9" style="372" customWidth="1"/>
    <col min="12805" max="12806" width="8.44140625" style="372" customWidth="1"/>
    <col min="12807" max="12807" width="8.33203125" style="372" customWidth="1"/>
    <col min="12808" max="12808" width="7.33203125" style="372" customWidth="1"/>
    <col min="12809" max="12810" width="10" style="372" customWidth="1"/>
    <col min="12811" max="12811" width="17.109375" style="372" customWidth="1"/>
    <col min="12812" max="13056" width="9" style="372"/>
    <col min="13057" max="13057" width="1.6640625" style="372" customWidth="1"/>
    <col min="13058" max="13058" width="3.44140625" style="372" customWidth="1"/>
    <col min="13059" max="13060" width="9" style="372" customWidth="1"/>
    <col min="13061" max="13062" width="8.44140625" style="372" customWidth="1"/>
    <col min="13063" max="13063" width="8.33203125" style="372" customWidth="1"/>
    <col min="13064" max="13064" width="7.33203125" style="372" customWidth="1"/>
    <col min="13065" max="13066" width="10" style="372" customWidth="1"/>
    <col min="13067" max="13067" width="17.109375" style="372" customWidth="1"/>
    <col min="13068" max="13312" width="9" style="372"/>
    <col min="13313" max="13313" width="1.6640625" style="372" customWidth="1"/>
    <col min="13314" max="13314" width="3.44140625" style="372" customWidth="1"/>
    <col min="13315" max="13316" width="9" style="372" customWidth="1"/>
    <col min="13317" max="13318" width="8.44140625" style="372" customWidth="1"/>
    <col min="13319" max="13319" width="8.33203125" style="372" customWidth="1"/>
    <col min="13320" max="13320" width="7.33203125" style="372" customWidth="1"/>
    <col min="13321" max="13322" width="10" style="372" customWidth="1"/>
    <col min="13323" max="13323" width="17.109375" style="372" customWidth="1"/>
    <col min="13324" max="13568" width="9" style="372"/>
    <col min="13569" max="13569" width="1.6640625" style="372" customWidth="1"/>
    <col min="13570" max="13570" width="3.44140625" style="372" customWidth="1"/>
    <col min="13571" max="13572" width="9" style="372" customWidth="1"/>
    <col min="13573" max="13574" width="8.44140625" style="372" customWidth="1"/>
    <col min="13575" max="13575" width="8.33203125" style="372" customWidth="1"/>
    <col min="13576" max="13576" width="7.33203125" style="372" customWidth="1"/>
    <col min="13577" max="13578" width="10" style="372" customWidth="1"/>
    <col min="13579" max="13579" width="17.109375" style="372" customWidth="1"/>
    <col min="13580" max="13824" width="9" style="372"/>
    <col min="13825" max="13825" width="1.6640625" style="372" customWidth="1"/>
    <col min="13826" max="13826" width="3.44140625" style="372" customWidth="1"/>
    <col min="13827" max="13828" width="9" style="372" customWidth="1"/>
    <col min="13829" max="13830" width="8.44140625" style="372" customWidth="1"/>
    <col min="13831" max="13831" width="8.33203125" style="372" customWidth="1"/>
    <col min="13832" max="13832" width="7.33203125" style="372" customWidth="1"/>
    <col min="13833" max="13834" width="10" style="372" customWidth="1"/>
    <col min="13835" max="13835" width="17.109375" style="372" customWidth="1"/>
    <col min="13836" max="14080" width="9" style="372"/>
    <col min="14081" max="14081" width="1.6640625" style="372" customWidth="1"/>
    <col min="14082" max="14082" width="3.44140625" style="372" customWidth="1"/>
    <col min="14083" max="14084" width="9" style="372" customWidth="1"/>
    <col min="14085" max="14086" width="8.44140625" style="372" customWidth="1"/>
    <col min="14087" max="14087" width="8.33203125" style="372" customWidth="1"/>
    <col min="14088" max="14088" width="7.33203125" style="372" customWidth="1"/>
    <col min="14089" max="14090" width="10" style="372" customWidth="1"/>
    <col min="14091" max="14091" width="17.109375" style="372" customWidth="1"/>
    <col min="14092" max="14336" width="9" style="372"/>
    <col min="14337" max="14337" width="1.6640625" style="372" customWidth="1"/>
    <col min="14338" max="14338" width="3.44140625" style="372" customWidth="1"/>
    <col min="14339" max="14340" width="9" style="372" customWidth="1"/>
    <col min="14341" max="14342" width="8.44140625" style="372" customWidth="1"/>
    <col min="14343" max="14343" width="8.33203125" style="372" customWidth="1"/>
    <col min="14344" max="14344" width="7.33203125" style="372" customWidth="1"/>
    <col min="14345" max="14346" width="10" style="372" customWidth="1"/>
    <col min="14347" max="14347" width="17.109375" style="372" customWidth="1"/>
    <col min="14348" max="14592" width="9" style="372"/>
    <col min="14593" max="14593" width="1.6640625" style="372" customWidth="1"/>
    <col min="14594" max="14594" width="3.44140625" style="372" customWidth="1"/>
    <col min="14595" max="14596" width="9" style="372" customWidth="1"/>
    <col min="14597" max="14598" width="8.44140625" style="372" customWidth="1"/>
    <col min="14599" max="14599" width="8.33203125" style="372" customWidth="1"/>
    <col min="14600" max="14600" width="7.33203125" style="372" customWidth="1"/>
    <col min="14601" max="14602" width="10" style="372" customWidth="1"/>
    <col min="14603" max="14603" width="17.109375" style="372" customWidth="1"/>
    <col min="14604" max="14848" width="9" style="372"/>
    <col min="14849" max="14849" width="1.6640625" style="372" customWidth="1"/>
    <col min="14850" max="14850" width="3.44140625" style="372" customWidth="1"/>
    <col min="14851" max="14852" width="9" style="372" customWidth="1"/>
    <col min="14853" max="14854" width="8.44140625" style="372" customWidth="1"/>
    <col min="14855" max="14855" width="8.33203125" style="372" customWidth="1"/>
    <col min="14856" max="14856" width="7.33203125" style="372" customWidth="1"/>
    <col min="14857" max="14858" width="10" style="372" customWidth="1"/>
    <col min="14859" max="14859" width="17.109375" style="372" customWidth="1"/>
    <col min="14860" max="15104" width="9" style="372"/>
    <col min="15105" max="15105" width="1.6640625" style="372" customWidth="1"/>
    <col min="15106" max="15106" width="3.44140625" style="372" customWidth="1"/>
    <col min="15107" max="15108" width="9" style="372" customWidth="1"/>
    <col min="15109" max="15110" width="8.44140625" style="372" customWidth="1"/>
    <col min="15111" max="15111" width="8.33203125" style="372" customWidth="1"/>
    <col min="15112" max="15112" width="7.33203125" style="372" customWidth="1"/>
    <col min="15113" max="15114" width="10" style="372" customWidth="1"/>
    <col min="15115" max="15115" width="17.109375" style="372" customWidth="1"/>
    <col min="15116" max="15360" width="9" style="372"/>
    <col min="15361" max="15361" width="1.6640625" style="372" customWidth="1"/>
    <col min="15362" max="15362" width="3.44140625" style="372" customWidth="1"/>
    <col min="15363" max="15364" width="9" style="372" customWidth="1"/>
    <col min="15365" max="15366" width="8.44140625" style="372" customWidth="1"/>
    <col min="15367" max="15367" width="8.33203125" style="372" customWidth="1"/>
    <col min="15368" max="15368" width="7.33203125" style="372" customWidth="1"/>
    <col min="15369" max="15370" width="10" style="372" customWidth="1"/>
    <col min="15371" max="15371" width="17.109375" style="372" customWidth="1"/>
    <col min="15372" max="15616" width="9" style="372"/>
    <col min="15617" max="15617" width="1.6640625" style="372" customWidth="1"/>
    <col min="15618" max="15618" width="3.44140625" style="372" customWidth="1"/>
    <col min="15619" max="15620" width="9" style="372" customWidth="1"/>
    <col min="15621" max="15622" width="8.44140625" style="372" customWidth="1"/>
    <col min="15623" max="15623" width="8.33203125" style="372" customWidth="1"/>
    <col min="15624" max="15624" width="7.33203125" style="372" customWidth="1"/>
    <col min="15625" max="15626" width="10" style="372" customWidth="1"/>
    <col min="15627" max="15627" width="17.109375" style="372" customWidth="1"/>
    <col min="15628" max="15872" width="9" style="372"/>
    <col min="15873" max="15873" width="1.6640625" style="372" customWidth="1"/>
    <col min="15874" max="15874" width="3.44140625" style="372" customWidth="1"/>
    <col min="15875" max="15876" width="9" style="372" customWidth="1"/>
    <col min="15877" max="15878" width="8.44140625" style="372" customWidth="1"/>
    <col min="15879" max="15879" width="8.33203125" style="372" customWidth="1"/>
    <col min="15880" max="15880" width="7.33203125" style="372" customWidth="1"/>
    <col min="15881" max="15882" width="10" style="372" customWidth="1"/>
    <col min="15883" max="15883" width="17.109375" style="372" customWidth="1"/>
    <col min="15884" max="16128" width="9" style="372"/>
    <col min="16129" max="16129" width="1.6640625" style="372" customWidth="1"/>
    <col min="16130" max="16130" width="3.44140625" style="372" customWidth="1"/>
    <col min="16131" max="16132" width="9" style="372" customWidth="1"/>
    <col min="16133" max="16134" width="8.44140625" style="372" customWidth="1"/>
    <col min="16135" max="16135" width="8.33203125" style="372" customWidth="1"/>
    <col min="16136" max="16136" width="7.33203125" style="372" customWidth="1"/>
    <col min="16137" max="16138" width="10" style="372" customWidth="1"/>
    <col min="16139" max="16139" width="17.109375" style="372" customWidth="1"/>
    <col min="16140" max="16384" width="9" style="372"/>
  </cols>
  <sheetData>
    <row r="1" spans="2:11" ht="18" customHeight="1" thickBot="1" x14ac:dyDescent="0.25">
      <c r="B1" s="372">
        <v>41</v>
      </c>
      <c r="C1" s="410" t="s">
        <v>585</v>
      </c>
      <c r="D1" s="409"/>
      <c r="H1" s="2575" t="s">
        <v>737</v>
      </c>
      <c r="I1" s="2575"/>
      <c r="J1" s="2575"/>
      <c r="K1" s="2575"/>
    </row>
    <row r="2" spans="2:11" ht="41.25" customHeight="1" x14ac:dyDescent="0.2">
      <c r="B2" s="2577" t="s">
        <v>584</v>
      </c>
      <c r="C2" s="2578"/>
      <c r="D2" s="2578"/>
      <c r="E2" s="2578"/>
      <c r="F2" s="2578"/>
      <c r="G2" s="2578"/>
      <c r="H2" s="2578"/>
      <c r="I2" s="2578"/>
      <c r="J2" s="2578"/>
      <c r="K2" s="2578"/>
    </row>
    <row r="3" spans="2:11" ht="6" customHeight="1" x14ac:dyDescent="0.2">
      <c r="B3" s="2594"/>
      <c r="C3" s="2594"/>
      <c r="D3" s="2594"/>
      <c r="E3" s="2595"/>
      <c r="F3" s="2574"/>
      <c r="G3" s="407"/>
    </row>
    <row r="4" spans="2:11" ht="15" customHeight="1" x14ac:dyDescent="0.2">
      <c r="B4" s="2594"/>
      <c r="C4" s="2594"/>
      <c r="D4" s="2594"/>
      <c r="E4" s="2595"/>
      <c r="F4" s="2574"/>
      <c r="G4" s="407"/>
      <c r="H4" s="2607" t="s">
        <v>736</v>
      </c>
      <c r="I4" s="2607"/>
      <c r="J4" s="2608"/>
      <c r="K4" s="2608"/>
    </row>
    <row r="5" spans="2:11" ht="15" customHeight="1" x14ac:dyDescent="0.2">
      <c r="B5" s="2594"/>
      <c r="C5" s="2594"/>
      <c r="D5" s="2594"/>
      <c r="E5" s="2595"/>
      <c r="F5" s="2574"/>
      <c r="G5" s="406"/>
      <c r="H5" s="2607"/>
      <c r="I5" s="2607"/>
      <c r="J5" s="2608"/>
      <c r="K5" s="2608"/>
    </row>
    <row r="6" spans="2:11" ht="6" customHeight="1" thickBot="1" x14ac:dyDescent="0.25">
      <c r="B6" s="400"/>
      <c r="C6" s="400"/>
      <c r="D6" s="400"/>
      <c r="E6" s="400"/>
      <c r="F6" s="400"/>
      <c r="G6" s="400"/>
      <c r="H6" s="400"/>
      <c r="I6" s="400"/>
      <c r="J6" s="400"/>
      <c r="K6" s="400"/>
    </row>
    <row r="7" spans="2:11" s="400" customFormat="1" ht="24.75" customHeight="1" x14ac:dyDescent="0.2">
      <c r="B7" s="402"/>
      <c r="C7" s="2547" t="s">
        <v>54</v>
      </c>
      <c r="D7" s="2547"/>
      <c r="E7" s="2547" t="s">
        <v>735</v>
      </c>
      <c r="F7" s="2547"/>
      <c r="G7" s="2547" t="s">
        <v>186</v>
      </c>
      <c r="H7" s="2600"/>
      <c r="I7" s="2601" t="s">
        <v>734</v>
      </c>
      <c r="J7" s="2602"/>
      <c r="K7" s="405" t="s">
        <v>413</v>
      </c>
    </row>
    <row r="8" spans="2:11" s="400" customFormat="1" ht="17.25" customHeight="1" x14ac:dyDescent="0.2">
      <c r="B8" s="402">
        <f t="shared" ref="B8:B47" si="0">ROW()-7</f>
        <v>1</v>
      </c>
      <c r="C8" s="2603"/>
      <c r="D8" s="2603"/>
      <c r="E8" s="2604"/>
      <c r="F8" s="2605"/>
      <c r="G8" s="2603"/>
      <c r="H8" s="2596"/>
      <c r="I8" s="2598"/>
      <c r="J8" s="2606"/>
      <c r="K8" s="403"/>
    </row>
    <row r="9" spans="2:11" s="400" customFormat="1" ht="17.25" customHeight="1" x14ac:dyDescent="0.2">
      <c r="B9" s="402">
        <f t="shared" si="0"/>
        <v>2</v>
      </c>
      <c r="C9" s="2603"/>
      <c r="D9" s="2603"/>
      <c r="E9" s="2604"/>
      <c r="F9" s="2605"/>
      <c r="G9" s="2603"/>
      <c r="H9" s="2596"/>
      <c r="I9" s="2598"/>
      <c r="J9" s="2606"/>
      <c r="K9" s="403"/>
    </row>
    <row r="10" spans="2:11" s="400" customFormat="1" ht="17.25" customHeight="1" x14ac:dyDescent="0.2">
      <c r="B10" s="402">
        <f t="shared" si="0"/>
        <v>3</v>
      </c>
      <c r="C10" s="2596"/>
      <c r="D10" s="2609"/>
      <c r="E10" s="2610"/>
      <c r="F10" s="2611"/>
      <c r="G10" s="2596"/>
      <c r="H10" s="2597"/>
      <c r="I10" s="2598"/>
      <c r="J10" s="2599"/>
      <c r="K10" s="403"/>
    </row>
    <row r="11" spans="2:11" s="400" customFormat="1" ht="17.25" customHeight="1" x14ac:dyDescent="0.2">
      <c r="B11" s="402">
        <f t="shared" si="0"/>
        <v>4</v>
      </c>
      <c r="C11" s="2596"/>
      <c r="D11" s="2609"/>
      <c r="E11" s="2610"/>
      <c r="F11" s="2611"/>
      <c r="G11" s="2596"/>
      <c r="H11" s="2597"/>
      <c r="I11" s="2598"/>
      <c r="J11" s="2599"/>
      <c r="K11" s="403"/>
    </row>
    <row r="12" spans="2:11" s="400" customFormat="1" ht="17.25" customHeight="1" x14ac:dyDescent="0.2">
      <c r="B12" s="402">
        <f t="shared" si="0"/>
        <v>5</v>
      </c>
      <c r="C12" s="2596"/>
      <c r="D12" s="2609"/>
      <c r="E12" s="2610"/>
      <c r="F12" s="2611"/>
      <c r="G12" s="2596"/>
      <c r="H12" s="2597"/>
      <c r="I12" s="2598"/>
      <c r="J12" s="2599"/>
      <c r="K12" s="403"/>
    </row>
    <row r="13" spans="2:11" s="400" customFormat="1" ht="17.25" customHeight="1" x14ac:dyDescent="0.2">
      <c r="B13" s="402">
        <f t="shared" si="0"/>
        <v>6</v>
      </c>
      <c r="C13" s="2596"/>
      <c r="D13" s="2609"/>
      <c r="E13" s="2610"/>
      <c r="F13" s="2611"/>
      <c r="G13" s="2596"/>
      <c r="H13" s="2597"/>
      <c r="I13" s="2598"/>
      <c r="J13" s="2599"/>
      <c r="K13" s="401"/>
    </row>
    <row r="14" spans="2:11" s="400" customFormat="1" ht="17.25" customHeight="1" x14ac:dyDescent="0.2">
      <c r="B14" s="402">
        <f t="shared" si="0"/>
        <v>7</v>
      </c>
      <c r="C14" s="2603"/>
      <c r="D14" s="2603"/>
      <c r="E14" s="2603"/>
      <c r="F14" s="2603"/>
      <c r="G14" s="2603"/>
      <c r="H14" s="2596"/>
      <c r="I14" s="2612"/>
      <c r="J14" s="2613"/>
      <c r="K14" s="404"/>
    </row>
    <row r="15" spans="2:11" s="400" customFormat="1" ht="17.25" customHeight="1" x14ac:dyDescent="0.2">
      <c r="B15" s="402">
        <f t="shared" si="0"/>
        <v>8</v>
      </c>
      <c r="C15" s="2603"/>
      <c r="D15" s="2603"/>
      <c r="E15" s="2603"/>
      <c r="F15" s="2603"/>
      <c r="G15" s="2603"/>
      <c r="H15" s="2596"/>
      <c r="I15" s="2614"/>
      <c r="J15" s="2606"/>
      <c r="K15" s="401"/>
    </row>
    <row r="16" spans="2:11" s="400" customFormat="1" ht="17.25" customHeight="1" x14ac:dyDescent="0.2">
      <c r="B16" s="402">
        <f t="shared" si="0"/>
        <v>9</v>
      </c>
      <c r="C16" s="2603"/>
      <c r="D16" s="2603"/>
      <c r="E16" s="2603"/>
      <c r="F16" s="2603"/>
      <c r="G16" s="2603"/>
      <c r="H16" s="2596"/>
      <c r="I16" s="2614"/>
      <c r="J16" s="2606"/>
      <c r="K16" s="401"/>
    </row>
    <row r="17" spans="2:11" s="400" customFormat="1" ht="17.25" customHeight="1" x14ac:dyDescent="0.2">
      <c r="B17" s="402">
        <f t="shared" si="0"/>
        <v>10</v>
      </c>
      <c r="C17" s="2603"/>
      <c r="D17" s="2603"/>
      <c r="E17" s="2603"/>
      <c r="F17" s="2603"/>
      <c r="G17" s="2603"/>
      <c r="H17" s="2596"/>
      <c r="I17" s="2615"/>
      <c r="J17" s="2616"/>
      <c r="K17" s="401"/>
    </row>
    <row r="18" spans="2:11" s="400" customFormat="1" ht="17.25" customHeight="1" x14ac:dyDescent="0.2">
      <c r="B18" s="402">
        <f t="shared" si="0"/>
        <v>11</v>
      </c>
      <c r="C18" s="2596"/>
      <c r="D18" s="2609"/>
      <c r="E18" s="2610"/>
      <c r="F18" s="2611"/>
      <c r="G18" s="2603"/>
      <c r="H18" s="2596"/>
      <c r="I18" s="2598"/>
      <c r="J18" s="2599"/>
      <c r="K18" s="403"/>
    </row>
    <row r="19" spans="2:11" s="400" customFormat="1" ht="17.25" customHeight="1" x14ac:dyDescent="0.2">
      <c r="B19" s="402">
        <f t="shared" si="0"/>
        <v>12</v>
      </c>
      <c r="C19" s="2603"/>
      <c r="D19" s="2603"/>
      <c r="E19" s="2604"/>
      <c r="F19" s="2605"/>
      <c r="G19" s="2603"/>
      <c r="H19" s="2596"/>
      <c r="I19" s="2598"/>
      <c r="J19" s="2606"/>
      <c r="K19" s="403"/>
    </row>
    <row r="20" spans="2:11" s="400" customFormat="1" ht="17.25" customHeight="1" x14ac:dyDescent="0.2">
      <c r="B20" s="402">
        <f t="shared" si="0"/>
        <v>13</v>
      </c>
      <c r="C20" s="2596"/>
      <c r="D20" s="2609"/>
      <c r="E20" s="2610"/>
      <c r="F20" s="2611"/>
      <c r="G20" s="2596"/>
      <c r="H20" s="2597"/>
      <c r="I20" s="2598"/>
      <c r="J20" s="2599"/>
      <c r="K20" s="403"/>
    </row>
    <row r="21" spans="2:11" s="400" customFormat="1" ht="17.25" customHeight="1" x14ac:dyDescent="0.2">
      <c r="B21" s="402">
        <f t="shared" si="0"/>
        <v>14</v>
      </c>
      <c r="C21" s="2603"/>
      <c r="D21" s="2603"/>
      <c r="E21" s="2604"/>
      <c r="F21" s="2605"/>
      <c r="G21" s="2603"/>
      <c r="H21" s="2596"/>
      <c r="I21" s="2598"/>
      <c r="J21" s="2606"/>
      <c r="K21" s="403"/>
    </row>
    <row r="22" spans="2:11" s="400" customFormat="1" ht="17.25" customHeight="1" x14ac:dyDescent="0.2">
      <c r="B22" s="402">
        <f t="shared" si="0"/>
        <v>15</v>
      </c>
      <c r="C22" s="2603"/>
      <c r="D22" s="2603"/>
      <c r="E22" s="2610"/>
      <c r="F22" s="2617"/>
      <c r="G22" s="2603"/>
      <c r="H22" s="2596"/>
      <c r="I22" s="2598"/>
      <c r="J22" s="2606"/>
      <c r="K22" s="401"/>
    </row>
    <row r="23" spans="2:11" s="400" customFormat="1" ht="17.25" customHeight="1" x14ac:dyDescent="0.2">
      <c r="B23" s="402">
        <f t="shared" si="0"/>
        <v>16</v>
      </c>
      <c r="C23" s="2603"/>
      <c r="D23" s="2603"/>
      <c r="E23" s="2618"/>
      <c r="F23" s="2603"/>
      <c r="G23" s="2603"/>
      <c r="H23" s="2596"/>
      <c r="I23" s="2598"/>
      <c r="J23" s="2606"/>
      <c r="K23" s="401"/>
    </row>
    <row r="24" spans="2:11" s="400" customFormat="1" ht="17.25" customHeight="1" x14ac:dyDescent="0.2">
      <c r="B24" s="402">
        <f t="shared" si="0"/>
        <v>17</v>
      </c>
      <c r="C24" s="2603"/>
      <c r="D24" s="2603"/>
      <c r="E24" s="2603"/>
      <c r="F24" s="2603"/>
      <c r="G24" s="2603"/>
      <c r="H24" s="2596"/>
      <c r="I24" s="2598"/>
      <c r="J24" s="2606"/>
      <c r="K24" s="401"/>
    </row>
    <row r="25" spans="2:11" s="400" customFormat="1" ht="17.25" customHeight="1" x14ac:dyDescent="0.2">
      <c r="B25" s="402">
        <f t="shared" si="0"/>
        <v>18</v>
      </c>
      <c r="C25" s="2603"/>
      <c r="D25" s="2603"/>
      <c r="E25" s="2603"/>
      <c r="F25" s="2603"/>
      <c r="G25" s="2603"/>
      <c r="H25" s="2596"/>
      <c r="I25" s="2598"/>
      <c r="J25" s="2606"/>
      <c r="K25" s="401"/>
    </row>
    <row r="26" spans="2:11" s="400" customFormat="1" ht="17.25" customHeight="1" x14ac:dyDescent="0.2">
      <c r="B26" s="402">
        <f t="shared" si="0"/>
        <v>19</v>
      </c>
      <c r="C26" s="2603"/>
      <c r="D26" s="2603"/>
      <c r="E26" s="2603"/>
      <c r="F26" s="2603"/>
      <c r="G26" s="2603"/>
      <c r="H26" s="2596"/>
      <c r="I26" s="2598"/>
      <c r="J26" s="2606"/>
      <c r="K26" s="401"/>
    </row>
    <row r="27" spans="2:11" s="400" customFormat="1" ht="17.25" customHeight="1" x14ac:dyDescent="0.2">
      <c r="B27" s="402">
        <f t="shared" si="0"/>
        <v>20</v>
      </c>
      <c r="C27" s="2603"/>
      <c r="D27" s="2603"/>
      <c r="E27" s="2603"/>
      <c r="F27" s="2603"/>
      <c r="G27" s="2603"/>
      <c r="H27" s="2596"/>
      <c r="I27" s="2598"/>
      <c r="J27" s="2606"/>
      <c r="K27" s="401"/>
    </row>
    <row r="28" spans="2:11" s="400" customFormat="1" ht="17.25" customHeight="1" x14ac:dyDescent="0.2">
      <c r="B28" s="402">
        <f t="shared" si="0"/>
        <v>21</v>
      </c>
      <c r="C28" s="2603"/>
      <c r="D28" s="2603"/>
      <c r="E28" s="2619"/>
      <c r="F28" s="2620"/>
      <c r="G28" s="2603"/>
      <c r="H28" s="2596"/>
      <c r="I28" s="2621"/>
      <c r="J28" s="2622"/>
      <c r="K28" s="403"/>
    </row>
    <row r="29" spans="2:11" s="400" customFormat="1" ht="17.25" customHeight="1" x14ac:dyDescent="0.2">
      <c r="B29" s="402">
        <f t="shared" si="0"/>
        <v>22</v>
      </c>
      <c r="C29" s="2603"/>
      <c r="D29" s="2603"/>
      <c r="E29" s="2619"/>
      <c r="F29" s="2620"/>
      <c r="G29" s="2603"/>
      <c r="H29" s="2596"/>
      <c r="I29" s="2598"/>
      <c r="J29" s="2606"/>
      <c r="K29" s="403"/>
    </row>
    <row r="30" spans="2:11" s="400" customFormat="1" ht="17.25" customHeight="1" x14ac:dyDescent="0.2">
      <c r="B30" s="402">
        <f t="shared" si="0"/>
        <v>23</v>
      </c>
      <c r="C30" s="2603"/>
      <c r="D30" s="2603"/>
      <c r="E30" s="2619"/>
      <c r="F30" s="2620"/>
      <c r="G30" s="2603"/>
      <c r="H30" s="2596"/>
      <c r="I30" s="2598"/>
      <c r="J30" s="2606"/>
      <c r="K30" s="403"/>
    </row>
    <row r="31" spans="2:11" s="400" customFormat="1" ht="17.25" customHeight="1" x14ac:dyDescent="0.2">
      <c r="B31" s="402">
        <f t="shared" si="0"/>
        <v>24</v>
      </c>
      <c r="C31" s="2603"/>
      <c r="D31" s="2603"/>
      <c r="E31" s="2619"/>
      <c r="F31" s="2620"/>
      <c r="G31" s="2603"/>
      <c r="H31" s="2596"/>
      <c r="I31" s="2598"/>
      <c r="J31" s="2606"/>
      <c r="K31" s="403"/>
    </row>
    <row r="32" spans="2:11" s="400" customFormat="1" ht="17.25" customHeight="1" x14ac:dyDescent="0.2">
      <c r="B32" s="402">
        <f t="shared" si="0"/>
        <v>25</v>
      </c>
      <c r="C32" s="2603"/>
      <c r="D32" s="2603"/>
      <c r="E32" s="2619"/>
      <c r="F32" s="2620"/>
      <c r="G32" s="2603"/>
      <c r="H32" s="2596"/>
      <c r="I32" s="2598"/>
      <c r="J32" s="2606"/>
      <c r="K32" s="403"/>
    </row>
    <row r="33" spans="2:11" s="400" customFormat="1" ht="17.25" customHeight="1" x14ac:dyDescent="0.2">
      <c r="B33" s="402">
        <f t="shared" si="0"/>
        <v>26</v>
      </c>
      <c r="C33" s="2603"/>
      <c r="D33" s="2603"/>
      <c r="E33" s="2619"/>
      <c r="F33" s="2620"/>
      <c r="G33" s="2603"/>
      <c r="H33" s="2596"/>
      <c r="I33" s="2598"/>
      <c r="J33" s="2606"/>
      <c r="K33" s="403"/>
    </row>
    <row r="34" spans="2:11" s="400" customFormat="1" ht="17.25" customHeight="1" x14ac:dyDescent="0.2">
      <c r="B34" s="402">
        <f t="shared" si="0"/>
        <v>27</v>
      </c>
      <c r="C34" s="2603"/>
      <c r="D34" s="2603"/>
      <c r="E34" s="2619"/>
      <c r="F34" s="2620"/>
      <c r="G34" s="2603"/>
      <c r="H34" s="2596"/>
      <c r="I34" s="2598"/>
      <c r="J34" s="2606"/>
      <c r="K34" s="403"/>
    </row>
    <row r="35" spans="2:11" s="400" customFormat="1" ht="17.25" customHeight="1" x14ac:dyDescent="0.2">
      <c r="B35" s="402">
        <f t="shared" si="0"/>
        <v>28</v>
      </c>
      <c r="C35" s="2603"/>
      <c r="D35" s="2603"/>
      <c r="E35" s="2619"/>
      <c r="F35" s="2620"/>
      <c r="G35" s="2603"/>
      <c r="H35" s="2596"/>
      <c r="I35" s="2598"/>
      <c r="J35" s="2606"/>
      <c r="K35" s="403"/>
    </row>
    <row r="36" spans="2:11" s="400" customFormat="1" ht="17.25" customHeight="1" x14ac:dyDescent="0.2">
      <c r="B36" s="402">
        <f t="shared" si="0"/>
        <v>29</v>
      </c>
      <c r="C36" s="2603"/>
      <c r="D36" s="2603"/>
      <c r="E36" s="2619"/>
      <c r="F36" s="2620"/>
      <c r="G36" s="2603"/>
      <c r="H36" s="2596"/>
      <c r="I36" s="2598"/>
      <c r="J36" s="2606"/>
      <c r="K36" s="403"/>
    </row>
    <row r="37" spans="2:11" s="400" customFormat="1" ht="17.25" customHeight="1" x14ac:dyDescent="0.2">
      <c r="B37" s="402">
        <f t="shared" si="0"/>
        <v>30</v>
      </c>
      <c r="C37" s="2603"/>
      <c r="D37" s="2603"/>
      <c r="E37" s="2619"/>
      <c r="F37" s="2620"/>
      <c r="G37" s="2603"/>
      <c r="H37" s="2596"/>
      <c r="I37" s="2598"/>
      <c r="J37" s="2606"/>
      <c r="K37" s="403"/>
    </row>
    <row r="38" spans="2:11" s="400" customFormat="1" ht="17.25" customHeight="1" x14ac:dyDescent="0.2">
      <c r="B38" s="402">
        <f t="shared" si="0"/>
        <v>31</v>
      </c>
      <c r="C38" s="2603"/>
      <c r="D38" s="2603"/>
      <c r="E38" s="2619"/>
      <c r="F38" s="2620"/>
      <c r="G38" s="2603"/>
      <c r="H38" s="2596"/>
      <c r="I38" s="2598"/>
      <c r="J38" s="2606"/>
      <c r="K38" s="403"/>
    </row>
    <row r="39" spans="2:11" s="400" customFormat="1" ht="17.25" customHeight="1" x14ac:dyDescent="0.2">
      <c r="B39" s="402">
        <f t="shared" si="0"/>
        <v>32</v>
      </c>
      <c r="C39" s="2603"/>
      <c r="D39" s="2603"/>
      <c r="E39" s="2619"/>
      <c r="F39" s="2620"/>
      <c r="G39" s="2603"/>
      <c r="H39" s="2596"/>
      <c r="I39" s="2598"/>
      <c r="J39" s="2606"/>
      <c r="K39" s="403"/>
    </row>
    <row r="40" spans="2:11" s="400" customFormat="1" ht="17.25" customHeight="1" x14ac:dyDescent="0.2">
      <c r="B40" s="402">
        <f t="shared" si="0"/>
        <v>33</v>
      </c>
      <c r="C40" s="2603"/>
      <c r="D40" s="2603"/>
      <c r="E40" s="2619"/>
      <c r="F40" s="2620"/>
      <c r="G40" s="2603"/>
      <c r="H40" s="2596"/>
      <c r="I40" s="2598"/>
      <c r="J40" s="2606"/>
      <c r="K40" s="403"/>
    </row>
    <row r="41" spans="2:11" s="400" customFormat="1" ht="17.25" customHeight="1" x14ac:dyDescent="0.2">
      <c r="B41" s="402">
        <f t="shared" si="0"/>
        <v>34</v>
      </c>
      <c r="C41" s="2603"/>
      <c r="D41" s="2603"/>
      <c r="E41" s="2619"/>
      <c r="F41" s="2620"/>
      <c r="G41" s="2603"/>
      <c r="H41" s="2596"/>
      <c r="I41" s="2598"/>
      <c r="J41" s="2606"/>
      <c r="K41" s="401"/>
    </row>
    <row r="42" spans="2:11" s="400" customFormat="1" ht="17.25" customHeight="1" x14ac:dyDescent="0.2">
      <c r="B42" s="402">
        <f t="shared" si="0"/>
        <v>35</v>
      </c>
      <c r="C42" s="2603"/>
      <c r="D42" s="2603"/>
      <c r="E42" s="2619"/>
      <c r="F42" s="2620"/>
      <c r="G42" s="2603"/>
      <c r="H42" s="2596"/>
      <c r="I42" s="2598"/>
      <c r="J42" s="2606"/>
      <c r="K42" s="401"/>
    </row>
    <row r="43" spans="2:11" s="400" customFormat="1" ht="17.25" customHeight="1" x14ac:dyDescent="0.2">
      <c r="B43" s="402">
        <f t="shared" si="0"/>
        <v>36</v>
      </c>
      <c r="C43" s="2603"/>
      <c r="D43" s="2603"/>
      <c r="E43" s="2603"/>
      <c r="F43" s="2603"/>
      <c r="G43" s="2603"/>
      <c r="H43" s="2596"/>
      <c r="I43" s="2598"/>
      <c r="J43" s="2606"/>
      <c r="K43" s="401"/>
    </row>
    <row r="44" spans="2:11" s="400" customFormat="1" ht="17.25" customHeight="1" x14ac:dyDescent="0.2">
      <c r="B44" s="402">
        <f t="shared" si="0"/>
        <v>37</v>
      </c>
      <c r="C44" s="2603"/>
      <c r="D44" s="2603"/>
      <c r="E44" s="2603"/>
      <c r="F44" s="2603"/>
      <c r="G44" s="2603"/>
      <c r="H44" s="2596"/>
      <c r="I44" s="2598"/>
      <c r="J44" s="2606"/>
      <c r="K44" s="401"/>
    </row>
    <row r="45" spans="2:11" s="400" customFormat="1" ht="17.25" customHeight="1" x14ac:dyDescent="0.2">
      <c r="B45" s="402">
        <f t="shared" si="0"/>
        <v>38</v>
      </c>
      <c r="C45" s="2603"/>
      <c r="D45" s="2603"/>
      <c r="E45" s="2603"/>
      <c r="F45" s="2603"/>
      <c r="G45" s="2603"/>
      <c r="H45" s="2596"/>
      <c r="I45" s="2598"/>
      <c r="J45" s="2606"/>
      <c r="K45" s="401"/>
    </row>
    <row r="46" spans="2:11" s="400" customFormat="1" ht="17.25" customHeight="1" x14ac:dyDescent="0.2">
      <c r="B46" s="402">
        <f t="shared" si="0"/>
        <v>39</v>
      </c>
      <c r="C46" s="2603"/>
      <c r="D46" s="2603"/>
      <c r="E46" s="2603"/>
      <c r="F46" s="2603"/>
      <c r="G46" s="2603"/>
      <c r="H46" s="2596"/>
      <c r="I46" s="2598"/>
      <c r="J46" s="2606"/>
      <c r="K46" s="401"/>
    </row>
    <row r="47" spans="2:11" s="400" customFormat="1" ht="17.25" customHeight="1" thickBot="1" x14ac:dyDescent="0.25">
      <c r="B47" s="402">
        <f t="shared" si="0"/>
        <v>40</v>
      </c>
      <c r="C47" s="2603"/>
      <c r="D47" s="2603"/>
      <c r="E47" s="2603"/>
      <c r="F47" s="2603"/>
      <c r="G47" s="2603"/>
      <c r="H47" s="2596"/>
      <c r="I47" s="2623"/>
      <c r="J47" s="2624"/>
      <c r="K47" s="401"/>
    </row>
    <row r="48" spans="2:11" ht="13.5" customHeight="1" x14ac:dyDescent="0.2">
      <c r="B48" s="2625" t="s">
        <v>582</v>
      </c>
      <c r="C48" s="2626"/>
      <c r="D48" s="2626"/>
      <c r="E48" s="2626"/>
      <c r="F48" s="2626"/>
      <c r="G48" s="2626"/>
      <c r="H48" s="2626"/>
      <c r="I48" s="2626"/>
      <c r="J48" s="2626"/>
      <c r="K48" s="2626"/>
    </row>
    <row r="49" spans="2:11" ht="13.5" customHeight="1" x14ac:dyDescent="0.2">
      <c r="B49" s="2626"/>
      <c r="C49" s="2626"/>
      <c r="D49" s="2626"/>
      <c r="E49" s="2626"/>
      <c r="F49" s="2626"/>
      <c r="G49" s="2626"/>
      <c r="H49" s="2626"/>
      <c r="I49" s="2626"/>
      <c r="J49" s="2626"/>
      <c r="K49" s="2626"/>
    </row>
  </sheetData>
  <customSheetViews>
    <customSheetView guid="{FA98832E-F01A-4598-9960-E27C2FDAB118}" showPageBreaks="1" showGridLines="0" view="pageBreakPreview">
      <selection activeCell="J20" sqref="J20"/>
      <pageMargins left="0.7" right="0.7" top="0.75" bottom="0.75" header="0.3" footer="0.3"/>
      <pageSetup paperSize="9" scale="96" orientation="portrait" r:id="rId1"/>
    </customSheetView>
    <customSheetView guid="{8494577A-77FB-45FD-BD2B-C737BCFAD5B3}" showPageBreaks="1" showGridLines="0" view="pageBreakPreview">
      <selection activeCell="J20" sqref="J20"/>
      <pageMargins left="0.7" right="0.7" top="0.75" bottom="0.75" header="0.3" footer="0.3"/>
      <pageSetup paperSize="9" scale="96" orientation="portrait" r:id="rId2"/>
    </customSheetView>
  </customSheetViews>
  <mergeCells count="175">
    <mergeCell ref="C47:D47"/>
    <mergeCell ref="E47:F47"/>
    <mergeCell ref="G47:H47"/>
    <mergeCell ref="I47:J47"/>
    <mergeCell ref="B48:K49"/>
    <mergeCell ref="C45:D45"/>
    <mergeCell ref="E45:F45"/>
    <mergeCell ref="G45:H45"/>
    <mergeCell ref="I45:J45"/>
    <mergeCell ref="C46:D46"/>
    <mergeCell ref="E46:F46"/>
    <mergeCell ref="G46:H46"/>
    <mergeCell ref="I46:J46"/>
    <mergeCell ref="C43:D43"/>
    <mergeCell ref="E43:F43"/>
    <mergeCell ref="G43:H43"/>
    <mergeCell ref="I43:J43"/>
    <mergeCell ref="C44:D44"/>
    <mergeCell ref="E44:F44"/>
    <mergeCell ref="G44:H44"/>
    <mergeCell ref="C40:D40"/>
    <mergeCell ref="E40:F40"/>
    <mergeCell ref="G40:H40"/>
    <mergeCell ref="I40:J40"/>
    <mergeCell ref="I44:J44"/>
    <mergeCell ref="C41:D41"/>
    <mergeCell ref="E41:F41"/>
    <mergeCell ref="G41:H41"/>
    <mergeCell ref="I41:J41"/>
    <mergeCell ref="C42:D42"/>
    <mergeCell ref="E42:F42"/>
    <mergeCell ref="G42:H42"/>
    <mergeCell ref="I42:J42"/>
    <mergeCell ref="C37:D37"/>
    <mergeCell ref="E37:F37"/>
    <mergeCell ref="G37:H37"/>
    <mergeCell ref="I37:J37"/>
    <mergeCell ref="C38:D38"/>
    <mergeCell ref="E38:F38"/>
    <mergeCell ref="G38:H38"/>
    <mergeCell ref="I38:J38"/>
    <mergeCell ref="C39:D39"/>
    <mergeCell ref="E39:F39"/>
    <mergeCell ref="G39:H39"/>
    <mergeCell ref="I39:J39"/>
    <mergeCell ref="C34:D34"/>
    <mergeCell ref="E34:F34"/>
    <mergeCell ref="G34:H34"/>
    <mergeCell ref="I34:J34"/>
    <mergeCell ref="C35:D35"/>
    <mergeCell ref="E35:F35"/>
    <mergeCell ref="G35:H35"/>
    <mergeCell ref="I35:J35"/>
    <mergeCell ref="C36:D36"/>
    <mergeCell ref="E36:F36"/>
    <mergeCell ref="G36:H36"/>
    <mergeCell ref="I36:J36"/>
    <mergeCell ref="C31:D31"/>
    <mergeCell ref="E31:F31"/>
    <mergeCell ref="G31:H31"/>
    <mergeCell ref="I31:J31"/>
    <mergeCell ref="C32:D32"/>
    <mergeCell ref="E32:F32"/>
    <mergeCell ref="G32:H32"/>
    <mergeCell ref="I32:J32"/>
    <mergeCell ref="C33:D33"/>
    <mergeCell ref="E33:F33"/>
    <mergeCell ref="G33:H33"/>
    <mergeCell ref="I33:J33"/>
    <mergeCell ref="C28:D28"/>
    <mergeCell ref="E28:F28"/>
    <mergeCell ref="G28:H28"/>
    <mergeCell ref="I28:J28"/>
    <mergeCell ref="C29:D29"/>
    <mergeCell ref="E29:F29"/>
    <mergeCell ref="G29:H29"/>
    <mergeCell ref="I29:J29"/>
    <mergeCell ref="C30:D30"/>
    <mergeCell ref="E30:F30"/>
    <mergeCell ref="G30:H30"/>
    <mergeCell ref="I30:J30"/>
    <mergeCell ref="C25:D25"/>
    <mergeCell ref="E25:F25"/>
    <mergeCell ref="G25:H25"/>
    <mergeCell ref="I25:J25"/>
    <mergeCell ref="C26:D26"/>
    <mergeCell ref="E26:F26"/>
    <mergeCell ref="G26:H26"/>
    <mergeCell ref="I26:J26"/>
    <mergeCell ref="C27:D27"/>
    <mergeCell ref="E27:F27"/>
    <mergeCell ref="G27:H27"/>
    <mergeCell ref="I27:J27"/>
    <mergeCell ref="C22:D22"/>
    <mergeCell ref="E22:F22"/>
    <mergeCell ref="G22:H22"/>
    <mergeCell ref="I22:J22"/>
    <mergeCell ref="C23:D23"/>
    <mergeCell ref="E23:F23"/>
    <mergeCell ref="G23:H23"/>
    <mergeCell ref="I23:J23"/>
    <mergeCell ref="C24:D24"/>
    <mergeCell ref="E24:F24"/>
    <mergeCell ref="G24:H24"/>
    <mergeCell ref="I24:J24"/>
    <mergeCell ref="C19:D19"/>
    <mergeCell ref="E19:F19"/>
    <mergeCell ref="G19:H19"/>
    <mergeCell ref="I19:J19"/>
    <mergeCell ref="C20:D20"/>
    <mergeCell ref="E20:F20"/>
    <mergeCell ref="G20:H20"/>
    <mergeCell ref="I20:J20"/>
    <mergeCell ref="C21:D21"/>
    <mergeCell ref="E21:F21"/>
    <mergeCell ref="G21:H21"/>
    <mergeCell ref="I21:J21"/>
    <mergeCell ref="C16:D16"/>
    <mergeCell ref="E16:F16"/>
    <mergeCell ref="G16:H16"/>
    <mergeCell ref="I16:J16"/>
    <mergeCell ref="C17:D17"/>
    <mergeCell ref="E17:F17"/>
    <mergeCell ref="G17:H17"/>
    <mergeCell ref="I17:J17"/>
    <mergeCell ref="C18:D18"/>
    <mergeCell ref="E18:F18"/>
    <mergeCell ref="G18:H18"/>
    <mergeCell ref="I18:J18"/>
    <mergeCell ref="C13:D13"/>
    <mergeCell ref="E13:F13"/>
    <mergeCell ref="G13:H13"/>
    <mergeCell ref="I13:J13"/>
    <mergeCell ref="C14:D14"/>
    <mergeCell ref="E14:F14"/>
    <mergeCell ref="G14:H14"/>
    <mergeCell ref="I14:J14"/>
    <mergeCell ref="C15:D15"/>
    <mergeCell ref="E15:F15"/>
    <mergeCell ref="G15:H15"/>
    <mergeCell ref="I15:J15"/>
    <mergeCell ref="C12:D12"/>
    <mergeCell ref="E12:F12"/>
    <mergeCell ref="G12:H12"/>
    <mergeCell ref="I12:J12"/>
    <mergeCell ref="C9:D9"/>
    <mergeCell ref="E9:F9"/>
    <mergeCell ref="G9:H9"/>
    <mergeCell ref="I9:J9"/>
    <mergeCell ref="C10:D10"/>
    <mergeCell ref="E10:F10"/>
    <mergeCell ref="C11:D11"/>
    <mergeCell ref="E11:F11"/>
    <mergeCell ref="G11:H11"/>
    <mergeCell ref="I11:J11"/>
    <mergeCell ref="H1:K1"/>
    <mergeCell ref="B2:K2"/>
    <mergeCell ref="B3:D3"/>
    <mergeCell ref="E3:F3"/>
    <mergeCell ref="B4:D4"/>
    <mergeCell ref="G10:H10"/>
    <mergeCell ref="I10:J10"/>
    <mergeCell ref="C7:D7"/>
    <mergeCell ref="E7:F7"/>
    <mergeCell ref="G7:H7"/>
    <mergeCell ref="I7:J7"/>
    <mergeCell ref="C8:D8"/>
    <mergeCell ref="E8:F8"/>
    <mergeCell ref="G8:H8"/>
    <mergeCell ref="I8:J8"/>
    <mergeCell ref="E4:F4"/>
    <mergeCell ref="H4:I5"/>
    <mergeCell ref="J4:K5"/>
    <mergeCell ref="B5:D5"/>
    <mergeCell ref="E5:F5"/>
  </mergeCells>
  <phoneticPr fontId="6"/>
  <pageMargins left="0.7" right="0.7" top="0.75" bottom="0.75" header="0.3" footer="0.3"/>
  <pageSetup paperSize="9" scale="96" orientation="portrait" r:id="rId3"/>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58"/>
  <sheetViews>
    <sheetView showGridLines="0" view="pageBreakPreview" topLeftCell="A10" zoomScaleNormal="100" zoomScaleSheetLayoutView="100" workbookViewId="0">
      <selection activeCell="J20" sqref="J20"/>
    </sheetView>
  </sheetViews>
  <sheetFormatPr defaultColWidth="2.21875" defaultRowHeight="13.2" x14ac:dyDescent="0.2"/>
  <cols>
    <col min="1" max="1" width="2.21875" style="372" customWidth="1"/>
    <col min="2" max="2" width="2.21875" style="373" customWidth="1"/>
    <col min="3" max="5" width="2.21875" style="372"/>
    <col min="6" max="6" width="2.44140625" style="372" bestFit="1" customWidth="1"/>
    <col min="7" max="20" width="2.21875" style="372"/>
    <col min="21" max="21" width="2.44140625" style="372" bestFit="1" customWidth="1"/>
    <col min="22" max="22" width="2.21875" style="372"/>
    <col min="23" max="34" width="2.77734375" style="372" customWidth="1"/>
    <col min="35" max="35" width="1.6640625" style="372" customWidth="1"/>
    <col min="36" max="37" width="2.44140625" style="372" customWidth="1"/>
    <col min="38" max="256" width="2.21875" style="372"/>
    <col min="257" max="258" width="2.21875" style="372" customWidth="1"/>
    <col min="259" max="261" width="2.21875" style="372"/>
    <col min="262" max="262" width="2.44140625" style="372" bestFit="1" customWidth="1"/>
    <col min="263" max="276" width="2.21875" style="372"/>
    <col min="277" max="277" width="2.44140625" style="372" bestFit="1" customWidth="1"/>
    <col min="278" max="278" width="2.21875" style="372"/>
    <col min="279" max="290" width="2.77734375" style="372" customWidth="1"/>
    <col min="291" max="291" width="1.6640625" style="372" customWidth="1"/>
    <col min="292" max="293" width="2.44140625" style="372" customWidth="1"/>
    <col min="294" max="512" width="2.21875" style="372"/>
    <col min="513" max="514" width="2.21875" style="372" customWidth="1"/>
    <col min="515" max="517" width="2.21875" style="372"/>
    <col min="518" max="518" width="2.44140625" style="372" bestFit="1" customWidth="1"/>
    <col min="519" max="532" width="2.21875" style="372"/>
    <col min="533" max="533" width="2.44140625" style="372" bestFit="1" customWidth="1"/>
    <col min="534" max="534" width="2.21875" style="372"/>
    <col min="535" max="546" width="2.77734375" style="372" customWidth="1"/>
    <col min="547" max="547" width="1.6640625" style="372" customWidth="1"/>
    <col min="548" max="549" width="2.44140625" style="372" customWidth="1"/>
    <col min="550" max="768" width="2.21875" style="372"/>
    <col min="769" max="770" width="2.21875" style="372" customWidth="1"/>
    <col min="771" max="773" width="2.21875" style="372"/>
    <col min="774" max="774" width="2.44140625" style="372" bestFit="1" customWidth="1"/>
    <col min="775" max="788" width="2.21875" style="372"/>
    <col min="789" max="789" width="2.44140625" style="372" bestFit="1" customWidth="1"/>
    <col min="790" max="790" width="2.21875" style="372"/>
    <col min="791" max="802" width="2.77734375" style="372" customWidth="1"/>
    <col min="803" max="803" width="1.6640625" style="372" customWidth="1"/>
    <col min="804" max="805" width="2.44140625" style="372" customWidth="1"/>
    <col min="806" max="1024" width="2.21875" style="372"/>
    <col min="1025" max="1026" width="2.21875" style="372" customWidth="1"/>
    <col min="1027" max="1029" width="2.21875" style="372"/>
    <col min="1030" max="1030" width="2.44140625" style="372" bestFit="1" customWidth="1"/>
    <col min="1031" max="1044" width="2.21875" style="372"/>
    <col min="1045" max="1045" width="2.44140625" style="372" bestFit="1" customWidth="1"/>
    <col min="1046" max="1046" width="2.21875" style="372"/>
    <col min="1047" max="1058" width="2.77734375" style="372" customWidth="1"/>
    <col min="1059" max="1059" width="1.6640625" style="372" customWidth="1"/>
    <col min="1060" max="1061" width="2.44140625" style="372" customWidth="1"/>
    <col min="1062" max="1280" width="2.21875" style="372"/>
    <col min="1281" max="1282" width="2.21875" style="372" customWidth="1"/>
    <col min="1283" max="1285" width="2.21875" style="372"/>
    <col min="1286" max="1286" width="2.44140625" style="372" bestFit="1" customWidth="1"/>
    <col min="1287" max="1300" width="2.21875" style="372"/>
    <col min="1301" max="1301" width="2.44140625" style="372" bestFit="1" customWidth="1"/>
    <col min="1302" max="1302" width="2.21875" style="372"/>
    <col min="1303" max="1314" width="2.77734375" style="372" customWidth="1"/>
    <col min="1315" max="1315" width="1.6640625" style="372" customWidth="1"/>
    <col min="1316" max="1317" width="2.44140625" style="372" customWidth="1"/>
    <col min="1318" max="1536" width="2.21875" style="372"/>
    <col min="1537" max="1538" width="2.21875" style="372" customWidth="1"/>
    <col min="1539" max="1541" width="2.21875" style="372"/>
    <col min="1542" max="1542" width="2.44140625" style="372" bestFit="1" customWidth="1"/>
    <col min="1543" max="1556" width="2.21875" style="372"/>
    <col min="1557" max="1557" width="2.44140625" style="372" bestFit="1" customWidth="1"/>
    <col min="1558" max="1558" width="2.21875" style="372"/>
    <col min="1559" max="1570" width="2.77734375" style="372" customWidth="1"/>
    <col min="1571" max="1571" width="1.6640625" style="372" customWidth="1"/>
    <col min="1572" max="1573" width="2.44140625" style="372" customWidth="1"/>
    <col min="1574" max="1792" width="2.21875" style="372"/>
    <col min="1793" max="1794" width="2.21875" style="372" customWidth="1"/>
    <col min="1795" max="1797" width="2.21875" style="372"/>
    <col min="1798" max="1798" width="2.44140625" style="372" bestFit="1" customWidth="1"/>
    <col min="1799" max="1812" width="2.21875" style="372"/>
    <col min="1813" max="1813" width="2.44140625" style="372" bestFit="1" customWidth="1"/>
    <col min="1814" max="1814" width="2.21875" style="372"/>
    <col min="1815" max="1826" width="2.77734375" style="372" customWidth="1"/>
    <col min="1827" max="1827" width="1.6640625" style="372" customWidth="1"/>
    <col min="1828" max="1829" width="2.44140625" style="372" customWidth="1"/>
    <col min="1830" max="2048" width="2.21875" style="372"/>
    <col min="2049" max="2050" width="2.21875" style="372" customWidth="1"/>
    <col min="2051" max="2053" width="2.21875" style="372"/>
    <col min="2054" max="2054" width="2.44140625" style="372" bestFit="1" customWidth="1"/>
    <col min="2055" max="2068" width="2.21875" style="372"/>
    <col min="2069" max="2069" width="2.44140625" style="372" bestFit="1" customWidth="1"/>
    <col min="2070" max="2070" width="2.21875" style="372"/>
    <col min="2071" max="2082" width="2.77734375" style="372" customWidth="1"/>
    <col min="2083" max="2083" width="1.6640625" style="372" customWidth="1"/>
    <col min="2084" max="2085" width="2.44140625" style="372" customWidth="1"/>
    <col min="2086" max="2304" width="2.21875" style="372"/>
    <col min="2305" max="2306" width="2.21875" style="372" customWidth="1"/>
    <col min="2307" max="2309" width="2.21875" style="372"/>
    <col min="2310" max="2310" width="2.44140625" style="372" bestFit="1" customWidth="1"/>
    <col min="2311" max="2324" width="2.21875" style="372"/>
    <col min="2325" max="2325" width="2.44140625" style="372" bestFit="1" customWidth="1"/>
    <col min="2326" max="2326" width="2.21875" style="372"/>
    <col min="2327" max="2338" width="2.77734375" style="372" customWidth="1"/>
    <col min="2339" max="2339" width="1.6640625" style="372" customWidth="1"/>
    <col min="2340" max="2341" width="2.44140625" style="372" customWidth="1"/>
    <col min="2342" max="2560" width="2.21875" style="372"/>
    <col min="2561" max="2562" width="2.21875" style="372" customWidth="1"/>
    <col min="2563" max="2565" width="2.21875" style="372"/>
    <col min="2566" max="2566" width="2.44140625" style="372" bestFit="1" customWidth="1"/>
    <col min="2567" max="2580" width="2.21875" style="372"/>
    <col min="2581" max="2581" width="2.44140625" style="372" bestFit="1" customWidth="1"/>
    <col min="2582" max="2582" width="2.21875" style="372"/>
    <col min="2583" max="2594" width="2.77734375" style="372" customWidth="1"/>
    <col min="2595" max="2595" width="1.6640625" style="372" customWidth="1"/>
    <col min="2596" max="2597" width="2.44140625" style="372" customWidth="1"/>
    <col min="2598" max="2816" width="2.21875" style="372"/>
    <col min="2817" max="2818" width="2.21875" style="372" customWidth="1"/>
    <col min="2819" max="2821" width="2.21875" style="372"/>
    <col min="2822" max="2822" width="2.44140625" style="372" bestFit="1" customWidth="1"/>
    <col min="2823" max="2836" width="2.21875" style="372"/>
    <col min="2837" max="2837" width="2.44140625" style="372" bestFit="1" customWidth="1"/>
    <col min="2838" max="2838" width="2.21875" style="372"/>
    <col min="2839" max="2850" width="2.77734375" style="372" customWidth="1"/>
    <col min="2851" max="2851" width="1.6640625" style="372" customWidth="1"/>
    <col min="2852" max="2853" width="2.44140625" style="372" customWidth="1"/>
    <col min="2854" max="3072" width="2.21875" style="372"/>
    <col min="3073" max="3074" width="2.21875" style="372" customWidth="1"/>
    <col min="3075" max="3077" width="2.21875" style="372"/>
    <col min="3078" max="3078" width="2.44140625" style="372" bestFit="1" customWidth="1"/>
    <col min="3079" max="3092" width="2.21875" style="372"/>
    <col min="3093" max="3093" width="2.44140625" style="372" bestFit="1" customWidth="1"/>
    <col min="3094" max="3094" width="2.21875" style="372"/>
    <col min="3095" max="3106" width="2.77734375" style="372" customWidth="1"/>
    <col min="3107" max="3107" width="1.6640625" style="372" customWidth="1"/>
    <col min="3108" max="3109" width="2.44140625" style="372" customWidth="1"/>
    <col min="3110" max="3328" width="2.21875" style="372"/>
    <col min="3329" max="3330" width="2.21875" style="372" customWidth="1"/>
    <col min="3331" max="3333" width="2.21875" style="372"/>
    <col min="3334" max="3334" width="2.44140625" style="372" bestFit="1" customWidth="1"/>
    <col min="3335" max="3348" width="2.21875" style="372"/>
    <col min="3349" max="3349" width="2.44140625" style="372" bestFit="1" customWidth="1"/>
    <col min="3350" max="3350" width="2.21875" style="372"/>
    <col min="3351" max="3362" width="2.77734375" style="372" customWidth="1"/>
    <col min="3363" max="3363" width="1.6640625" style="372" customWidth="1"/>
    <col min="3364" max="3365" width="2.44140625" style="372" customWidth="1"/>
    <col min="3366" max="3584" width="2.21875" style="372"/>
    <col min="3585" max="3586" width="2.21875" style="372" customWidth="1"/>
    <col min="3587" max="3589" width="2.21875" style="372"/>
    <col min="3590" max="3590" width="2.44140625" style="372" bestFit="1" customWidth="1"/>
    <col min="3591" max="3604" width="2.21875" style="372"/>
    <col min="3605" max="3605" width="2.44140625" style="372" bestFit="1" customWidth="1"/>
    <col min="3606" max="3606" width="2.21875" style="372"/>
    <col min="3607" max="3618" width="2.77734375" style="372" customWidth="1"/>
    <col min="3619" max="3619" width="1.6640625" style="372" customWidth="1"/>
    <col min="3620" max="3621" width="2.44140625" style="372" customWidth="1"/>
    <col min="3622" max="3840" width="2.21875" style="372"/>
    <col min="3841" max="3842" width="2.21875" style="372" customWidth="1"/>
    <col min="3843" max="3845" width="2.21875" style="372"/>
    <col min="3846" max="3846" width="2.44140625" style="372" bestFit="1" customWidth="1"/>
    <col min="3847" max="3860" width="2.21875" style="372"/>
    <col min="3861" max="3861" width="2.44140625" style="372" bestFit="1" customWidth="1"/>
    <col min="3862" max="3862" width="2.21875" style="372"/>
    <col min="3863" max="3874" width="2.77734375" style="372" customWidth="1"/>
    <col min="3875" max="3875" width="1.6640625" style="372" customWidth="1"/>
    <col min="3876" max="3877" width="2.44140625" style="372" customWidth="1"/>
    <col min="3878" max="4096" width="2.21875" style="372"/>
    <col min="4097" max="4098" width="2.21875" style="372" customWidth="1"/>
    <col min="4099" max="4101" width="2.21875" style="372"/>
    <col min="4102" max="4102" width="2.44140625" style="372" bestFit="1" customWidth="1"/>
    <col min="4103" max="4116" width="2.21875" style="372"/>
    <col min="4117" max="4117" width="2.44140625" style="372" bestFit="1" customWidth="1"/>
    <col min="4118" max="4118" width="2.21875" style="372"/>
    <col min="4119" max="4130" width="2.77734375" style="372" customWidth="1"/>
    <col min="4131" max="4131" width="1.6640625" style="372" customWidth="1"/>
    <col min="4132" max="4133" width="2.44140625" style="372" customWidth="1"/>
    <col min="4134" max="4352" width="2.21875" style="372"/>
    <col min="4353" max="4354" width="2.21875" style="372" customWidth="1"/>
    <col min="4355" max="4357" width="2.21875" style="372"/>
    <col min="4358" max="4358" width="2.44140625" style="372" bestFit="1" customWidth="1"/>
    <col min="4359" max="4372" width="2.21875" style="372"/>
    <col min="4373" max="4373" width="2.44140625" style="372" bestFit="1" customWidth="1"/>
    <col min="4374" max="4374" width="2.21875" style="372"/>
    <col min="4375" max="4386" width="2.77734375" style="372" customWidth="1"/>
    <col min="4387" max="4387" width="1.6640625" style="372" customWidth="1"/>
    <col min="4388" max="4389" width="2.44140625" style="372" customWidth="1"/>
    <col min="4390" max="4608" width="2.21875" style="372"/>
    <col min="4609" max="4610" width="2.21875" style="372" customWidth="1"/>
    <col min="4611" max="4613" width="2.21875" style="372"/>
    <col min="4614" max="4614" width="2.44140625" style="372" bestFit="1" customWidth="1"/>
    <col min="4615" max="4628" width="2.21875" style="372"/>
    <col min="4629" max="4629" width="2.44140625" style="372" bestFit="1" customWidth="1"/>
    <col min="4630" max="4630" width="2.21875" style="372"/>
    <col min="4631" max="4642" width="2.77734375" style="372" customWidth="1"/>
    <col min="4643" max="4643" width="1.6640625" style="372" customWidth="1"/>
    <col min="4644" max="4645" width="2.44140625" style="372" customWidth="1"/>
    <col min="4646" max="4864" width="2.21875" style="372"/>
    <col min="4865" max="4866" width="2.21875" style="372" customWidth="1"/>
    <col min="4867" max="4869" width="2.21875" style="372"/>
    <col min="4870" max="4870" width="2.44140625" style="372" bestFit="1" customWidth="1"/>
    <col min="4871" max="4884" width="2.21875" style="372"/>
    <col min="4885" max="4885" width="2.44140625" style="372" bestFit="1" customWidth="1"/>
    <col min="4886" max="4886" width="2.21875" style="372"/>
    <col min="4887" max="4898" width="2.77734375" style="372" customWidth="1"/>
    <col min="4899" max="4899" width="1.6640625" style="372" customWidth="1"/>
    <col min="4900" max="4901" width="2.44140625" style="372" customWidth="1"/>
    <col min="4902" max="5120" width="2.21875" style="372"/>
    <col min="5121" max="5122" width="2.21875" style="372" customWidth="1"/>
    <col min="5123" max="5125" width="2.21875" style="372"/>
    <col min="5126" max="5126" width="2.44140625" style="372" bestFit="1" customWidth="1"/>
    <col min="5127" max="5140" width="2.21875" style="372"/>
    <col min="5141" max="5141" width="2.44140625" style="372" bestFit="1" customWidth="1"/>
    <col min="5142" max="5142" width="2.21875" style="372"/>
    <col min="5143" max="5154" width="2.77734375" style="372" customWidth="1"/>
    <col min="5155" max="5155" width="1.6640625" style="372" customWidth="1"/>
    <col min="5156" max="5157" width="2.44140625" style="372" customWidth="1"/>
    <col min="5158" max="5376" width="2.21875" style="372"/>
    <col min="5377" max="5378" width="2.21875" style="372" customWidth="1"/>
    <col min="5379" max="5381" width="2.21875" style="372"/>
    <col min="5382" max="5382" width="2.44140625" style="372" bestFit="1" customWidth="1"/>
    <col min="5383" max="5396" width="2.21875" style="372"/>
    <col min="5397" max="5397" width="2.44140625" style="372" bestFit="1" customWidth="1"/>
    <col min="5398" max="5398" width="2.21875" style="372"/>
    <col min="5399" max="5410" width="2.77734375" style="372" customWidth="1"/>
    <col min="5411" max="5411" width="1.6640625" style="372" customWidth="1"/>
    <col min="5412" max="5413" width="2.44140625" style="372" customWidth="1"/>
    <col min="5414" max="5632" width="2.21875" style="372"/>
    <col min="5633" max="5634" width="2.21875" style="372" customWidth="1"/>
    <col min="5635" max="5637" width="2.21875" style="372"/>
    <col min="5638" max="5638" width="2.44140625" style="372" bestFit="1" customWidth="1"/>
    <col min="5639" max="5652" width="2.21875" style="372"/>
    <col min="5653" max="5653" width="2.44140625" style="372" bestFit="1" customWidth="1"/>
    <col min="5654" max="5654" width="2.21875" style="372"/>
    <col min="5655" max="5666" width="2.77734375" style="372" customWidth="1"/>
    <col min="5667" max="5667" width="1.6640625" style="372" customWidth="1"/>
    <col min="5668" max="5669" width="2.44140625" style="372" customWidth="1"/>
    <col min="5670" max="5888" width="2.21875" style="372"/>
    <col min="5889" max="5890" width="2.21875" style="372" customWidth="1"/>
    <col min="5891" max="5893" width="2.21875" style="372"/>
    <col min="5894" max="5894" width="2.44140625" style="372" bestFit="1" customWidth="1"/>
    <col min="5895" max="5908" width="2.21875" style="372"/>
    <col min="5909" max="5909" width="2.44140625" style="372" bestFit="1" customWidth="1"/>
    <col min="5910" max="5910" width="2.21875" style="372"/>
    <col min="5911" max="5922" width="2.77734375" style="372" customWidth="1"/>
    <col min="5923" max="5923" width="1.6640625" style="372" customWidth="1"/>
    <col min="5924" max="5925" width="2.44140625" style="372" customWidth="1"/>
    <col min="5926" max="6144" width="2.21875" style="372"/>
    <col min="6145" max="6146" width="2.21875" style="372" customWidth="1"/>
    <col min="6147" max="6149" width="2.21875" style="372"/>
    <col min="6150" max="6150" width="2.44140625" style="372" bestFit="1" customWidth="1"/>
    <col min="6151" max="6164" width="2.21875" style="372"/>
    <col min="6165" max="6165" width="2.44140625" style="372" bestFit="1" customWidth="1"/>
    <col min="6166" max="6166" width="2.21875" style="372"/>
    <col min="6167" max="6178" width="2.77734375" style="372" customWidth="1"/>
    <col min="6179" max="6179" width="1.6640625" style="372" customWidth="1"/>
    <col min="6180" max="6181" width="2.44140625" style="372" customWidth="1"/>
    <col min="6182" max="6400" width="2.21875" style="372"/>
    <col min="6401" max="6402" width="2.21875" style="372" customWidth="1"/>
    <col min="6403" max="6405" width="2.21875" style="372"/>
    <col min="6406" max="6406" width="2.44140625" style="372" bestFit="1" customWidth="1"/>
    <col min="6407" max="6420" width="2.21875" style="372"/>
    <col min="6421" max="6421" width="2.44140625" style="372" bestFit="1" customWidth="1"/>
    <col min="6422" max="6422" width="2.21875" style="372"/>
    <col min="6423" max="6434" width="2.77734375" style="372" customWidth="1"/>
    <col min="6435" max="6435" width="1.6640625" style="372" customWidth="1"/>
    <col min="6436" max="6437" width="2.44140625" style="372" customWidth="1"/>
    <col min="6438" max="6656" width="2.21875" style="372"/>
    <col min="6657" max="6658" width="2.21875" style="372" customWidth="1"/>
    <col min="6659" max="6661" width="2.21875" style="372"/>
    <col min="6662" max="6662" width="2.44140625" style="372" bestFit="1" customWidth="1"/>
    <col min="6663" max="6676" width="2.21875" style="372"/>
    <col min="6677" max="6677" width="2.44140625" style="372" bestFit="1" customWidth="1"/>
    <col min="6678" max="6678" width="2.21875" style="372"/>
    <col min="6679" max="6690" width="2.77734375" style="372" customWidth="1"/>
    <col min="6691" max="6691" width="1.6640625" style="372" customWidth="1"/>
    <col min="6692" max="6693" width="2.44140625" style="372" customWidth="1"/>
    <col min="6694" max="6912" width="2.21875" style="372"/>
    <col min="6913" max="6914" width="2.21875" style="372" customWidth="1"/>
    <col min="6915" max="6917" width="2.21875" style="372"/>
    <col min="6918" max="6918" width="2.44140625" style="372" bestFit="1" customWidth="1"/>
    <col min="6919" max="6932" width="2.21875" style="372"/>
    <col min="6933" max="6933" width="2.44140625" style="372" bestFit="1" customWidth="1"/>
    <col min="6934" max="6934" width="2.21875" style="372"/>
    <col min="6935" max="6946" width="2.77734375" style="372" customWidth="1"/>
    <col min="6947" max="6947" width="1.6640625" style="372" customWidth="1"/>
    <col min="6948" max="6949" width="2.44140625" style="372" customWidth="1"/>
    <col min="6950" max="7168" width="2.21875" style="372"/>
    <col min="7169" max="7170" width="2.21875" style="372" customWidth="1"/>
    <col min="7171" max="7173" width="2.21875" style="372"/>
    <col min="7174" max="7174" width="2.44140625" style="372" bestFit="1" customWidth="1"/>
    <col min="7175" max="7188" width="2.21875" style="372"/>
    <col min="7189" max="7189" width="2.44140625" style="372" bestFit="1" customWidth="1"/>
    <col min="7190" max="7190" width="2.21875" style="372"/>
    <col min="7191" max="7202" width="2.77734375" style="372" customWidth="1"/>
    <col min="7203" max="7203" width="1.6640625" style="372" customWidth="1"/>
    <col min="7204" max="7205" width="2.44140625" style="372" customWidth="1"/>
    <col min="7206" max="7424" width="2.21875" style="372"/>
    <col min="7425" max="7426" width="2.21875" style="372" customWidth="1"/>
    <col min="7427" max="7429" width="2.21875" style="372"/>
    <col min="7430" max="7430" width="2.44140625" style="372" bestFit="1" customWidth="1"/>
    <col min="7431" max="7444" width="2.21875" style="372"/>
    <col min="7445" max="7445" width="2.44140625" style="372" bestFit="1" customWidth="1"/>
    <col min="7446" max="7446" width="2.21875" style="372"/>
    <col min="7447" max="7458" width="2.77734375" style="372" customWidth="1"/>
    <col min="7459" max="7459" width="1.6640625" style="372" customWidth="1"/>
    <col min="7460" max="7461" width="2.44140625" style="372" customWidth="1"/>
    <col min="7462" max="7680" width="2.21875" style="372"/>
    <col min="7681" max="7682" width="2.21875" style="372" customWidth="1"/>
    <col min="7683" max="7685" width="2.21875" style="372"/>
    <col min="7686" max="7686" width="2.44140625" style="372" bestFit="1" customWidth="1"/>
    <col min="7687" max="7700" width="2.21875" style="372"/>
    <col min="7701" max="7701" width="2.44140625" style="372" bestFit="1" customWidth="1"/>
    <col min="7702" max="7702" width="2.21875" style="372"/>
    <col min="7703" max="7714" width="2.77734375" style="372" customWidth="1"/>
    <col min="7715" max="7715" width="1.6640625" style="372" customWidth="1"/>
    <col min="7716" max="7717" width="2.44140625" style="372" customWidth="1"/>
    <col min="7718" max="7936" width="2.21875" style="372"/>
    <col min="7937" max="7938" width="2.21875" style="372" customWidth="1"/>
    <col min="7939" max="7941" width="2.21875" style="372"/>
    <col min="7942" max="7942" width="2.44140625" style="372" bestFit="1" customWidth="1"/>
    <col min="7943" max="7956" width="2.21875" style="372"/>
    <col min="7957" max="7957" width="2.44140625" style="372" bestFit="1" customWidth="1"/>
    <col min="7958" max="7958" width="2.21875" style="372"/>
    <col min="7959" max="7970" width="2.77734375" style="372" customWidth="1"/>
    <col min="7971" max="7971" width="1.6640625" style="372" customWidth="1"/>
    <col min="7972" max="7973" width="2.44140625" style="372" customWidth="1"/>
    <col min="7974" max="8192" width="2.21875" style="372"/>
    <col min="8193" max="8194" width="2.21875" style="372" customWidth="1"/>
    <col min="8195" max="8197" width="2.21875" style="372"/>
    <col min="8198" max="8198" width="2.44140625" style="372" bestFit="1" customWidth="1"/>
    <col min="8199" max="8212" width="2.21875" style="372"/>
    <col min="8213" max="8213" width="2.44140625" style="372" bestFit="1" customWidth="1"/>
    <col min="8214" max="8214" width="2.21875" style="372"/>
    <col min="8215" max="8226" width="2.77734375" style="372" customWidth="1"/>
    <col min="8227" max="8227" width="1.6640625" style="372" customWidth="1"/>
    <col min="8228" max="8229" width="2.44140625" style="372" customWidth="1"/>
    <col min="8230" max="8448" width="2.21875" style="372"/>
    <col min="8449" max="8450" width="2.21875" style="372" customWidth="1"/>
    <col min="8451" max="8453" width="2.21875" style="372"/>
    <col min="8454" max="8454" width="2.44140625" style="372" bestFit="1" customWidth="1"/>
    <col min="8455" max="8468" width="2.21875" style="372"/>
    <col min="8469" max="8469" width="2.44140625" style="372" bestFit="1" customWidth="1"/>
    <col min="8470" max="8470" width="2.21875" style="372"/>
    <col min="8471" max="8482" width="2.77734375" style="372" customWidth="1"/>
    <col min="8483" max="8483" width="1.6640625" style="372" customWidth="1"/>
    <col min="8484" max="8485" width="2.44140625" style="372" customWidth="1"/>
    <col min="8486" max="8704" width="2.21875" style="372"/>
    <col min="8705" max="8706" width="2.21875" style="372" customWidth="1"/>
    <col min="8707" max="8709" width="2.21875" style="372"/>
    <col min="8710" max="8710" width="2.44140625" style="372" bestFit="1" customWidth="1"/>
    <col min="8711" max="8724" width="2.21875" style="372"/>
    <col min="8725" max="8725" width="2.44140625" style="372" bestFit="1" customWidth="1"/>
    <col min="8726" max="8726" width="2.21875" style="372"/>
    <col min="8727" max="8738" width="2.77734375" style="372" customWidth="1"/>
    <col min="8739" max="8739" width="1.6640625" style="372" customWidth="1"/>
    <col min="8740" max="8741" width="2.44140625" style="372" customWidth="1"/>
    <col min="8742" max="8960" width="2.21875" style="372"/>
    <col min="8961" max="8962" width="2.21875" style="372" customWidth="1"/>
    <col min="8963" max="8965" width="2.21875" style="372"/>
    <col min="8966" max="8966" width="2.44140625" style="372" bestFit="1" customWidth="1"/>
    <col min="8967" max="8980" width="2.21875" style="372"/>
    <col min="8981" max="8981" width="2.44140625" style="372" bestFit="1" customWidth="1"/>
    <col min="8982" max="8982" width="2.21875" style="372"/>
    <col min="8983" max="8994" width="2.77734375" style="372" customWidth="1"/>
    <col min="8995" max="8995" width="1.6640625" style="372" customWidth="1"/>
    <col min="8996" max="8997" width="2.44140625" style="372" customWidth="1"/>
    <col min="8998" max="9216" width="2.21875" style="372"/>
    <col min="9217" max="9218" width="2.21875" style="372" customWidth="1"/>
    <col min="9219" max="9221" width="2.21875" style="372"/>
    <col min="9222" max="9222" width="2.44140625" style="372" bestFit="1" customWidth="1"/>
    <col min="9223" max="9236" width="2.21875" style="372"/>
    <col min="9237" max="9237" width="2.44140625" style="372" bestFit="1" customWidth="1"/>
    <col min="9238" max="9238" width="2.21875" style="372"/>
    <col min="9239" max="9250" width="2.77734375" style="372" customWidth="1"/>
    <col min="9251" max="9251" width="1.6640625" style="372" customWidth="1"/>
    <col min="9252" max="9253" width="2.44140625" style="372" customWidth="1"/>
    <col min="9254" max="9472" width="2.21875" style="372"/>
    <col min="9473" max="9474" width="2.21875" style="372" customWidth="1"/>
    <col min="9475" max="9477" width="2.21875" style="372"/>
    <col min="9478" max="9478" width="2.44140625" style="372" bestFit="1" customWidth="1"/>
    <col min="9479" max="9492" width="2.21875" style="372"/>
    <col min="9493" max="9493" width="2.44140625" style="372" bestFit="1" customWidth="1"/>
    <col min="9494" max="9494" width="2.21875" style="372"/>
    <col min="9495" max="9506" width="2.77734375" style="372" customWidth="1"/>
    <col min="9507" max="9507" width="1.6640625" style="372" customWidth="1"/>
    <col min="9508" max="9509" width="2.44140625" style="372" customWidth="1"/>
    <col min="9510" max="9728" width="2.21875" style="372"/>
    <col min="9729" max="9730" width="2.21875" style="372" customWidth="1"/>
    <col min="9731" max="9733" width="2.21875" style="372"/>
    <col min="9734" max="9734" width="2.44140625" style="372" bestFit="1" customWidth="1"/>
    <col min="9735" max="9748" width="2.21875" style="372"/>
    <col min="9749" max="9749" width="2.44140625" style="372" bestFit="1" customWidth="1"/>
    <col min="9750" max="9750" width="2.21875" style="372"/>
    <col min="9751" max="9762" width="2.77734375" style="372" customWidth="1"/>
    <col min="9763" max="9763" width="1.6640625" style="372" customWidth="1"/>
    <col min="9764" max="9765" width="2.44140625" style="372" customWidth="1"/>
    <col min="9766" max="9984" width="2.21875" style="372"/>
    <col min="9985" max="9986" width="2.21875" style="372" customWidth="1"/>
    <col min="9987" max="9989" width="2.21875" style="372"/>
    <col min="9990" max="9990" width="2.44140625" style="372" bestFit="1" customWidth="1"/>
    <col min="9991" max="10004" width="2.21875" style="372"/>
    <col min="10005" max="10005" width="2.44140625" style="372" bestFit="1" customWidth="1"/>
    <col min="10006" max="10006" width="2.21875" style="372"/>
    <col min="10007" max="10018" width="2.77734375" style="372" customWidth="1"/>
    <col min="10019" max="10019" width="1.6640625" style="372" customWidth="1"/>
    <col min="10020" max="10021" width="2.44140625" style="372" customWidth="1"/>
    <col min="10022" max="10240" width="2.21875" style="372"/>
    <col min="10241" max="10242" width="2.21875" style="372" customWidth="1"/>
    <col min="10243" max="10245" width="2.21875" style="372"/>
    <col min="10246" max="10246" width="2.44140625" style="372" bestFit="1" customWidth="1"/>
    <col min="10247" max="10260" width="2.21875" style="372"/>
    <col min="10261" max="10261" width="2.44140625" style="372" bestFit="1" customWidth="1"/>
    <col min="10262" max="10262" width="2.21875" style="372"/>
    <col min="10263" max="10274" width="2.77734375" style="372" customWidth="1"/>
    <col min="10275" max="10275" width="1.6640625" style="372" customWidth="1"/>
    <col min="10276" max="10277" width="2.44140625" style="372" customWidth="1"/>
    <col min="10278" max="10496" width="2.21875" style="372"/>
    <col min="10497" max="10498" width="2.21875" style="372" customWidth="1"/>
    <col min="10499" max="10501" width="2.21875" style="372"/>
    <col min="10502" max="10502" width="2.44140625" style="372" bestFit="1" customWidth="1"/>
    <col min="10503" max="10516" width="2.21875" style="372"/>
    <col min="10517" max="10517" width="2.44140625" style="372" bestFit="1" customWidth="1"/>
    <col min="10518" max="10518" width="2.21875" style="372"/>
    <col min="10519" max="10530" width="2.77734375" style="372" customWidth="1"/>
    <col min="10531" max="10531" width="1.6640625" style="372" customWidth="1"/>
    <col min="10532" max="10533" width="2.44140625" style="372" customWidth="1"/>
    <col min="10534" max="10752" width="2.21875" style="372"/>
    <col min="10753" max="10754" width="2.21875" style="372" customWidth="1"/>
    <col min="10755" max="10757" width="2.21875" style="372"/>
    <col min="10758" max="10758" width="2.44140625" style="372" bestFit="1" customWidth="1"/>
    <col min="10759" max="10772" width="2.21875" style="372"/>
    <col min="10773" max="10773" width="2.44140625" style="372" bestFit="1" customWidth="1"/>
    <col min="10774" max="10774" width="2.21875" style="372"/>
    <col min="10775" max="10786" width="2.77734375" style="372" customWidth="1"/>
    <col min="10787" max="10787" width="1.6640625" style="372" customWidth="1"/>
    <col min="10788" max="10789" width="2.44140625" style="372" customWidth="1"/>
    <col min="10790" max="11008" width="2.21875" style="372"/>
    <col min="11009" max="11010" width="2.21875" style="372" customWidth="1"/>
    <col min="11011" max="11013" width="2.21875" style="372"/>
    <col min="11014" max="11014" width="2.44140625" style="372" bestFit="1" customWidth="1"/>
    <col min="11015" max="11028" width="2.21875" style="372"/>
    <col min="11029" max="11029" width="2.44140625" style="372" bestFit="1" customWidth="1"/>
    <col min="11030" max="11030" width="2.21875" style="372"/>
    <col min="11031" max="11042" width="2.77734375" style="372" customWidth="1"/>
    <col min="11043" max="11043" width="1.6640625" style="372" customWidth="1"/>
    <col min="11044" max="11045" width="2.44140625" style="372" customWidth="1"/>
    <col min="11046" max="11264" width="2.21875" style="372"/>
    <col min="11265" max="11266" width="2.21875" style="372" customWidth="1"/>
    <col min="11267" max="11269" width="2.21875" style="372"/>
    <col min="11270" max="11270" width="2.44140625" style="372" bestFit="1" customWidth="1"/>
    <col min="11271" max="11284" width="2.21875" style="372"/>
    <col min="11285" max="11285" width="2.44140625" style="372" bestFit="1" customWidth="1"/>
    <col min="11286" max="11286" width="2.21875" style="372"/>
    <col min="11287" max="11298" width="2.77734375" style="372" customWidth="1"/>
    <col min="11299" max="11299" width="1.6640625" style="372" customWidth="1"/>
    <col min="11300" max="11301" width="2.44140625" style="372" customWidth="1"/>
    <col min="11302" max="11520" width="2.21875" style="372"/>
    <col min="11521" max="11522" width="2.21875" style="372" customWidth="1"/>
    <col min="11523" max="11525" width="2.21875" style="372"/>
    <col min="11526" max="11526" width="2.44140625" style="372" bestFit="1" customWidth="1"/>
    <col min="11527" max="11540" width="2.21875" style="372"/>
    <col min="11541" max="11541" width="2.44140625" style="372" bestFit="1" customWidth="1"/>
    <col min="11542" max="11542" width="2.21875" style="372"/>
    <col min="11543" max="11554" width="2.77734375" style="372" customWidth="1"/>
    <col min="11555" max="11555" width="1.6640625" style="372" customWidth="1"/>
    <col min="11556" max="11557" width="2.44140625" style="372" customWidth="1"/>
    <col min="11558" max="11776" width="2.21875" style="372"/>
    <col min="11777" max="11778" width="2.21875" style="372" customWidth="1"/>
    <col min="11779" max="11781" width="2.21875" style="372"/>
    <col min="11782" max="11782" width="2.44140625" style="372" bestFit="1" customWidth="1"/>
    <col min="11783" max="11796" width="2.21875" style="372"/>
    <col min="11797" max="11797" width="2.44140625" style="372" bestFit="1" customWidth="1"/>
    <col min="11798" max="11798" width="2.21875" style="372"/>
    <col min="11799" max="11810" width="2.77734375" style="372" customWidth="1"/>
    <col min="11811" max="11811" width="1.6640625" style="372" customWidth="1"/>
    <col min="11812" max="11813" width="2.44140625" style="372" customWidth="1"/>
    <col min="11814" max="12032" width="2.21875" style="372"/>
    <col min="12033" max="12034" width="2.21875" style="372" customWidth="1"/>
    <col min="12035" max="12037" width="2.21875" style="372"/>
    <col min="12038" max="12038" width="2.44140625" style="372" bestFit="1" customWidth="1"/>
    <col min="12039" max="12052" width="2.21875" style="372"/>
    <col min="12053" max="12053" width="2.44140625" style="372" bestFit="1" customWidth="1"/>
    <col min="12054" max="12054" width="2.21875" style="372"/>
    <col min="12055" max="12066" width="2.77734375" style="372" customWidth="1"/>
    <col min="12067" max="12067" width="1.6640625" style="372" customWidth="1"/>
    <col min="12068" max="12069" width="2.44140625" style="372" customWidth="1"/>
    <col min="12070" max="12288" width="2.21875" style="372"/>
    <col min="12289" max="12290" width="2.21875" style="372" customWidth="1"/>
    <col min="12291" max="12293" width="2.21875" style="372"/>
    <col min="12294" max="12294" width="2.44140625" style="372" bestFit="1" customWidth="1"/>
    <col min="12295" max="12308" width="2.21875" style="372"/>
    <col min="12309" max="12309" width="2.44140625" style="372" bestFit="1" customWidth="1"/>
    <col min="12310" max="12310" width="2.21875" style="372"/>
    <col min="12311" max="12322" width="2.77734375" style="372" customWidth="1"/>
    <col min="12323" max="12323" width="1.6640625" style="372" customWidth="1"/>
    <col min="12324" max="12325" width="2.44140625" style="372" customWidth="1"/>
    <col min="12326" max="12544" width="2.21875" style="372"/>
    <col min="12545" max="12546" width="2.21875" style="372" customWidth="1"/>
    <col min="12547" max="12549" width="2.21875" style="372"/>
    <col min="12550" max="12550" width="2.44140625" style="372" bestFit="1" customWidth="1"/>
    <col min="12551" max="12564" width="2.21875" style="372"/>
    <col min="12565" max="12565" width="2.44140625" style="372" bestFit="1" customWidth="1"/>
    <col min="12566" max="12566" width="2.21875" style="372"/>
    <col min="12567" max="12578" width="2.77734375" style="372" customWidth="1"/>
    <col min="12579" max="12579" width="1.6640625" style="372" customWidth="1"/>
    <col min="12580" max="12581" width="2.44140625" style="372" customWidth="1"/>
    <col min="12582" max="12800" width="2.21875" style="372"/>
    <col min="12801" max="12802" width="2.21875" style="372" customWidth="1"/>
    <col min="12803" max="12805" width="2.21875" style="372"/>
    <col min="12806" max="12806" width="2.44140625" style="372" bestFit="1" customWidth="1"/>
    <col min="12807" max="12820" width="2.21875" style="372"/>
    <col min="12821" max="12821" width="2.44140625" style="372" bestFit="1" customWidth="1"/>
    <col min="12822" max="12822" width="2.21875" style="372"/>
    <col min="12823" max="12834" width="2.77734375" style="372" customWidth="1"/>
    <col min="12835" max="12835" width="1.6640625" style="372" customWidth="1"/>
    <col min="12836" max="12837" width="2.44140625" style="372" customWidth="1"/>
    <col min="12838" max="13056" width="2.21875" style="372"/>
    <col min="13057" max="13058" width="2.21875" style="372" customWidth="1"/>
    <col min="13059" max="13061" width="2.21875" style="372"/>
    <col min="13062" max="13062" width="2.44140625" style="372" bestFit="1" customWidth="1"/>
    <col min="13063" max="13076" width="2.21875" style="372"/>
    <col min="13077" max="13077" width="2.44140625" style="372" bestFit="1" customWidth="1"/>
    <col min="13078" max="13078" width="2.21875" style="372"/>
    <col min="13079" max="13090" width="2.77734375" style="372" customWidth="1"/>
    <col min="13091" max="13091" width="1.6640625" style="372" customWidth="1"/>
    <col min="13092" max="13093" width="2.44140625" style="372" customWidth="1"/>
    <col min="13094" max="13312" width="2.21875" style="372"/>
    <col min="13313" max="13314" width="2.21875" style="372" customWidth="1"/>
    <col min="13315" max="13317" width="2.21875" style="372"/>
    <col min="13318" max="13318" width="2.44140625" style="372" bestFit="1" customWidth="1"/>
    <col min="13319" max="13332" width="2.21875" style="372"/>
    <col min="13333" max="13333" width="2.44140625" style="372" bestFit="1" customWidth="1"/>
    <col min="13334" max="13334" width="2.21875" style="372"/>
    <col min="13335" max="13346" width="2.77734375" style="372" customWidth="1"/>
    <col min="13347" max="13347" width="1.6640625" style="372" customWidth="1"/>
    <col min="13348" max="13349" width="2.44140625" style="372" customWidth="1"/>
    <col min="13350" max="13568" width="2.21875" style="372"/>
    <col min="13569" max="13570" width="2.21875" style="372" customWidth="1"/>
    <col min="13571" max="13573" width="2.21875" style="372"/>
    <col min="13574" max="13574" width="2.44140625" style="372" bestFit="1" customWidth="1"/>
    <col min="13575" max="13588" width="2.21875" style="372"/>
    <col min="13589" max="13589" width="2.44140625" style="372" bestFit="1" customWidth="1"/>
    <col min="13590" max="13590" width="2.21875" style="372"/>
    <col min="13591" max="13602" width="2.77734375" style="372" customWidth="1"/>
    <col min="13603" max="13603" width="1.6640625" style="372" customWidth="1"/>
    <col min="13604" max="13605" width="2.44140625" style="372" customWidth="1"/>
    <col min="13606" max="13824" width="2.21875" style="372"/>
    <col min="13825" max="13826" width="2.21875" style="372" customWidth="1"/>
    <col min="13827" max="13829" width="2.21875" style="372"/>
    <col min="13830" max="13830" width="2.44140625" style="372" bestFit="1" customWidth="1"/>
    <col min="13831" max="13844" width="2.21875" style="372"/>
    <col min="13845" max="13845" width="2.44140625" style="372" bestFit="1" customWidth="1"/>
    <col min="13846" max="13846" width="2.21875" style="372"/>
    <col min="13847" max="13858" width="2.77734375" style="372" customWidth="1"/>
    <col min="13859" max="13859" width="1.6640625" style="372" customWidth="1"/>
    <col min="13860" max="13861" width="2.44140625" style="372" customWidth="1"/>
    <col min="13862" max="14080" width="2.21875" style="372"/>
    <col min="14081" max="14082" width="2.21875" style="372" customWidth="1"/>
    <col min="14083" max="14085" width="2.21875" style="372"/>
    <col min="14086" max="14086" width="2.44140625" style="372" bestFit="1" customWidth="1"/>
    <col min="14087" max="14100" width="2.21875" style="372"/>
    <col min="14101" max="14101" width="2.44140625" style="372" bestFit="1" customWidth="1"/>
    <col min="14102" max="14102" width="2.21875" style="372"/>
    <col min="14103" max="14114" width="2.77734375" style="372" customWidth="1"/>
    <col min="14115" max="14115" width="1.6640625" style="372" customWidth="1"/>
    <col min="14116" max="14117" width="2.44140625" style="372" customWidth="1"/>
    <col min="14118" max="14336" width="2.21875" style="372"/>
    <col min="14337" max="14338" width="2.21875" style="372" customWidth="1"/>
    <col min="14339" max="14341" width="2.21875" style="372"/>
    <col min="14342" max="14342" width="2.44140625" style="372" bestFit="1" customWidth="1"/>
    <col min="14343" max="14356" width="2.21875" style="372"/>
    <col min="14357" max="14357" width="2.44140625" style="372" bestFit="1" customWidth="1"/>
    <col min="14358" max="14358" width="2.21875" style="372"/>
    <col min="14359" max="14370" width="2.77734375" style="372" customWidth="1"/>
    <col min="14371" max="14371" width="1.6640625" style="372" customWidth="1"/>
    <col min="14372" max="14373" width="2.44140625" style="372" customWidth="1"/>
    <col min="14374" max="14592" width="2.21875" style="372"/>
    <col min="14593" max="14594" width="2.21875" style="372" customWidth="1"/>
    <col min="14595" max="14597" width="2.21875" style="372"/>
    <col min="14598" max="14598" width="2.44140625" style="372" bestFit="1" customWidth="1"/>
    <col min="14599" max="14612" width="2.21875" style="372"/>
    <col min="14613" max="14613" width="2.44140625" style="372" bestFit="1" customWidth="1"/>
    <col min="14614" max="14614" width="2.21875" style="372"/>
    <col min="14615" max="14626" width="2.77734375" style="372" customWidth="1"/>
    <col min="14627" max="14627" width="1.6640625" style="372" customWidth="1"/>
    <col min="14628" max="14629" width="2.44140625" style="372" customWidth="1"/>
    <col min="14630" max="14848" width="2.21875" style="372"/>
    <col min="14849" max="14850" width="2.21875" style="372" customWidth="1"/>
    <col min="14851" max="14853" width="2.21875" style="372"/>
    <col min="14854" max="14854" width="2.44140625" style="372" bestFit="1" customWidth="1"/>
    <col min="14855" max="14868" width="2.21875" style="372"/>
    <col min="14869" max="14869" width="2.44140625" style="372" bestFit="1" customWidth="1"/>
    <col min="14870" max="14870" width="2.21875" style="372"/>
    <col min="14871" max="14882" width="2.77734375" style="372" customWidth="1"/>
    <col min="14883" max="14883" width="1.6640625" style="372" customWidth="1"/>
    <col min="14884" max="14885" width="2.44140625" style="372" customWidth="1"/>
    <col min="14886" max="15104" width="2.21875" style="372"/>
    <col min="15105" max="15106" width="2.21875" style="372" customWidth="1"/>
    <col min="15107" max="15109" width="2.21875" style="372"/>
    <col min="15110" max="15110" width="2.44140625" style="372" bestFit="1" customWidth="1"/>
    <col min="15111" max="15124" width="2.21875" style="372"/>
    <col min="15125" max="15125" width="2.44140625" style="372" bestFit="1" customWidth="1"/>
    <col min="15126" max="15126" width="2.21875" style="372"/>
    <col min="15127" max="15138" width="2.77734375" style="372" customWidth="1"/>
    <col min="15139" max="15139" width="1.6640625" style="372" customWidth="1"/>
    <col min="15140" max="15141" width="2.44140625" style="372" customWidth="1"/>
    <col min="15142" max="15360" width="2.21875" style="372"/>
    <col min="15361" max="15362" width="2.21875" style="372" customWidth="1"/>
    <col min="15363" max="15365" width="2.21875" style="372"/>
    <col min="15366" max="15366" width="2.44140625" style="372" bestFit="1" customWidth="1"/>
    <col min="15367" max="15380" width="2.21875" style="372"/>
    <col min="15381" max="15381" width="2.44140625" style="372" bestFit="1" customWidth="1"/>
    <col min="15382" max="15382" width="2.21875" style="372"/>
    <col min="15383" max="15394" width="2.77734375" style="372" customWidth="1"/>
    <col min="15395" max="15395" width="1.6640625" style="372" customWidth="1"/>
    <col min="15396" max="15397" width="2.44140625" style="372" customWidth="1"/>
    <col min="15398" max="15616" width="2.21875" style="372"/>
    <col min="15617" max="15618" width="2.21875" style="372" customWidth="1"/>
    <col min="15619" max="15621" width="2.21875" style="372"/>
    <col min="15622" max="15622" width="2.44140625" style="372" bestFit="1" customWidth="1"/>
    <col min="15623" max="15636" width="2.21875" style="372"/>
    <col min="15637" max="15637" width="2.44140625" style="372" bestFit="1" customWidth="1"/>
    <col min="15638" max="15638" width="2.21875" style="372"/>
    <col min="15639" max="15650" width="2.77734375" style="372" customWidth="1"/>
    <col min="15651" max="15651" width="1.6640625" style="372" customWidth="1"/>
    <col min="15652" max="15653" width="2.44140625" style="372" customWidth="1"/>
    <col min="15654" max="15872" width="2.21875" style="372"/>
    <col min="15873" max="15874" width="2.21875" style="372" customWidth="1"/>
    <col min="15875" max="15877" width="2.21875" style="372"/>
    <col min="15878" max="15878" width="2.44140625" style="372" bestFit="1" customWidth="1"/>
    <col min="15879" max="15892" width="2.21875" style="372"/>
    <col min="15893" max="15893" width="2.44140625" style="372" bestFit="1" customWidth="1"/>
    <col min="15894" max="15894" width="2.21875" style="372"/>
    <col min="15895" max="15906" width="2.77734375" style="372" customWidth="1"/>
    <col min="15907" max="15907" width="1.6640625" style="372" customWidth="1"/>
    <col min="15908" max="15909" width="2.44140625" style="372" customWidth="1"/>
    <col min="15910" max="16128" width="2.21875" style="372"/>
    <col min="16129" max="16130" width="2.21875" style="372" customWidth="1"/>
    <col min="16131" max="16133" width="2.21875" style="372"/>
    <col min="16134" max="16134" width="2.44140625" style="372" bestFit="1" customWidth="1"/>
    <col min="16135" max="16148" width="2.21875" style="372"/>
    <col min="16149" max="16149" width="2.44140625" style="372" bestFit="1" customWidth="1"/>
    <col min="16150" max="16150" width="2.21875" style="372"/>
    <col min="16151" max="16162" width="2.77734375" style="372" customWidth="1"/>
    <col min="16163" max="16163" width="1.6640625" style="372" customWidth="1"/>
    <col min="16164" max="16165" width="2.44140625" style="372" customWidth="1"/>
    <col min="16166" max="16384" width="2.21875" style="372"/>
  </cols>
  <sheetData>
    <row r="1" spans="1:39" ht="21" customHeight="1" x14ac:dyDescent="0.2">
      <c r="B1" s="398" t="s">
        <v>934</v>
      </c>
      <c r="C1" s="399"/>
      <c r="D1" s="399"/>
      <c r="E1" s="399"/>
      <c r="F1" s="399"/>
      <c r="G1" s="399"/>
      <c r="AB1" s="2627" t="s">
        <v>723</v>
      </c>
      <c r="AC1" s="2627"/>
      <c r="AD1" s="2627"/>
      <c r="AE1" s="2627"/>
      <c r="AF1" s="2627"/>
      <c r="AG1" s="2627"/>
      <c r="AH1" s="2627"/>
      <c r="AI1" s="2627"/>
      <c r="AK1" s="2576" t="s">
        <v>581</v>
      </c>
      <c r="AL1" s="2576"/>
    </row>
    <row r="2" spans="1:39" ht="20.25" customHeight="1" x14ac:dyDescent="0.2">
      <c r="AL2" s="374"/>
      <c r="AM2" s="374"/>
    </row>
    <row r="3" spans="1:39" ht="20.25" customHeight="1" x14ac:dyDescent="0.2">
      <c r="A3" s="2577" t="s">
        <v>740</v>
      </c>
      <c r="B3" s="2577"/>
      <c r="C3" s="2577"/>
      <c r="D3" s="2577"/>
      <c r="E3" s="2577"/>
      <c r="F3" s="2577"/>
      <c r="G3" s="2577"/>
      <c r="H3" s="2577"/>
      <c r="I3" s="2577"/>
      <c r="J3" s="2577"/>
      <c r="K3" s="2577"/>
      <c r="L3" s="2577"/>
      <c r="M3" s="2577"/>
      <c r="N3" s="2577"/>
      <c r="O3" s="2577"/>
      <c r="P3" s="2577"/>
      <c r="Q3" s="2577"/>
      <c r="R3" s="2577"/>
      <c r="S3" s="2577"/>
      <c r="T3" s="2577"/>
      <c r="U3" s="2577"/>
      <c r="V3" s="2577"/>
      <c r="W3" s="2577"/>
      <c r="X3" s="2577"/>
      <c r="Y3" s="2577"/>
      <c r="Z3" s="2577"/>
      <c r="AA3" s="2577"/>
      <c r="AB3" s="2577"/>
      <c r="AC3" s="2577"/>
      <c r="AD3" s="2577"/>
      <c r="AE3" s="2577"/>
      <c r="AF3" s="2577"/>
      <c r="AG3" s="2577"/>
      <c r="AH3" s="2577"/>
      <c r="AI3" s="2577"/>
      <c r="AJ3" s="2577"/>
      <c r="AK3" s="2577"/>
      <c r="AL3" s="2577"/>
      <c r="AM3" s="408"/>
    </row>
    <row r="4" spans="1:39" ht="20.25" customHeight="1" x14ac:dyDescent="0.2">
      <c r="A4" s="2577"/>
      <c r="B4" s="2577"/>
      <c r="C4" s="2577"/>
      <c r="D4" s="2577"/>
      <c r="E4" s="2577"/>
      <c r="F4" s="2577"/>
      <c r="G4" s="2577"/>
      <c r="H4" s="2577"/>
      <c r="I4" s="2577"/>
      <c r="J4" s="2577"/>
      <c r="K4" s="2577"/>
      <c r="L4" s="2577"/>
      <c r="M4" s="2577"/>
      <c r="N4" s="2577"/>
      <c r="O4" s="2577"/>
      <c r="P4" s="2577"/>
      <c r="Q4" s="2577"/>
      <c r="R4" s="2577"/>
      <c r="S4" s="2577"/>
      <c r="T4" s="2577"/>
      <c r="U4" s="2577"/>
      <c r="V4" s="2577"/>
      <c r="W4" s="2577"/>
      <c r="X4" s="2577"/>
      <c r="Y4" s="2577"/>
      <c r="Z4" s="2577"/>
      <c r="AA4" s="2577"/>
      <c r="AB4" s="2577"/>
      <c r="AC4" s="2577"/>
      <c r="AD4" s="2577"/>
      <c r="AE4" s="2577"/>
      <c r="AF4" s="2577"/>
      <c r="AG4" s="2577"/>
      <c r="AH4" s="2577"/>
      <c r="AI4" s="2577"/>
      <c r="AJ4" s="2577"/>
      <c r="AK4" s="2577"/>
      <c r="AL4" s="2577"/>
      <c r="AM4" s="408"/>
    </row>
    <row r="5" spans="1:39" ht="20.25" customHeight="1" x14ac:dyDescent="0.2"/>
    <row r="6" spans="1:39" ht="25.5" customHeight="1" x14ac:dyDescent="0.2">
      <c r="B6" s="2579" t="s">
        <v>580</v>
      </c>
      <c r="C6" s="2580"/>
      <c r="D6" s="2580"/>
      <c r="E6" s="2580"/>
      <c r="F6" s="2580"/>
      <c r="G6" s="2580"/>
      <c r="H6" s="2580"/>
      <c r="I6" s="2580"/>
      <c r="J6" s="2580"/>
      <c r="K6" s="2581"/>
      <c r="L6" s="2579"/>
      <c r="M6" s="2580"/>
      <c r="N6" s="2580"/>
      <c r="O6" s="2580"/>
      <c r="P6" s="2580"/>
      <c r="Q6" s="2580"/>
      <c r="R6" s="2580"/>
      <c r="S6" s="2580"/>
      <c r="T6" s="2580"/>
      <c r="U6" s="2580"/>
      <c r="V6" s="2580"/>
      <c r="W6" s="2580"/>
      <c r="X6" s="2580"/>
      <c r="Y6" s="2580"/>
      <c r="Z6" s="2580"/>
      <c r="AA6" s="2580"/>
      <c r="AB6" s="2580"/>
      <c r="AC6" s="2580"/>
      <c r="AD6" s="2580"/>
      <c r="AE6" s="2580"/>
      <c r="AF6" s="2580"/>
      <c r="AG6" s="2580"/>
      <c r="AH6" s="2580"/>
      <c r="AI6" s="2580"/>
      <c r="AJ6" s="2580"/>
      <c r="AK6" s="2580"/>
      <c r="AL6" s="2581"/>
    </row>
    <row r="7" spans="1:39" ht="13.5" customHeight="1" x14ac:dyDescent="0.2">
      <c r="B7" s="2582" t="s">
        <v>579</v>
      </c>
      <c r="C7" s="2583"/>
      <c r="D7" s="375"/>
      <c r="E7" s="375"/>
      <c r="F7" s="375"/>
      <c r="G7" s="375"/>
      <c r="H7" s="375"/>
      <c r="I7" s="375"/>
      <c r="J7" s="375"/>
      <c r="K7" s="375"/>
      <c r="L7" s="375"/>
      <c r="M7" s="375"/>
      <c r="N7" s="375"/>
      <c r="O7" s="375"/>
      <c r="P7" s="375"/>
      <c r="Q7" s="375"/>
      <c r="R7" s="2588" t="s">
        <v>578</v>
      </c>
      <c r="S7" s="2589"/>
      <c r="T7" s="376"/>
      <c r="U7" s="375"/>
      <c r="V7" s="375"/>
      <c r="W7" s="375"/>
      <c r="X7" s="375"/>
      <c r="Y7" s="375"/>
      <c r="Z7" s="375"/>
      <c r="AA7" s="375"/>
      <c r="AB7" s="375"/>
      <c r="AC7" s="375"/>
      <c r="AD7" s="375"/>
      <c r="AE7" s="375"/>
      <c r="AF7" s="375"/>
      <c r="AG7" s="375"/>
      <c r="AH7" s="375"/>
      <c r="AI7" s="375"/>
      <c r="AJ7" s="375"/>
      <c r="AK7" s="375"/>
      <c r="AL7" s="377"/>
    </row>
    <row r="8" spans="1:39" x14ac:dyDescent="0.2">
      <c r="B8" s="2584"/>
      <c r="C8" s="2585"/>
      <c r="D8" s="378"/>
      <c r="E8" s="378"/>
      <c r="F8" s="378"/>
      <c r="G8" s="378"/>
      <c r="H8" s="378"/>
      <c r="I8" s="378"/>
      <c r="J8" s="378"/>
      <c r="K8" s="378"/>
      <c r="L8" s="378"/>
      <c r="M8" s="378"/>
      <c r="N8" s="378"/>
      <c r="O8" s="378"/>
      <c r="P8" s="378"/>
      <c r="Q8" s="378"/>
      <c r="R8" s="2590"/>
      <c r="S8" s="2591"/>
      <c r="T8" s="379"/>
      <c r="U8" s="2574">
        <v>1</v>
      </c>
      <c r="V8" s="378"/>
      <c r="W8" s="2565" t="s">
        <v>577</v>
      </c>
      <c r="X8" s="2565"/>
      <c r="Y8" s="2565"/>
      <c r="Z8" s="2565"/>
      <c r="AA8" s="2565"/>
      <c r="AB8" s="2565"/>
      <c r="AC8" s="2565"/>
      <c r="AD8" s="2565"/>
      <c r="AE8" s="2565"/>
      <c r="AF8" s="2565"/>
      <c r="AG8" s="2565"/>
      <c r="AH8" s="2565"/>
      <c r="AI8" s="2565"/>
      <c r="AJ8" s="2565"/>
      <c r="AK8" s="2565"/>
      <c r="AL8" s="380"/>
    </row>
    <row r="9" spans="1:39" x14ac:dyDescent="0.2">
      <c r="B9" s="2584"/>
      <c r="C9" s="2585"/>
      <c r="D9" s="378"/>
      <c r="E9" s="378"/>
      <c r="F9" s="378"/>
      <c r="G9" s="378"/>
      <c r="H9" s="378"/>
      <c r="I9" s="378"/>
      <c r="J9" s="378"/>
      <c r="K9" s="378"/>
      <c r="L9" s="378"/>
      <c r="M9" s="378"/>
      <c r="N9" s="378"/>
      <c r="O9" s="378"/>
      <c r="P9" s="378"/>
      <c r="Q9" s="378"/>
      <c r="R9" s="2590"/>
      <c r="S9" s="2591"/>
      <c r="T9" s="379"/>
      <c r="U9" s="2574"/>
      <c r="V9" s="378"/>
      <c r="W9" s="2565"/>
      <c r="X9" s="2565"/>
      <c r="Y9" s="2565"/>
      <c r="Z9" s="2565"/>
      <c r="AA9" s="2565"/>
      <c r="AB9" s="2565"/>
      <c r="AC9" s="2565"/>
      <c r="AD9" s="2565"/>
      <c r="AE9" s="2565"/>
      <c r="AF9" s="2565"/>
      <c r="AG9" s="2565"/>
      <c r="AH9" s="2565"/>
      <c r="AI9" s="2565"/>
      <c r="AJ9" s="2565"/>
      <c r="AK9" s="2565"/>
      <c r="AL9" s="380"/>
    </row>
    <row r="10" spans="1:39" x14ac:dyDescent="0.2">
      <c r="B10" s="2584"/>
      <c r="C10" s="2585"/>
      <c r="F10" s="2566">
        <v>1</v>
      </c>
      <c r="G10" s="381"/>
      <c r="H10" s="2565" t="s">
        <v>502</v>
      </c>
      <c r="I10" s="2565"/>
      <c r="J10" s="2565"/>
      <c r="K10" s="2565"/>
      <c r="L10" s="2565"/>
      <c r="M10" s="2565"/>
      <c r="N10" s="2565"/>
      <c r="O10" s="2565"/>
      <c r="P10" s="382"/>
      <c r="Q10" s="382"/>
      <c r="R10" s="2590"/>
      <c r="S10" s="2591"/>
      <c r="T10" s="379"/>
      <c r="U10" s="2574">
        <v>2</v>
      </c>
      <c r="V10" s="378"/>
      <c r="W10" s="2565" t="s">
        <v>576</v>
      </c>
      <c r="X10" s="2565"/>
      <c r="Y10" s="2565"/>
      <c r="Z10" s="2565"/>
      <c r="AA10" s="2565"/>
      <c r="AB10" s="2565"/>
      <c r="AC10" s="2565"/>
      <c r="AD10" s="2565"/>
      <c r="AE10" s="2565"/>
      <c r="AF10" s="2565"/>
      <c r="AG10" s="2565"/>
      <c r="AH10" s="2565"/>
      <c r="AI10" s="2565"/>
      <c r="AJ10" s="2565"/>
      <c r="AK10" s="2565"/>
      <c r="AL10" s="383"/>
    </row>
    <row r="11" spans="1:39" x14ac:dyDescent="0.2">
      <c r="B11" s="2584"/>
      <c r="C11" s="2585"/>
      <c r="F11" s="2566"/>
      <c r="G11" s="381"/>
      <c r="H11" s="2565"/>
      <c r="I11" s="2565"/>
      <c r="J11" s="2565"/>
      <c r="K11" s="2565"/>
      <c r="L11" s="2565"/>
      <c r="M11" s="2565"/>
      <c r="N11" s="2565"/>
      <c r="O11" s="2565"/>
      <c r="P11" s="382"/>
      <c r="Q11" s="382"/>
      <c r="R11" s="2590"/>
      <c r="S11" s="2591"/>
      <c r="T11" s="379"/>
      <c r="U11" s="2574"/>
      <c r="V11" s="378"/>
      <c r="W11" s="2565"/>
      <c r="X11" s="2565"/>
      <c r="Y11" s="2565"/>
      <c r="Z11" s="2565"/>
      <c r="AA11" s="2565"/>
      <c r="AB11" s="2565"/>
      <c r="AC11" s="2565"/>
      <c r="AD11" s="2565"/>
      <c r="AE11" s="2565"/>
      <c r="AF11" s="2565"/>
      <c r="AG11" s="2565"/>
      <c r="AH11" s="2565"/>
      <c r="AI11" s="2565"/>
      <c r="AJ11" s="2565"/>
      <c r="AK11" s="2565"/>
      <c r="AL11" s="383"/>
    </row>
    <row r="12" spans="1:39" x14ac:dyDescent="0.2">
      <c r="B12" s="2584"/>
      <c r="C12" s="2585"/>
      <c r="F12" s="2566">
        <v>2</v>
      </c>
      <c r="G12" s="381"/>
      <c r="H12" s="2565" t="s">
        <v>575</v>
      </c>
      <c r="I12" s="2565"/>
      <c r="J12" s="2565"/>
      <c r="K12" s="2565"/>
      <c r="L12" s="2565"/>
      <c r="M12" s="2565"/>
      <c r="N12" s="2565"/>
      <c r="O12" s="2565"/>
      <c r="P12" s="382"/>
      <c r="Q12" s="382"/>
      <c r="R12" s="2590"/>
      <c r="S12" s="2591"/>
      <c r="T12" s="379"/>
      <c r="U12" s="2574">
        <v>3</v>
      </c>
      <c r="V12" s="378"/>
      <c r="W12" s="2565" t="s">
        <v>574</v>
      </c>
      <c r="X12" s="2565"/>
      <c r="Y12" s="2565"/>
      <c r="Z12" s="2565"/>
      <c r="AA12" s="2565"/>
      <c r="AB12" s="2565"/>
      <c r="AC12" s="2565"/>
      <c r="AD12" s="2565"/>
      <c r="AE12" s="2565"/>
      <c r="AF12" s="2565"/>
      <c r="AG12" s="2565"/>
      <c r="AH12" s="2565"/>
      <c r="AI12" s="2565"/>
      <c r="AJ12" s="2565"/>
      <c r="AK12" s="2565"/>
      <c r="AL12" s="380"/>
    </row>
    <row r="13" spans="1:39" x14ac:dyDescent="0.2">
      <c r="B13" s="2584"/>
      <c r="C13" s="2585"/>
      <c r="F13" s="2566"/>
      <c r="G13" s="381"/>
      <c r="H13" s="2565"/>
      <c r="I13" s="2565"/>
      <c r="J13" s="2565"/>
      <c r="K13" s="2565"/>
      <c r="L13" s="2565"/>
      <c r="M13" s="2565"/>
      <c r="N13" s="2565"/>
      <c r="O13" s="2565"/>
      <c r="P13" s="382"/>
      <c r="Q13" s="382"/>
      <c r="R13" s="2590"/>
      <c r="S13" s="2591"/>
      <c r="T13" s="379"/>
      <c r="U13" s="2574"/>
      <c r="V13" s="378"/>
      <c r="W13" s="2565"/>
      <c r="X13" s="2565"/>
      <c r="Y13" s="2565"/>
      <c r="Z13" s="2565"/>
      <c r="AA13" s="2565"/>
      <c r="AB13" s="2565"/>
      <c r="AC13" s="2565"/>
      <c r="AD13" s="2565"/>
      <c r="AE13" s="2565"/>
      <c r="AF13" s="2565"/>
      <c r="AG13" s="2565"/>
      <c r="AH13" s="2565"/>
      <c r="AI13" s="2565"/>
      <c r="AJ13" s="2565"/>
      <c r="AK13" s="2565"/>
      <c r="AL13" s="380"/>
    </row>
    <row r="14" spans="1:39" x14ac:dyDescent="0.2">
      <c r="B14" s="2584"/>
      <c r="C14" s="2585"/>
      <c r="F14" s="2566">
        <v>3</v>
      </c>
      <c r="G14" s="381"/>
      <c r="H14" s="2565" t="s">
        <v>573</v>
      </c>
      <c r="I14" s="2565"/>
      <c r="J14" s="2565"/>
      <c r="K14" s="2565"/>
      <c r="L14" s="2565"/>
      <c r="M14" s="2565"/>
      <c r="N14" s="2565"/>
      <c r="O14" s="2565"/>
      <c r="P14" s="382"/>
      <c r="Q14" s="382"/>
      <c r="R14" s="2590"/>
      <c r="S14" s="2591"/>
      <c r="T14" s="379"/>
      <c r="U14" s="2564">
        <v>4</v>
      </c>
      <c r="V14" s="378"/>
      <c r="W14" s="2565" t="s">
        <v>572</v>
      </c>
      <c r="X14" s="2565"/>
      <c r="Y14" s="2565"/>
      <c r="Z14" s="2565"/>
      <c r="AA14" s="2565"/>
      <c r="AB14" s="2565"/>
      <c r="AC14" s="2565"/>
      <c r="AD14" s="2565"/>
      <c r="AE14" s="2565"/>
      <c r="AF14" s="2565"/>
      <c r="AG14" s="2565"/>
      <c r="AH14" s="2565"/>
      <c r="AI14" s="2565"/>
      <c r="AJ14" s="2565"/>
      <c r="AK14" s="2565"/>
      <c r="AL14" s="380"/>
    </row>
    <row r="15" spans="1:39" x14ac:dyDescent="0.2">
      <c r="B15" s="2584"/>
      <c r="C15" s="2585"/>
      <c r="F15" s="2566"/>
      <c r="G15" s="381"/>
      <c r="H15" s="2565"/>
      <c r="I15" s="2565"/>
      <c r="J15" s="2565"/>
      <c r="K15" s="2565"/>
      <c r="L15" s="2565"/>
      <c r="M15" s="2565"/>
      <c r="N15" s="2565"/>
      <c r="O15" s="2565"/>
      <c r="P15" s="382"/>
      <c r="Q15" s="382"/>
      <c r="R15" s="2590"/>
      <c r="S15" s="2591"/>
      <c r="T15" s="379"/>
      <c r="U15" s="2564"/>
      <c r="V15" s="378"/>
      <c r="W15" s="2565"/>
      <c r="X15" s="2565"/>
      <c r="Y15" s="2565"/>
      <c r="Z15" s="2565"/>
      <c r="AA15" s="2565"/>
      <c r="AB15" s="2565"/>
      <c r="AC15" s="2565"/>
      <c r="AD15" s="2565"/>
      <c r="AE15" s="2565"/>
      <c r="AF15" s="2565"/>
      <c r="AG15" s="2565"/>
      <c r="AH15" s="2565"/>
      <c r="AI15" s="2565"/>
      <c r="AJ15" s="2565"/>
      <c r="AK15" s="2565"/>
      <c r="AL15" s="380"/>
    </row>
    <row r="16" spans="1:39" x14ac:dyDescent="0.2">
      <c r="B16" s="2584"/>
      <c r="C16" s="2585"/>
      <c r="F16" s="2566">
        <v>4</v>
      </c>
      <c r="G16" s="381"/>
      <c r="H16" s="2565" t="s">
        <v>571</v>
      </c>
      <c r="I16" s="2565"/>
      <c r="J16" s="2565"/>
      <c r="K16" s="2565"/>
      <c r="L16" s="2565"/>
      <c r="M16" s="2565"/>
      <c r="N16" s="2565"/>
      <c r="O16" s="2565"/>
      <c r="P16" s="382"/>
      <c r="Q16" s="382"/>
      <c r="R16" s="2590"/>
      <c r="S16" s="2591"/>
      <c r="T16" s="379"/>
      <c r="U16" s="2564">
        <v>5</v>
      </c>
      <c r="V16" s="378"/>
      <c r="W16" s="2565" t="s">
        <v>570</v>
      </c>
      <c r="X16" s="2565"/>
      <c r="Y16" s="2565"/>
      <c r="Z16" s="2565"/>
      <c r="AA16" s="2565"/>
      <c r="AB16" s="2565"/>
      <c r="AC16" s="2565"/>
      <c r="AD16" s="2565"/>
      <c r="AE16" s="2565"/>
      <c r="AF16" s="2565"/>
      <c r="AG16" s="2565"/>
      <c r="AH16" s="2565"/>
      <c r="AI16" s="2565"/>
      <c r="AJ16" s="2565"/>
      <c r="AK16" s="2565"/>
      <c r="AL16" s="380"/>
    </row>
    <row r="17" spans="2:38" x14ac:dyDescent="0.2">
      <c r="B17" s="2584"/>
      <c r="C17" s="2585"/>
      <c r="F17" s="2566"/>
      <c r="G17" s="381"/>
      <c r="H17" s="2565"/>
      <c r="I17" s="2565"/>
      <c r="J17" s="2565"/>
      <c r="K17" s="2565"/>
      <c r="L17" s="2565"/>
      <c r="M17" s="2565"/>
      <c r="N17" s="2565"/>
      <c r="O17" s="2565"/>
      <c r="P17" s="382"/>
      <c r="Q17" s="382"/>
      <c r="R17" s="2590"/>
      <c r="S17" s="2591"/>
      <c r="T17" s="379"/>
      <c r="U17" s="2564"/>
      <c r="V17" s="378"/>
      <c r="W17" s="2565"/>
      <c r="X17" s="2565"/>
      <c r="Y17" s="2565"/>
      <c r="Z17" s="2565"/>
      <c r="AA17" s="2565"/>
      <c r="AB17" s="2565"/>
      <c r="AC17" s="2565"/>
      <c r="AD17" s="2565"/>
      <c r="AE17" s="2565"/>
      <c r="AF17" s="2565"/>
      <c r="AG17" s="2565"/>
      <c r="AH17" s="2565"/>
      <c r="AI17" s="2565"/>
      <c r="AJ17" s="2565"/>
      <c r="AK17" s="2565"/>
      <c r="AL17" s="380"/>
    </row>
    <row r="18" spans="2:38" x14ac:dyDescent="0.2">
      <c r="B18" s="2584"/>
      <c r="C18" s="2585"/>
      <c r="F18" s="2566">
        <v>5</v>
      </c>
      <c r="G18" s="381"/>
      <c r="H18" s="2565" t="s">
        <v>504</v>
      </c>
      <c r="I18" s="2565"/>
      <c r="J18" s="2565"/>
      <c r="K18" s="2565"/>
      <c r="L18" s="2565"/>
      <c r="M18" s="2565"/>
      <c r="N18" s="2565"/>
      <c r="O18" s="2565"/>
      <c r="P18" s="382"/>
      <c r="Q18" s="382"/>
      <c r="R18" s="2590"/>
      <c r="S18" s="2591"/>
      <c r="T18" s="379"/>
      <c r="U18" s="2564">
        <v>6</v>
      </c>
      <c r="V18" s="378"/>
      <c r="W18" s="2565" t="s">
        <v>569</v>
      </c>
      <c r="X18" s="2565"/>
      <c r="Y18" s="2565"/>
      <c r="Z18" s="2565"/>
      <c r="AA18" s="2565"/>
      <c r="AB18" s="2565"/>
      <c r="AC18" s="2565"/>
      <c r="AD18" s="2565"/>
      <c r="AE18" s="2565"/>
      <c r="AF18" s="2565"/>
      <c r="AG18" s="2565"/>
      <c r="AH18" s="2565"/>
      <c r="AI18" s="2565"/>
      <c r="AJ18" s="2565"/>
      <c r="AK18" s="2565"/>
      <c r="AL18" s="380"/>
    </row>
    <row r="19" spans="2:38" x14ac:dyDescent="0.2">
      <c r="B19" s="2584"/>
      <c r="C19" s="2585"/>
      <c r="F19" s="2566"/>
      <c r="G19" s="381"/>
      <c r="H19" s="2565"/>
      <c r="I19" s="2565"/>
      <c r="J19" s="2565"/>
      <c r="K19" s="2565"/>
      <c r="L19" s="2565"/>
      <c r="M19" s="2565"/>
      <c r="N19" s="2565"/>
      <c r="O19" s="2565"/>
      <c r="P19" s="382"/>
      <c r="Q19" s="382"/>
      <c r="R19" s="2590"/>
      <c r="S19" s="2591"/>
      <c r="T19" s="379"/>
      <c r="U19" s="2564"/>
      <c r="V19" s="378"/>
      <c r="W19" s="2565"/>
      <c r="X19" s="2565"/>
      <c r="Y19" s="2565"/>
      <c r="Z19" s="2565"/>
      <c r="AA19" s="2565"/>
      <c r="AB19" s="2565"/>
      <c r="AC19" s="2565"/>
      <c r="AD19" s="2565"/>
      <c r="AE19" s="2565"/>
      <c r="AF19" s="2565"/>
      <c r="AG19" s="2565"/>
      <c r="AH19" s="2565"/>
      <c r="AI19" s="2565"/>
      <c r="AJ19" s="2565"/>
      <c r="AK19" s="2565"/>
      <c r="AL19" s="380"/>
    </row>
    <row r="20" spans="2:38" x14ac:dyDescent="0.2">
      <c r="B20" s="2584"/>
      <c r="C20" s="2585"/>
      <c r="D20" s="378"/>
      <c r="E20" s="378"/>
      <c r="F20" s="378"/>
      <c r="G20" s="378"/>
      <c r="H20" s="378"/>
      <c r="I20" s="378"/>
      <c r="J20" s="378"/>
      <c r="K20" s="378"/>
      <c r="L20" s="378"/>
      <c r="M20" s="378"/>
      <c r="N20" s="378"/>
      <c r="O20" s="378"/>
      <c r="P20" s="378"/>
      <c r="Q20" s="378"/>
      <c r="R20" s="2590"/>
      <c r="S20" s="2591"/>
      <c r="T20" s="379"/>
      <c r="U20" s="2564">
        <v>7</v>
      </c>
      <c r="V20" s="378"/>
      <c r="W20" s="2565" t="s">
        <v>568</v>
      </c>
      <c r="X20" s="2565"/>
      <c r="Y20" s="2565"/>
      <c r="Z20" s="2565"/>
      <c r="AA20" s="2565"/>
      <c r="AB20" s="2565"/>
      <c r="AC20" s="2565"/>
      <c r="AD20" s="2565"/>
      <c r="AE20" s="2565"/>
      <c r="AF20" s="2565"/>
      <c r="AG20" s="2565"/>
      <c r="AH20" s="2565"/>
      <c r="AI20" s="2565"/>
      <c r="AJ20" s="2565"/>
      <c r="AK20" s="2565"/>
      <c r="AL20" s="380"/>
    </row>
    <row r="21" spans="2:38" x14ac:dyDescent="0.2">
      <c r="B21" s="2584"/>
      <c r="C21" s="2585"/>
      <c r="D21" s="378"/>
      <c r="E21" s="378"/>
      <c r="F21" s="378"/>
      <c r="G21" s="378"/>
      <c r="H21" s="378"/>
      <c r="I21" s="378"/>
      <c r="J21" s="378"/>
      <c r="K21" s="378"/>
      <c r="L21" s="378"/>
      <c r="M21" s="378"/>
      <c r="N21" s="378"/>
      <c r="O21" s="378"/>
      <c r="P21" s="378"/>
      <c r="Q21" s="378"/>
      <c r="R21" s="2590"/>
      <c r="S21" s="2591"/>
      <c r="T21" s="379"/>
      <c r="U21" s="2564"/>
      <c r="V21" s="378"/>
      <c r="W21" s="2565"/>
      <c r="X21" s="2565"/>
      <c r="Y21" s="2565"/>
      <c r="Z21" s="2565"/>
      <c r="AA21" s="2565"/>
      <c r="AB21" s="2565"/>
      <c r="AC21" s="2565"/>
      <c r="AD21" s="2565"/>
      <c r="AE21" s="2565"/>
      <c r="AF21" s="2565"/>
      <c r="AG21" s="2565"/>
      <c r="AH21" s="2565"/>
      <c r="AI21" s="2565"/>
      <c r="AJ21" s="2565"/>
      <c r="AK21" s="2565"/>
      <c r="AL21" s="380"/>
    </row>
    <row r="22" spans="2:38" x14ac:dyDescent="0.2">
      <c r="B22" s="2584"/>
      <c r="C22" s="2585"/>
      <c r="D22" s="378"/>
      <c r="E22" s="378"/>
      <c r="F22" s="378"/>
      <c r="G22" s="378"/>
      <c r="H22" s="378"/>
      <c r="I22" s="378"/>
      <c r="J22" s="378"/>
      <c r="K22" s="378"/>
      <c r="L22" s="378"/>
      <c r="M22" s="378"/>
      <c r="N22" s="378"/>
      <c r="O22" s="378"/>
      <c r="P22" s="378"/>
      <c r="Q22" s="378"/>
      <c r="R22" s="2590"/>
      <c r="S22" s="2591"/>
      <c r="T22" s="379"/>
      <c r="U22" s="2564">
        <v>8</v>
      </c>
      <c r="V22" s="378"/>
      <c r="W22" s="2565" t="s">
        <v>567</v>
      </c>
      <c r="X22" s="2565"/>
      <c r="Y22" s="2565"/>
      <c r="Z22" s="2565"/>
      <c r="AA22" s="2565"/>
      <c r="AB22" s="2565"/>
      <c r="AC22" s="2565"/>
      <c r="AD22" s="2565"/>
      <c r="AE22" s="2565"/>
      <c r="AF22" s="2565"/>
      <c r="AG22" s="2565"/>
      <c r="AH22" s="2565"/>
      <c r="AI22" s="2565"/>
      <c r="AJ22" s="2565"/>
      <c r="AK22" s="2565"/>
      <c r="AL22" s="380"/>
    </row>
    <row r="23" spans="2:38" x14ac:dyDescent="0.2">
      <c r="B23" s="2584"/>
      <c r="C23" s="2585"/>
      <c r="D23" s="378"/>
      <c r="E23" s="378"/>
      <c r="F23" s="378"/>
      <c r="G23" s="378"/>
      <c r="H23" s="378"/>
      <c r="I23" s="378"/>
      <c r="J23" s="378"/>
      <c r="K23" s="378"/>
      <c r="L23" s="378"/>
      <c r="M23" s="378"/>
      <c r="N23" s="378"/>
      <c r="O23" s="378"/>
      <c r="P23" s="378"/>
      <c r="Q23" s="378"/>
      <c r="R23" s="2590"/>
      <c r="S23" s="2591"/>
      <c r="T23" s="379"/>
      <c r="U23" s="2564"/>
      <c r="V23" s="378"/>
      <c r="W23" s="2565"/>
      <c r="X23" s="2565"/>
      <c r="Y23" s="2565"/>
      <c r="Z23" s="2565"/>
      <c r="AA23" s="2565"/>
      <c r="AB23" s="2565"/>
      <c r="AC23" s="2565"/>
      <c r="AD23" s="2565"/>
      <c r="AE23" s="2565"/>
      <c r="AF23" s="2565"/>
      <c r="AG23" s="2565"/>
      <c r="AH23" s="2565"/>
      <c r="AI23" s="2565"/>
      <c r="AJ23" s="2565"/>
      <c r="AK23" s="2565"/>
      <c r="AL23" s="380"/>
    </row>
    <row r="24" spans="2:38" x14ac:dyDescent="0.2">
      <c r="B24" s="2586"/>
      <c r="C24" s="2587"/>
      <c r="D24" s="384"/>
      <c r="E24" s="384"/>
      <c r="F24" s="384"/>
      <c r="G24" s="384"/>
      <c r="H24" s="384"/>
      <c r="I24" s="384"/>
      <c r="J24" s="384"/>
      <c r="K24" s="384"/>
      <c r="L24" s="384"/>
      <c r="M24" s="384"/>
      <c r="N24" s="384"/>
      <c r="O24" s="384"/>
      <c r="P24" s="384"/>
      <c r="Q24" s="384"/>
      <c r="R24" s="2592"/>
      <c r="S24" s="2593"/>
      <c r="T24" s="385"/>
      <c r="U24" s="386"/>
      <c r="V24" s="384"/>
      <c r="W24" s="387"/>
      <c r="X24" s="387"/>
      <c r="Y24" s="387"/>
      <c r="Z24" s="387"/>
      <c r="AA24" s="387"/>
      <c r="AB24" s="387"/>
      <c r="AC24" s="387"/>
      <c r="AD24" s="387"/>
      <c r="AE24" s="387"/>
      <c r="AF24" s="387"/>
      <c r="AG24" s="387"/>
      <c r="AH24" s="387"/>
      <c r="AI24" s="387"/>
      <c r="AJ24" s="387"/>
      <c r="AK24" s="387"/>
      <c r="AL24" s="388"/>
    </row>
    <row r="25" spans="2:38" ht="13.5" customHeight="1" x14ac:dyDescent="0.2">
      <c r="B25" s="2582" t="s">
        <v>566</v>
      </c>
      <c r="C25" s="2583"/>
      <c r="D25" s="375"/>
      <c r="E25" s="375"/>
      <c r="F25" s="375"/>
      <c r="G25" s="375"/>
      <c r="H25" s="375"/>
      <c r="I25" s="375"/>
      <c r="J25" s="375"/>
      <c r="K25" s="375"/>
      <c r="L25" s="375"/>
      <c r="M25" s="375"/>
      <c r="N25" s="375"/>
      <c r="O25" s="375"/>
      <c r="P25" s="375"/>
      <c r="Q25" s="375"/>
      <c r="R25" s="389"/>
      <c r="S25" s="389"/>
      <c r="T25" s="375"/>
      <c r="U25" s="375"/>
      <c r="V25" s="375"/>
      <c r="W25" s="390"/>
      <c r="X25" s="390"/>
      <c r="Y25" s="390"/>
      <c r="Z25" s="390"/>
      <c r="AA25" s="390"/>
      <c r="AB25" s="390"/>
      <c r="AC25" s="390"/>
      <c r="AD25" s="390"/>
      <c r="AE25" s="390"/>
      <c r="AF25" s="390"/>
      <c r="AG25" s="390"/>
      <c r="AH25" s="390"/>
      <c r="AI25" s="390"/>
      <c r="AJ25" s="390"/>
      <c r="AK25" s="390"/>
      <c r="AL25" s="377"/>
    </row>
    <row r="26" spans="2:38" x14ac:dyDescent="0.2">
      <c r="B26" s="2584"/>
      <c r="C26" s="2585"/>
      <c r="D26" s="378"/>
      <c r="E26" s="2573"/>
      <c r="F26" s="2573"/>
      <c r="G26" s="2547" t="s">
        <v>565</v>
      </c>
      <c r="H26" s="2547"/>
      <c r="I26" s="2547"/>
      <c r="J26" s="2547"/>
      <c r="K26" s="2547"/>
      <c r="L26" s="2547"/>
      <c r="M26" s="2547"/>
      <c r="N26" s="2547"/>
      <c r="O26" s="2547"/>
      <c r="P26" s="378"/>
      <c r="Q26" s="378"/>
      <c r="R26" s="378"/>
      <c r="S26" s="378"/>
      <c r="T26" s="378"/>
      <c r="U26" s="378"/>
      <c r="V26" s="378"/>
      <c r="W26" s="378"/>
      <c r="X26" s="378"/>
      <c r="Y26" s="378"/>
      <c r="Z26" s="378"/>
      <c r="AA26" s="378"/>
      <c r="AB26" s="378"/>
      <c r="AC26" s="378"/>
      <c r="AD26" s="378"/>
      <c r="AE26" s="378"/>
      <c r="AF26" s="378"/>
      <c r="AG26" s="378"/>
      <c r="AH26" s="378"/>
      <c r="AI26" s="378"/>
      <c r="AJ26" s="378"/>
      <c r="AK26" s="378"/>
      <c r="AL26" s="393"/>
    </row>
    <row r="27" spans="2:38" x14ac:dyDescent="0.2">
      <c r="B27" s="2584"/>
      <c r="C27" s="2585"/>
      <c r="D27" s="378"/>
      <c r="E27" s="2573"/>
      <c r="F27" s="2573"/>
      <c r="G27" s="2547"/>
      <c r="H27" s="2547"/>
      <c r="I27" s="2547"/>
      <c r="J27" s="2547"/>
      <c r="K27" s="2547"/>
      <c r="L27" s="2547"/>
      <c r="M27" s="2547"/>
      <c r="N27" s="2547"/>
      <c r="O27" s="2547"/>
      <c r="P27" s="378"/>
      <c r="Q27" s="378"/>
      <c r="R27" s="378"/>
      <c r="S27" s="378"/>
      <c r="T27" s="378"/>
      <c r="U27" s="378"/>
      <c r="V27" s="378"/>
      <c r="W27" s="378"/>
      <c r="X27" s="378"/>
      <c r="Y27" s="378"/>
      <c r="Z27" s="378"/>
      <c r="AA27" s="378"/>
      <c r="AB27" s="378"/>
      <c r="AC27" s="378"/>
      <c r="AD27" s="378"/>
      <c r="AE27" s="378"/>
      <c r="AF27" s="378"/>
      <c r="AG27" s="378"/>
      <c r="AH27" s="378"/>
      <c r="AI27" s="378"/>
      <c r="AJ27" s="378"/>
      <c r="AK27" s="378"/>
      <c r="AL27" s="393"/>
    </row>
    <row r="28" spans="2:38" ht="11.25" customHeight="1" x14ac:dyDescent="0.2">
      <c r="B28" s="2584"/>
      <c r="C28" s="2585"/>
      <c r="D28" s="378"/>
      <c r="E28" s="2547" t="s">
        <v>564</v>
      </c>
      <c r="F28" s="2547"/>
      <c r="G28" s="2573"/>
      <c r="H28" s="2573"/>
      <c r="I28" s="2573"/>
      <c r="J28" s="2573"/>
      <c r="K28" s="2573"/>
      <c r="L28" s="2573"/>
      <c r="M28" s="2573"/>
      <c r="N28" s="2573" t="s">
        <v>69</v>
      </c>
      <c r="O28" s="2573"/>
      <c r="P28" s="378"/>
      <c r="Q28" s="378"/>
      <c r="R28" s="378"/>
      <c r="S28" s="378"/>
      <c r="T28" s="378"/>
      <c r="U28" s="378"/>
      <c r="V28" s="378"/>
      <c r="W28" s="378"/>
      <c r="X28" s="378"/>
      <c r="Y28" s="378"/>
      <c r="Z28" s="378"/>
      <c r="AA28" s="378"/>
      <c r="AB28" s="378"/>
      <c r="AC28" s="378"/>
      <c r="AD28" s="378"/>
      <c r="AE28" s="378"/>
      <c r="AF28" s="378"/>
      <c r="AG28" s="378"/>
      <c r="AH28" s="378"/>
      <c r="AI28" s="378"/>
      <c r="AJ28" s="378"/>
      <c r="AK28" s="378"/>
      <c r="AL28" s="393"/>
    </row>
    <row r="29" spans="2:38" ht="11.25" customHeight="1" x14ac:dyDescent="0.2">
      <c r="B29" s="2584"/>
      <c r="C29" s="2585"/>
      <c r="D29" s="378"/>
      <c r="E29" s="2547"/>
      <c r="F29" s="2547"/>
      <c r="G29" s="2573"/>
      <c r="H29" s="2573"/>
      <c r="I29" s="2573"/>
      <c r="J29" s="2573"/>
      <c r="K29" s="2573"/>
      <c r="L29" s="2573"/>
      <c r="M29" s="2573"/>
      <c r="N29" s="2573"/>
      <c r="O29" s="2573"/>
      <c r="P29" s="378"/>
      <c r="Q29" s="378"/>
      <c r="R29" s="378"/>
      <c r="S29" s="378"/>
      <c r="T29" s="378"/>
      <c r="U29" s="378"/>
      <c r="V29" s="378"/>
      <c r="W29" s="378"/>
      <c r="X29" s="378"/>
      <c r="Y29" s="378"/>
      <c r="Z29" s="378"/>
      <c r="AA29" s="378"/>
      <c r="AB29" s="378"/>
      <c r="AC29" s="378"/>
      <c r="AD29" s="378"/>
      <c r="AE29" s="378"/>
      <c r="AF29" s="378"/>
      <c r="AG29" s="378"/>
      <c r="AH29" s="378"/>
      <c r="AI29" s="378"/>
      <c r="AJ29" s="378"/>
      <c r="AK29" s="378"/>
      <c r="AL29" s="393"/>
    </row>
    <row r="30" spans="2:38" ht="11.25" customHeight="1" x14ac:dyDescent="0.2">
      <c r="B30" s="2584"/>
      <c r="C30" s="2585"/>
      <c r="D30" s="378"/>
      <c r="E30" s="2547" t="s">
        <v>563</v>
      </c>
      <c r="F30" s="2547"/>
      <c r="G30" s="2573"/>
      <c r="H30" s="2573"/>
      <c r="I30" s="2573"/>
      <c r="J30" s="2573"/>
      <c r="K30" s="2573"/>
      <c r="L30" s="2573"/>
      <c r="M30" s="2573"/>
      <c r="N30" s="2573" t="s">
        <v>69</v>
      </c>
      <c r="O30" s="2573"/>
      <c r="P30" s="378"/>
      <c r="Q30" s="378"/>
      <c r="R30" s="378"/>
      <c r="S30" s="378"/>
      <c r="T30" s="378"/>
      <c r="U30" s="378"/>
      <c r="V30" s="378"/>
      <c r="W30" s="378"/>
      <c r="X30" s="378"/>
      <c r="Y30" s="378"/>
      <c r="Z30" s="378"/>
      <c r="AA30" s="378"/>
      <c r="AB30" s="378"/>
      <c r="AC30" s="378"/>
      <c r="AD30" s="378"/>
      <c r="AE30" s="378"/>
      <c r="AF30" s="378"/>
      <c r="AG30" s="378"/>
      <c r="AH30" s="378"/>
      <c r="AI30" s="378"/>
      <c r="AJ30" s="378"/>
      <c r="AK30" s="378"/>
      <c r="AL30" s="393"/>
    </row>
    <row r="31" spans="2:38" ht="11.25" customHeight="1" x14ac:dyDescent="0.2">
      <c r="B31" s="2584"/>
      <c r="C31" s="2585"/>
      <c r="D31" s="378"/>
      <c r="E31" s="2547"/>
      <c r="F31" s="2547"/>
      <c r="G31" s="2573"/>
      <c r="H31" s="2573"/>
      <c r="I31" s="2573"/>
      <c r="J31" s="2573"/>
      <c r="K31" s="2573"/>
      <c r="L31" s="2573"/>
      <c r="M31" s="2573"/>
      <c r="N31" s="2573"/>
      <c r="O31" s="2573"/>
      <c r="P31" s="378"/>
      <c r="Q31" s="378"/>
      <c r="R31" s="378"/>
      <c r="S31" s="378"/>
      <c r="T31" s="378"/>
      <c r="U31" s="378"/>
      <c r="V31" s="378"/>
      <c r="W31" s="378"/>
      <c r="X31" s="378"/>
      <c r="Y31" s="378"/>
      <c r="Z31" s="378"/>
      <c r="AA31" s="378"/>
      <c r="AB31" s="378"/>
      <c r="AC31" s="378"/>
      <c r="AD31" s="378"/>
      <c r="AE31" s="378"/>
      <c r="AF31" s="378"/>
      <c r="AG31" s="378"/>
      <c r="AH31" s="378"/>
      <c r="AI31" s="378"/>
      <c r="AJ31" s="378"/>
      <c r="AK31" s="378"/>
      <c r="AL31" s="393"/>
    </row>
    <row r="32" spans="2:38" ht="11.25" customHeight="1" x14ac:dyDescent="0.2">
      <c r="B32" s="2584"/>
      <c r="C32" s="2585"/>
      <c r="D32" s="378"/>
      <c r="E32" s="2547" t="s">
        <v>562</v>
      </c>
      <c r="F32" s="2547"/>
      <c r="G32" s="2573"/>
      <c r="H32" s="2573"/>
      <c r="I32" s="2573"/>
      <c r="J32" s="2573"/>
      <c r="K32" s="2573"/>
      <c r="L32" s="2573"/>
      <c r="M32" s="2573"/>
      <c r="N32" s="2573" t="s">
        <v>69</v>
      </c>
      <c r="O32" s="2573"/>
      <c r="P32" s="378"/>
      <c r="Q32" s="378"/>
      <c r="R32" s="378"/>
      <c r="S32" s="378"/>
      <c r="T32" s="378"/>
      <c r="U32" s="378"/>
      <c r="V32" s="378"/>
      <c r="W32" s="378"/>
      <c r="X32" s="378"/>
      <c r="Y32" s="378"/>
      <c r="Z32" s="378"/>
      <c r="AA32" s="378"/>
      <c r="AB32" s="378"/>
      <c r="AC32" s="378"/>
      <c r="AD32" s="378"/>
      <c r="AE32" s="378"/>
      <c r="AF32" s="378"/>
      <c r="AG32" s="378"/>
      <c r="AH32" s="378"/>
      <c r="AI32" s="378"/>
      <c r="AJ32" s="378"/>
      <c r="AK32" s="378"/>
      <c r="AL32" s="393"/>
    </row>
    <row r="33" spans="2:38" ht="11.25" customHeight="1" x14ac:dyDescent="0.2">
      <c r="B33" s="2584"/>
      <c r="C33" s="2585"/>
      <c r="D33" s="378"/>
      <c r="E33" s="2547"/>
      <c r="F33" s="2547"/>
      <c r="G33" s="2573"/>
      <c r="H33" s="2573"/>
      <c r="I33" s="2573"/>
      <c r="J33" s="2573"/>
      <c r="K33" s="2573"/>
      <c r="L33" s="2573"/>
      <c r="M33" s="2573"/>
      <c r="N33" s="2573"/>
      <c r="O33" s="2573"/>
      <c r="P33" s="378"/>
      <c r="Q33" s="378"/>
      <c r="R33" s="378"/>
      <c r="S33" s="378"/>
      <c r="T33" s="378"/>
      <c r="U33" s="378"/>
      <c r="V33" s="378"/>
      <c r="W33" s="378"/>
      <c r="X33" s="378"/>
      <c r="Y33" s="378"/>
      <c r="Z33" s="378"/>
      <c r="AA33" s="378"/>
      <c r="AB33" s="378"/>
      <c r="AC33" s="378"/>
      <c r="AD33" s="378"/>
      <c r="AE33" s="378"/>
      <c r="AF33" s="378"/>
      <c r="AG33" s="378"/>
      <c r="AH33" s="378"/>
      <c r="AI33" s="378"/>
      <c r="AJ33" s="378"/>
      <c r="AK33" s="378"/>
      <c r="AL33" s="393"/>
    </row>
    <row r="34" spans="2:38" ht="11.25" customHeight="1" x14ac:dyDescent="0.2">
      <c r="B34" s="2584"/>
      <c r="C34" s="2585"/>
      <c r="D34" s="378"/>
      <c r="E34" s="2547" t="s">
        <v>561</v>
      </c>
      <c r="F34" s="2547"/>
      <c r="G34" s="2573"/>
      <c r="H34" s="2573"/>
      <c r="I34" s="2573"/>
      <c r="J34" s="2573"/>
      <c r="K34" s="2573"/>
      <c r="L34" s="2573"/>
      <c r="M34" s="2573"/>
      <c r="N34" s="2573" t="s">
        <v>69</v>
      </c>
      <c r="O34" s="2573"/>
      <c r="P34" s="378"/>
      <c r="Q34" s="378"/>
      <c r="R34" s="378"/>
      <c r="S34" s="378"/>
      <c r="T34" s="378"/>
      <c r="U34" s="378"/>
      <c r="V34" s="378"/>
      <c r="W34" s="378"/>
      <c r="X34" s="378"/>
      <c r="Y34" s="378"/>
      <c r="Z34" s="378"/>
      <c r="AA34" s="378"/>
      <c r="AB34" s="378"/>
      <c r="AC34" s="378"/>
      <c r="AD34" s="378"/>
      <c r="AE34" s="378"/>
      <c r="AF34" s="378"/>
      <c r="AG34" s="378"/>
      <c r="AH34" s="378"/>
      <c r="AI34" s="378"/>
      <c r="AJ34" s="378"/>
      <c r="AK34" s="378"/>
      <c r="AL34" s="393"/>
    </row>
    <row r="35" spans="2:38" ht="11.25" customHeight="1" x14ac:dyDescent="0.2">
      <c r="B35" s="2584"/>
      <c r="C35" s="2585"/>
      <c r="D35" s="378"/>
      <c r="E35" s="2547"/>
      <c r="F35" s="2547"/>
      <c r="G35" s="2573"/>
      <c r="H35" s="2573"/>
      <c r="I35" s="2573"/>
      <c r="J35" s="2573"/>
      <c r="K35" s="2573"/>
      <c r="L35" s="2573"/>
      <c r="M35" s="2573"/>
      <c r="N35" s="2573"/>
      <c r="O35" s="2573"/>
      <c r="P35" s="378"/>
      <c r="Q35" s="378"/>
      <c r="R35" s="378"/>
      <c r="S35" s="378"/>
      <c r="T35" s="378"/>
      <c r="U35" s="378"/>
      <c r="V35" s="378"/>
      <c r="W35" s="378"/>
      <c r="X35" s="378"/>
      <c r="Y35" s="378"/>
      <c r="Z35" s="378"/>
      <c r="AA35" s="378"/>
      <c r="AB35" s="378"/>
      <c r="AC35" s="378"/>
      <c r="AD35" s="378"/>
      <c r="AE35" s="378"/>
      <c r="AF35" s="378"/>
      <c r="AG35" s="378"/>
      <c r="AH35" s="378"/>
      <c r="AI35" s="378"/>
      <c r="AJ35" s="378"/>
      <c r="AK35" s="378"/>
      <c r="AL35" s="393"/>
    </row>
    <row r="36" spans="2:38" ht="11.25" customHeight="1" x14ac:dyDescent="0.2">
      <c r="B36" s="2584"/>
      <c r="C36" s="2585"/>
      <c r="D36" s="378"/>
      <c r="E36" s="2547" t="s">
        <v>560</v>
      </c>
      <c r="F36" s="2547"/>
      <c r="G36" s="2573"/>
      <c r="H36" s="2573"/>
      <c r="I36" s="2573"/>
      <c r="J36" s="2573"/>
      <c r="K36" s="2573"/>
      <c r="L36" s="2573"/>
      <c r="M36" s="2573"/>
      <c r="N36" s="2573" t="s">
        <v>69</v>
      </c>
      <c r="O36" s="2573"/>
      <c r="P36" s="378"/>
      <c r="Q36" s="378"/>
      <c r="R36" s="378"/>
      <c r="S36" s="378"/>
      <c r="T36" s="378"/>
      <c r="U36" s="378"/>
      <c r="V36" s="378"/>
      <c r="W36" s="378"/>
      <c r="X36" s="378"/>
      <c r="Y36" s="378"/>
      <c r="Z36" s="378"/>
      <c r="AA36" s="378"/>
      <c r="AB36" s="378"/>
      <c r="AC36" s="378"/>
      <c r="AD36" s="378"/>
      <c r="AE36" s="378"/>
      <c r="AF36" s="378"/>
      <c r="AG36" s="378"/>
      <c r="AH36" s="378"/>
      <c r="AI36" s="378"/>
      <c r="AJ36" s="378"/>
      <c r="AK36" s="378"/>
      <c r="AL36" s="393"/>
    </row>
    <row r="37" spans="2:38" ht="11.25" customHeight="1" x14ac:dyDescent="0.2">
      <c r="B37" s="2584"/>
      <c r="C37" s="2585"/>
      <c r="D37" s="378"/>
      <c r="E37" s="2547"/>
      <c r="F37" s="2547"/>
      <c r="G37" s="2573"/>
      <c r="H37" s="2573"/>
      <c r="I37" s="2573"/>
      <c r="J37" s="2573"/>
      <c r="K37" s="2573"/>
      <c r="L37" s="2573"/>
      <c r="M37" s="2573"/>
      <c r="N37" s="2573"/>
      <c r="O37" s="2573"/>
      <c r="P37" s="378"/>
      <c r="Q37" s="378"/>
      <c r="R37" s="378"/>
      <c r="S37" s="378"/>
      <c r="T37" s="378"/>
      <c r="U37" s="378"/>
      <c r="V37" s="378"/>
      <c r="W37" s="378"/>
      <c r="X37" s="378"/>
      <c r="Y37" s="378"/>
      <c r="Z37" s="378"/>
      <c r="AA37" s="378"/>
      <c r="AB37" s="378"/>
      <c r="AC37" s="378"/>
      <c r="AD37" s="378"/>
      <c r="AE37" s="378"/>
      <c r="AF37" s="378"/>
      <c r="AG37" s="378"/>
      <c r="AH37" s="378"/>
      <c r="AI37" s="378"/>
      <c r="AJ37" s="378"/>
      <c r="AK37" s="378"/>
      <c r="AL37" s="393"/>
    </row>
    <row r="38" spans="2:38" ht="11.25" customHeight="1" x14ac:dyDescent="0.2">
      <c r="B38" s="2584"/>
      <c r="C38" s="2585"/>
      <c r="D38" s="378"/>
      <c r="E38" s="2547" t="s">
        <v>559</v>
      </c>
      <c r="F38" s="2547"/>
      <c r="G38" s="2573"/>
      <c r="H38" s="2573"/>
      <c r="I38" s="2573"/>
      <c r="J38" s="2573"/>
      <c r="K38" s="2573"/>
      <c r="L38" s="2573"/>
      <c r="M38" s="2573"/>
      <c r="N38" s="2573" t="s">
        <v>69</v>
      </c>
      <c r="O38" s="2573"/>
      <c r="P38" s="378"/>
      <c r="Q38" s="378"/>
      <c r="R38" s="378"/>
      <c r="S38" s="378"/>
      <c r="T38" s="378"/>
      <c r="U38" s="378"/>
      <c r="V38" s="378"/>
      <c r="W38" s="378"/>
      <c r="X38" s="378"/>
      <c r="Y38" s="378"/>
      <c r="Z38" s="378"/>
      <c r="AA38" s="378"/>
      <c r="AB38" s="378"/>
      <c r="AC38" s="378"/>
      <c r="AD38" s="378"/>
      <c r="AE38" s="378"/>
      <c r="AF38" s="378"/>
      <c r="AG38" s="378"/>
      <c r="AH38" s="378"/>
      <c r="AI38" s="378"/>
      <c r="AJ38" s="378"/>
      <c r="AK38" s="378"/>
      <c r="AL38" s="393"/>
    </row>
    <row r="39" spans="2:38" ht="11.25" customHeight="1" x14ac:dyDescent="0.2">
      <c r="B39" s="2584"/>
      <c r="C39" s="2585"/>
      <c r="D39" s="378"/>
      <c r="E39" s="2547"/>
      <c r="F39" s="2547"/>
      <c r="G39" s="2573"/>
      <c r="H39" s="2573"/>
      <c r="I39" s="2573"/>
      <c r="J39" s="2573"/>
      <c r="K39" s="2573"/>
      <c r="L39" s="2573"/>
      <c r="M39" s="2573"/>
      <c r="N39" s="2573"/>
      <c r="O39" s="2573"/>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93"/>
    </row>
    <row r="40" spans="2:38" ht="11.25" customHeight="1" x14ac:dyDescent="0.2">
      <c r="B40" s="2584"/>
      <c r="C40" s="2585"/>
      <c r="D40" s="378"/>
      <c r="E40" s="2547" t="s">
        <v>558</v>
      </c>
      <c r="F40" s="2547"/>
      <c r="G40" s="2573"/>
      <c r="H40" s="2573"/>
      <c r="I40" s="2573"/>
      <c r="J40" s="2573"/>
      <c r="K40" s="2573"/>
      <c r="L40" s="2573"/>
      <c r="M40" s="2573"/>
      <c r="N40" s="2573" t="s">
        <v>69</v>
      </c>
      <c r="O40" s="2573"/>
      <c r="P40" s="378"/>
      <c r="Q40" s="378"/>
      <c r="R40" s="378"/>
      <c r="S40" s="378"/>
      <c r="T40" s="378"/>
      <c r="U40" s="378"/>
      <c r="V40" s="378"/>
      <c r="W40" s="378"/>
      <c r="X40" s="378"/>
      <c r="Y40" s="378"/>
      <c r="Z40" s="378"/>
      <c r="AA40" s="378"/>
      <c r="AB40" s="378"/>
      <c r="AC40" s="378"/>
      <c r="AD40" s="378"/>
      <c r="AE40" s="378"/>
      <c r="AF40" s="378"/>
      <c r="AG40" s="378"/>
      <c r="AH40" s="378"/>
      <c r="AI40" s="378"/>
      <c r="AJ40" s="378"/>
      <c r="AK40" s="378"/>
      <c r="AL40" s="393"/>
    </row>
    <row r="41" spans="2:38" ht="11.25" customHeight="1" x14ac:dyDescent="0.2">
      <c r="B41" s="2584"/>
      <c r="C41" s="2585"/>
      <c r="D41" s="378"/>
      <c r="E41" s="2547"/>
      <c r="F41" s="2547"/>
      <c r="G41" s="2573"/>
      <c r="H41" s="2573"/>
      <c r="I41" s="2573"/>
      <c r="J41" s="2573"/>
      <c r="K41" s="2573"/>
      <c r="L41" s="2573"/>
      <c r="M41" s="2573"/>
      <c r="N41" s="2573"/>
      <c r="O41" s="2573"/>
      <c r="P41" s="378"/>
      <c r="Q41" s="378"/>
      <c r="R41" s="378"/>
      <c r="S41" s="378"/>
      <c r="T41" s="378"/>
      <c r="U41" s="378"/>
      <c r="V41" s="378"/>
      <c r="W41" s="378"/>
      <c r="X41" s="378"/>
      <c r="Y41" s="378"/>
      <c r="Z41" s="378"/>
      <c r="AA41" s="378"/>
      <c r="AB41" s="378"/>
      <c r="AC41" s="378"/>
      <c r="AD41" s="378"/>
      <c r="AE41" s="378"/>
      <c r="AF41" s="378"/>
      <c r="AG41" s="378"/>
      <c r="AH41" s="378"/>
      <c r="AI41" s="378"/>
      <c r="AJ41" s="378"/>
      <c r="AK41" s="378"/>
      <c r="AL41" s="393"/>
    </row>
    <row r="42" spans="2:38" ht="11.25" customHeight="1" x14ac:dyDescent="0.2">
      <c r="B42" s="2584"/>
      <c r="C42" s="2585"/>
      <c r="D42" s="378"/>
      <c r="E42" s="2547" t="s">
        <v>557</v>
      </c>
      <c r="F42" s="2547"/>
      <c r="G42" s="2573"/>
      <c r="H42" s="2573"/>
      <c r="I42" s="2573"/>
      <c r="J42" s="2573"/>
      <c r="K42" s="2573"/>
      <c r="L42" s="2573"/>
      <c r="M42" s="2573"/>
      <c r="N42" s="2573" t="s">
        <v>69</v>
      </c>
      <c r="O42" s="2573"/>
      <c r="P42" s="378"/>
      <c r="Q42" s="378"/>
      <c r="R42" s="378"/>
      <c r="S42" s="378"/>
      <c r="T42" s="378"/>
      <c r="U42" s="378"/>
      <c r="V42" s="378"/>
      <c r="W42" s="378"/>
      <c r="X42" s="378"/>
      <c r="Y42" s="378"/>
      <c r="Z42" s="378"/>
      <c r="AA42" s="378"/>
      <c r="AB42" s="378"/>
      <c r="AC42" s="378"/>
      <c r="AD42" s="378"/>
      <c r="AE42" s="378"/>
      <c r="AF42" s="378"/>
      <c r="AG42" s="378"/>
      <c r="AH42" s="378"/>
      <c r="AI42" s="378"/>
      <c r="AJ42" s="378"/>
      <c r="AK42" s="378"/>
      <c r="AL42" s="393"/>
    </row>
    <row r="43" spans="2:38" ht="11.25" customHeight="1" x14ac:dyDescent="0.2">
      <c r="B43" s="2584"/>
      <c r="C43" s="2585"/>
      <c r="D43" s="378"/>
      <c r="E43" s="2547"/>
      <c r="F43" s="2547"/>
      <c r="G43" s="2573"/>
      <c r="H43" s="2573"/>
      <c r="I43" s="2573"/>
      <c r="J43" s="2573"/>
      <c r="K43" s="2573"/>
      <c r="L43" s="2573"/>
      <c r="M43" s="2573"/>
      <c r="N43" s="2573"/>
      <c r="O43" s="2573"/>
      <c r="P43" s="378"/>
      <c r="Q43" s="378"/>
      <c r="R43" s="378"/>
      <c r="S43" s="378"/>
      <c r="T43" s="378"/>
      <c r="U43" s="378"/>
      <c r="V43" s="378"/>
      <c r="W43" s="378"/>
      <c r="X43" s="378"/>
      <c r="Y43" s="378"/>
      <c r="Z43" s="378"/>
      <c r="AA43" s="378"/>
      <c r="AB43" s="378"/>
      <c r="AC43" s="378"/>
      <c r="AD43" s="378"/>
      <c r="AE43" s="378"/>
      <c r="AF43" s="378"/>
      <c r="AG43" s="378"/>
      <c r="AH43" s="378"/>
      <c r="AI43" s="378"/>
      <c r="AJ43" s="378"/>
      <c r="AK43" s="378"/>
      <c r="AL43" s="393"/>
    </row>
    <row r="44" spans="2:38" ht="11.25" customHeight="1" x14ac:dyDescent="0.2">
      <c r="B44" s="2584"/>
      <c r="C44" s="2585"/>
      <c r="D44" s="378"/>
      <c r="E44" s="2547" t="s">
        <v>556</v>
      </c>
      <c r="F44" s="2547"/>
      <c r="G44" s="2573"/>
      <c r="H44" s="2573"/>
      <c r="I44" s="2573"/>
      <c r="J44" s="2573"/>
      <c r="K44" s="2573"/>
      <c r="L44" s="2573"/>
      <c r="M44" s="2573"/>
      <c r="N44" s="2573" t="s">
        <v>69</v>
      </c>
      <c r="O44" s="2573"/>
      <c r="P44" s="378"/>
      <c r="Q44" s="378"/>
      <c r="R44" s="378"/>
      <c r="S44" s="378"/>
      <c r="T44" s="378"/>
      <c r="U44" s="378"/>
      <c r="V44" s="378"/>
      <c r="W44" s="378"/>
      <c r="X44" s="378"/>
      <c r="Y44" s="378"/>
      <c r="Z44" s="378"/>
      <c r="AA44" s="378"/>
      <c r="AB44" s="378"/>
      <c r="AC44" s="378"/>
      <c r="AD44" s="378"/>
      <c r="AE44" s="378"/>
      <c r="AF44" s="378"/>
      <c r="AG44" s="378"/>
      <c r="AH44" s="378"/>
      <c r="AI44" s="378"/>
      <c r="AJ44" s="378"/>
      <c r="AK44" s="378"/>
      <c r="AL44" s="393"/>
    </row>
    <row r="45" spans="2:38" ht="11.25" customHeight="1" x14ac:dyDescent="0.2">
      <c r="B45" s="2584"/>
      <c r="C45" s="2585"/>
      <c r="D45" s="378"/>
      <c r="E45" s="2547"/>
      <c r="F45" s="2547"/>
      <c r="G45" s="2573"/>
      <c r="H45" s="2573"/>
      <c r="I45" s="2573"/>
      <c r="J45" s="2573"/>
      <c r="K45" s="2573"/>
      <c r="L45" s="2573"/>
      <c r="M45" s="2573"/>
      <c r="N45" s="2573"/>
      <c r="O45" s="2573"/>
      <c r="P45" s="378"/>
      <c r="Q45" s="378"/>
      <c r="R45" s="378"/>
      <c r="S45" s="378"/>
      <c r="T45" s="378"/>
      <c r="U45" s="378"/>
      <c r="V45" s="378"/>
      <c r="W45" s="378"/>
      <c r="X45" s="378"/>
      <c r="Y45" s="378"/>
      <c r="Z45" s="378"/>
      <c r="AA45" s="378"/>
      <c r="AB45" s="378"/>
      <c r="AC45" s="378"/>
      <c r="AD45" s="378"/>
      <c r="AE45" s="378"/>
      <c r="AF45" s="378"/>
      <c r="AG45" s="378"/>
      <c r="AH45" s="378"/>
      <c r="AI45" s="378"/>
      <c r="AJ45" s="378"/>
      <c r="AK45" s="378"/>
      <c r="AL45" s="393"/>
    </row>
    <row r="46" spans="2:38" ht="11.25" customHeight="1" x14ac:dyDescent="0.2">
      <c r="B46" s="2584"/>
      <c r="C46" s="2585"/>
      <c r="D46" s="378"/>
      <c r="E46" s="2547" t="s">
        <v>555</v>
      </c>
      <c r="F46" s="2547"/>
      <c r="G46" s="2573"/>
      <c r="H46" s="2573"/>
      <c r="I46" s="2573"/>
      <c r="J46" s="2573"/>
      <c r="K46" s="2573"/>
      <c r="L46" s="2573"/>
      <c r="M46" s="2573"/>
      <c r="N46" s="2573" t="s">
        <v>69</v>
      </c>
      <c r="O46" s="2573"/>
      <c r="P46" s="378"/>
      <c r="Q46" s="378"/>
      <c r="R46" s="378"/>
      <c r="S46" s="378"/>
      <c r="T46" s="378"/>
      <c r="U46" s="378"/>
      <c r="V46" s="378"/>
      <c r="W46" s="378"/>
      <c r="X46" s="378"/>
      <c r="Y46" s="378"/>
      <c r="Z46" s="378"/>
      <c r="AA46" s="378"/>
      <c r="AB46" s="378"/>
      <c r="AC46" s="378"/>
      <c r="AD46" s="378"/>
      <c r="AE46" s="378"/>
      <c r="AF46" s="378"/>
      <c r="AG46" s="378"/>
      <c r="AH46" s="378"/>
      <c r="AI46" s="378"/>
      <c r="AJ46" s="378"/>
      <c r="AK46" s="378"/>
      <c r="AL46" s="393"/>
    </row>
    <row r="47" spans="2:38" ht="11.25" customHeight="1" x14ac:dyDescent="0.2">
      <c r="B47" s="2584"/>
      <c r="C47" s="2585"/>
      <c r="D47" s="378"/>
      <c r="E47" s="2547"/>
      <c r="F47" s="2547"/>
      <c r="G47" s="2573"/>
      <c r="H47" s="2573"/>
      <c r="I47" s="2573"/>
      <c r="J47" s="2573"/>
      <c r="K47" s="2573"/>
      <c r="L47" s="2573"/>
      <c r="M47" s="2573"/>
      <c r="N47" s="2573"/>
      <c r="O47" s="2573"/>
      <c r="P47" s="378"/>
      <c r="Q47" s="378"/>
      <c r="R47" s="378"/>
      <c r="S47" s="378"/>
      <c r="T47" s="378"/>
      <c r="U47" s="378"/>
      <c r="V47" s="378"/>
      <c r="W47" s="378"/>
      <c r="X47" s="378"/>
      <c r="Y47" s="378"/>
      <c r="Z47" s="378"/>
      <c r="AA47" s="378"/>
      <c r="AB47" s="378"/>
      <c r="AC47" s="378"/>
      <c r="AD47" s="378"/>
      <c r="AE47" s="378"/>
      <c r="AF47" s="378"/>
      <c r="AG47" s="378"/>
      <c r="AH47" s="378"/>
      <c r="AI47" s="378"/>
      <c r="AJ47" s="378"/>
      <c r="AK47" s="378"/>
      <c r="AL47" s="393"/>
    </row>
    <row r="48" spans="2:38" ht="11.25" customHeight="1" x14ac:dyDescent="0.2">
      <c r="B48" s="2584"/>
      <c r="C48" s="2585"/>
      <c r="D48" s="378"/>
      <c r="E48" s="2547" t="s">
        <v>554</v>
      </c>
      <c r="F48" s="2547"/>
      <c r="G48" s="2573"/>
      <c r="H48" s="2573"/>
      <c r="I48" s="2573"/>
      <c r="J48" s="2573"/>
      <c r="K48" s="2573"/>
      <c r="L48" s="2573"/>
      <c r="M48" s="2573"/>
      <c r="N48" s="2573" t="s">
        <v>69</v>
      </c>
      <c r="O48" s="2573"/>
      <c r="P48" s="378"/>
      <c r="Q48" s="378"/>
      <c r="R48" s="378"/>
      <c r="S48" s="378"/>
      <c r="T48" s="378"/>
      <c r="U48" s="378"/>
      <c r="V48" s="378"/>
      <c r="W48" s="378"/>
      <c r="X48" s="378"/>
      <c r="Y48" s="378"/>
      <c r="Z48" s="378"/>
      <c r="AA48" s="378"/>
      <c r="AB48" s="378"/>
      <c r="AC48" s="378"/>
      <c r="AD48" s="378"/>
      <c r="AE48" s="378"/>
      <c r="AF48" s="378"/>
      <c r="AG48" s="378"/>
      <c r="AH48" s="378"/>
      <c r="AI48" s="378"/>
      <c r="AJ48" s="378"/>
      <c r="AK48" s="378"/>
      <c r="AL48" s="393"/>
    </row>
    <row r="49" spans="2:38" ht="11.25" customHeight="1" thickBot="1" x14ac:dyDescent="0.25">
      <c r="B49" s="2584"/>
      <c r="C49" s="2585"/>
      <c r="D49" s="378"/>
      <c r="E49" s="2547"/>
      <c r="F49" s="2547"/>
      <c r="G49" s="2573"/>
      <c r="H49" s="2573"/>
      <c r="I49" s="2573"/>
      <c r="J49" s="2573"/>
      <c r="K49" s="2573"/>
      <c r="L49" s="2573"/>
      <c r="M49" s="2573"/>
      <c r="N49" s="2573"/>
      <c r="O49" s="2573"/>
      <c r="P49" s="378"/>
      <c r="Q49" s="378"/>
      <c r="R49" s="378"/>
      <c r="S49" s="378"/>
      <c r="T49" s="378"/>
      <c r="U49" s="378"/>
      <c r="V49" s="378"/>
      <c r="W49" s="378"/>
      <c r="X49" s="378"/>
      <c r="Y49" s="378"/>
      <c r="Z49" s="378"/>
      <c r="AA49" s="378"/>
      <c r="AB49" s="378"/>
      <c r="AC49" s="378"/>
      <c r="AD49" s="378"/>
      <c r="AE49" s="378"/>
      <c r="AF49" s="378"/>
      <c r="AG49" s="378"/>
      <c r="AH49" s="378"/>
      <c r="AI49" s="378"/>
      <c r="AJ49" s="378"/>
      <c r="AK49" s="378"/>
      <c r="AL49" s="393"/>
    </row>
    <row r="50" spans="2:38" ht="11.25" customHeight="1" x14ac:dyDescent="0.2">
      <c r="B50" s="2584"/>
      <c r="C50" s="2585"/>
      <c r="D50" s="378"/>
      <c r="E50" s="2547" t="s">
        <v>553</v>
      </c>
      <c r="F50" s="2547"/>
      <c r="G50" s="2573"/>
      <c r="H50" s="2573"/>
      <c r="I50" s="2573"/>
      <c r="J50" s="2573"/>
      <c r="K50" s="2573"/>
      <c r="L50" s="2573"/>
      <c r="M50" s="2573"/>
      <c r="N50" s="2573" t="s">
        <v>69</v>
      </c>
      <c r="O50" s="2573"/>
      <c r="P50" s="378"/>
      <c r="Q50" s="378"/>
      <c r="R50" s="378"/>
      <c r="S50" s="378"/>
      <c r="T50" s="2526" t="s">
        <v>552</v>
      </c>
      <c r="U50" s="2527"/>
      <c r="V50" s="2527"/>
      <c r="W50" s="2527"/>
      <c r="X50" s="2527"/>
      <c r="Y50" s="2527"/>
      <c r="Z50" s="2528"/>
      <c r="AA50" s="378"/>
      <c r="AB50" s="378"/>
      <c r="AC50" s="378"/>
      <c r="AD50" s="378"/>
      <c r="AE50" s="2526" t="s">
        <v>551</v>
      </c>
      <c r="AF50" s="2527"/>
      <c r="AG50" s="2527"/>
      <c r="AH50" s="2527"/>
      <c r="AI50" s="2527"/>
      <c r="AJ50" s="2527"/>
      <c r="AK50" s="2528"/>
      <c r="AL50" s="393"/>
    </row>
    <row r="51" spans="2:38" ht="11.25" customHeight="1" thickBot="1" x14ac:dyDescent="0.25">
      <c r="B51" s="2584"/>
      <c r="C51" s="2585"/>
      <c r="D51" s="378"/>
      <c r="E51" s="2548"/>
      <c r="F51" s="2548"/>
      <c r="G51" s="2555"/>
      <c r="H51" s="2555"/>
      <c r="I51" s="2555"/>
      <c r="J51" s="2555"/>
      <c r="K51" s="2555"/>
      <c r="L51" s="2555"/>
      <c r="M51" s="2555"/>
      <c r="N51" s="2555"/>
      <c r="O51" s="2555"/>
      <c r="P51" s="378"/>
      <c r="Q51" s="378"/>
      <c r="R51" s="378"/>
      <c r="S51" s="378"/>
      <c r="T51" s="2529"/>
      <c r="U51" s="2521"/>
      <c r="V51" s="2521"/>
      <c r="W51" s="2521"/>
      <c r="X51" s="2521"/>
      <c r="Y51" s="2521"/>
      <c r="Z51" s="2522"/>
      <c r="AA51" s="378"/>
      <c r="AB51" s="378"/>
      <c r="AC51" s="378"/>
      <c r="AD51" s="378"/>
      <c r="AE51" s="2529"/>
      <c r="AF51" s="2521"/>
      <c r="AG51" s="2521"/>
      <c r="AH51" s="2521"/>
      <c r="AI51" s="2521"/>
      <c r="AJ51" s="2521"/>
      <c r="AK51" s="2522"/>
      <c r="AL51" s="393"/>
    </row>
    <row r="52" spans="2:38" ht="11.25" customHeight="1" x14ac:dyDescent="0.2">
      <c r="B52" s="2584"/>
      <c r="C52" s="2585"/>
      <c r="D52" s="378"/>
      <c r="E52" s="2530" t="s">
        <v>63</v>
      </c>
      <c r="F52" s="2531"/>
      <c r="G52" s="2527"/>
      <c r="H52" s="2527"/>
      <c r="I52" s="2527"/>
      <c r="J52" s="2527"/>
      <c r="K52" s="2527"/>
      <c r="L52" s="2527"/>
      <c r="M52" s="2527"/>
      <c r="N52" s="2527" t="s">
        <v>69</v>
      </c>
      <c r="O52" s="2528"/>
      <c r="P52" s="378"/>
      <c r="Q52" s="2536" t="s">
        <v>730</v>
      </c>
      <c r="R52" s="2536"/>
      <c r="S52" s="378"/>
      <c r="T52" s="2529"/>
      <c r="U52" s="2521"/>
      <c r="V52" s="2521"/>
      <c r="W52" s="2521"/>
      <c r="X52" s="2521"/>
      <c r="Y52" s="2521" t="s">
        <v>69</v>
      </c>
      <c r="Z52" s="2522"/>
      <c r="AA52" s="378"/>
      <c r="AB52" s="2536" t="s">
        <v>739</v>
      </c>
      <c r="AC52" s="2536"/>
      <c r="AD52" s="378"/>
      <c r="AE52" s="2543"/>
      <c r="AF52" s="2544"/>
      <c r="AG52" s="2544"/>
      <c r="AH52" s="2544"/>
      <c r="AI52" s="2544"/>
      <c r="AJ52" s="2521" t="s">
        <v>212</v>
      </c>
      <c r="AK52" s="2522"/>
      <c r="AL52" s="393"/>
    </row>
    <row r="53" spans="2:38" ht="11.25" customHeight="1" thickBot="1" x14ac:dyDescent="0.25">
      <c r="B53" s="2584"/>
      <c r="C53" s="2585"/>
      <c r="D53" s="378"/>
      <c r="E53" s="2532"/>
      <c r="F53" s="2533"/>
      <c r="G53" s="2523"/>
      <c r="H53" s="2523"/>
      <c r="I53" s="2523"/>
      <c r="J53" s="2523"/>
      <c r="K53" s="2523"/>
      <c r="L53" s="2523"/>
      <c r="M53" s="2523"/>
      <c r="N53" s="2523"/>
      <c r="O53" s="2524"/>
      <c r="P53" s="378"/>
      <c r="Q53" s="2536"/>
      <c r="R53" s="2536"/>
      <c r="S53" s="378"/>
      <c r="T53" s="2628"/>
      <c r="U53" s="2523"/>
      <c r="V53" s="2523"/>
      <c r="W53" s="2523"/>
      <c r="X53" s="2523"/>
      <c r="Y53" s="2523"/>
      <c r="Z53" s="2524"/>
      <c r="AA53" s="378"/>
      <c r="AB53" s="2536"/>
      <c r="AC53" s="2536"/>
      <c r="AD53" s="378"/>
      <c r="AE53" s="2545"/>
      <c r="AF53" s="2546"/>
      <c r="AG53" s="2546"/>
      <c r="AH53" s="2546"/>
      <c r="AI53" s="2546"/>
      <c r="AJ53" s="2523"/>
      <c r="AK53" s="2524"/>
      <c r="AL53" s="393"/>
    </row>
    <row r="54" spans="2:38" x14ac:dyDescent="0.2">
      <c r="B54" s="2586"/>
      <c r="C54" s="2587"/>
      <c r="D54" s="384"/>
      <c r="E54" s="384"/>
      <c r="F54" s="384"/>
      <c r="G54" s="384"/>
      <c r="H54" s="384"/>
      <c r="I54" s="384"/>
      <c r="J54" s="384"/>
      <c r="K54" s="384"/>
      <c r="L54" s="384"/>
      <c r="M54" s="384"/>
      <c r="N54" s="384"/>
      <c r="O54" s="384"/>
      <c r="P54" s="384"/>
      <c r="Q54" s="384"/>
      <c r="R54" s="384"/>
      <c r="S54" s="384"/>
      <c r="T54" s="384"/>
      <c r="U54" s="384"/>
      <c r="V54" s="384"/>
      <c r="W54" s="384"/>
      <c r="X54" s="384"/>
      <c r="Y54" s="384"/>
      <c r="Z54" s="384"/>
      <c r="AA54" s="384"/>
      <c r="AB54" s="384"/>
      <c r="AC54" s="384"/>
      <c r="AD54" s="384"/>
      <c r="AE54" s="384"/>
      <c r="AF54" s="384"/>
      <c r="AG54" s="384"/>
      <c r="AH54" s="384"/>
      <c r="AI54" s="384"/>
      <c r="AJ54" s="384"/>
      <c r="AK54" s="384"/>
      <c r="AL54" s="396"/>
    </row>
    <row r="55" spans="2:38" ht="126.75" customHeight="1" x14ac:dyDescent="0.2">
      <c r="B55" s="2525" t="s">
        <v>738</v>
      </c>
      <c r="C55" s="2525"/>
      <c r="D55" s="2525"/>
      <c r="E55" s="2525"/>
      <c r="F55" s="2525"/>
      <c r="G55" s="2525"/>
      <c r="H55" s="2525"/>
      <c r="I55" s="2525"/>
      <c r="J55" s="2525"/>
      <c r="K55" s="2525"/>
      <c r="L55" s="2525"/>
      <c r="M55" s="2525"/>
      <c r="N55" s="2525"/>
      <c r="O55" s="2525"/>
      <c r="P55" s="2525"/>
      <c r="Q55" s="2525"/>
      <c r="R55" s="2525"/>
      <c r="S55" s="2525"/>
      <c r="T55" s="2525"/>
      <c r="U55" s="2525"/>
      <c r="V55" s="2525"/>
      <c r="W55" s="2525"/>
      <c r="X55" s="2525"/>
      <c r="Y55" s="2525"/>
      <c r="Z55" s="2525"/>
      <c r="AA55" s="2525"/>
      <c r="AB55" s="2525"/>
      <c r="AC55" s="2525"/>
      <c r="AD55" s="2525"/>
      <c r="AE55" s="2525"/>
      <c r="AF55" s="2525"/>
      <c r="AG55" s="2525"/>
      <c r="AH55" s="2525"/>
      <c r="AI55" s="2525"/>
      <c r="AJ55" s="2525"/>
      <c r="AK55" s="2525"/>
      <c r="AL55" s="2525"/>
    </row>
    <row r="56" spans="2:38" x14ac:dyDescent="0.2">
      <c r="B56" s="397"/>
      <c r="C56" s="397"/>
      <c r="D56" s="397"/>
      <c r="E56" s="397"/>
      <c r="F56" s="397"/>
      <c r="G56" s="397"/>
      <c r="H56" s="397"/>
      <c r="I56" s="397"/>
      <c r="J56" s="397"/>
      <c r="K56" s="397"/>
      <c r="L56" s="397"/>
      <c r="M56" s="397"/>
      <c r="N56" s="397"/>
      <c r="O56" s="397"/>
      <c r="P56" s="397"/>
      <c r="Q56" s="397"/>
      <c r="R56" s="397"/>
      <c r="S56" s="397"/>
      <c r="T56" s="397"/>
      <c r="U56" s="397"/>
      <c r="V56" s="397"/>
      <c r="W56" s="397"/>
      <c r="X56" s="397"/>
      <c r="Y56" s="397"/>
      <c r="Z56" s="397"/>
      <c r="AA56" s="397"/>
      <c r="AB56" s="397"/>
      <c r="AC56" s="397"/>
      <c r="AD56" s="397"/>
      <c r="AE56" s="397"/>
      <c r="AF56" s="397"/>
      <c r="AG56" s="397"/>
      <c r="AH56" s="397"/>
      <c r="AI56" s="397"/>
      <c r="AJ56" s="397"/>
      <c r="AK56" s="397"/>
      <c r="AL56" s="397"/>
    </row>
    <row r="57" spans="2:38" x14ac:dyDescent="0.2">
      <c r="B57" s="397"/>
      <c r="C57" s="397"/>
      <c r="D57" s="397"/>
      <c r="E57" s="397"/>
      <c r="F57" s="397"/>
      <c r="G57" s="397"/>
      <c r="H57" s="397"/>
      <c r="I57" s="397"/>
      <c r="J57" s="397"/>
      <c r="K57" s="397"/>
      <c r="L57" s="397"/>
      <c r="M57" s="397"/>
      <c r="N57" s="397"/>
      <c r="O57" s="397"/>
      <c r="P57" s="397"/>
      <c r="Q57" s="397"/>
      <c r="R57" s="397"/>
      <c r="S57" s="397"/>
      <c r="T57" s="397"/>
      <c r="U57" s="397"/>
      <c r="V57" s="397"/>
      <c r="W57" s="397"/>
      <c r="X57" s="397"/>
      <c r="Y57" s="397"/>
      <c r="Z57" s="397"/>
      <c r="AA57" s="397"/>
      <c r="AB57" s="397"/>
      <c r="AC57" s="397"/>
      <c r="AD57" s="397"/>
      <c r="AE57" s="397"/>
      <c r="AF57" s="397"/>
      <c r="AG57" s="397"/>
      <c r="AH57" s="397"/>
      <c r="AI57" s="397"/>
      <c r="AJ57" s="397"/>
      <c r="AK57" s="397"/>
      <c r="AL57" s="397"/>
    </row>
    <row r="58" spans="2:38" x14ac:dyDescent="0.2">
      <c r="B58" s="397"/>
      <c r="C58" s="397"/>
      <c r="D58" s="397"/>
      <c r="E58" s="397"/>
      <c r="F58" s="397"/>
      <c r="G58" s="397"/>
      <c r="H58" s="397"/>
      <c r="I58" s="397"/>
      <c r="J58" s="397"/>
      <c r="K58" s="397"/>
      <c r="L58" s="397"/>
      <c r="M58" s="397"/>
      <c r="N58" s="397"/>
      <c r="O58" s="397"/>
      <c r="P58" s="397"/>
      <c r="Q58" s="397"/>
      <c r="R58" s="397"/>
      <c r="S58" s="397"/>
      <c r="T58" s="397"/>
      <c r="U58" s="397"/>
      <c r="V58" s="397"/>
      <c r="W58" s="397"/>
      <c r="X58" s="397"/>
      <c r="Y58" s="397"/>
      <c r="Z58" s="397"/>
      <c r="AA58" s="397"/>
      <c r="AB58" s="397"/>
      <c r="AC58" s="397"/>
      <c r="AD58" s="397"/>
      <c r="AE58" s="397"/>
      <c r="AF58" s="397"/>
      <c r="AG58" s="397"/>
      <c r="AH58" s="397"/>
      <c r="AI58" s="397"/>
      <c r="AJ58" s="397"/>
      <c r="AK58" s="397"/>
      <c r="AL58" s="397"/>
    </row>
  </sheetData>
  <customSheetViews>
    <customSheetView guid="{FA98832E-F01A-4598-9960-E27C2FDAB118}" showPageBreaks="1" showGridLines="0" printArea="1" view="pageBreakPreview">
      <selection activeCell="J20" sqref="J20"/>
      <pageMargins left="0.7" right="0.7" top="0.75" bottom="0.75" header="0.3" footer="0.3"/>
      <pageSetup paperSize="9" scale="96" orientation="portrait" r:id="rId1"/>
    </customSheetView>
    <customSheetView guid="{8494577A-77FB-45FD-BD2B-C737BCFAD5B3}" showPageBreaks="1" showGridLines="0" printArea="1" view="pageBreakPreview">
      <selection activeCell="J20" sqref="J20"/>
      <pageMargins left="0.7" right="0.7" top="0.75" bottom="0.75" header="0.3" footer="0.3"/>
      <pageSetup paperSize="9" scale="96" orientation="portrait" r:id="rId2"/>
    </customSheetView>
  </customSheetViews>
  <mergeCells count="84">
    <mergeCell ref="E50:F51"/>
    <mergeCell ref="G50:M51"/>
    <mergeCell ref="N50:O51"/>
    <mergeCell ref="AJ52:AK53"/>
    <mergeCell ref="B55:AL55"/>
    <mergeCell ref="T50:Z51"/>
    <mergeCell ref="AE50:AK51"/>
    <mergeCell ref="E52:F53"/>
    <mergeCell ref="G52:M53"/>
    <mergeCell ref="N52:O53"/>
    <mergeCell ref="Q52:R53"/>
    <mergeCell ref="T52:X53"/>
    <mergeCell ref="Y52:Z53"/>
    <mergeCell ref="AB52:AC53"/>
    <mergeCell ref="AE52:AI53"/>
    <mergeCell ref="E40:F41"/>
    <mergeCell ref="G40:M41"/>
    <mergeCell ref="N40:O41"/>
    <mergeCell ref="N48:O49"/>
    <mergeCell ref="E42:F43"/>
    <mergeCell ref="G42:M43"/>
    <mergeCell ref="N42:O43"/>
    <mergeCell ref="E44:F45"/>
    <mergeCell ref="G44:M45"/>
    <mergeCell ref="N44:O45"/>
    <mergeCell ref="E46:F47"/>
    <mergeCell ref="G46:M47"/>
    <mergeCell ref="N46:O47"/>
    <mergeCell ref="E48:F49"/>
    <mergeCell ref="G48:M49"/>
    <mergeCell ref="E36:F37"/>
    <mergeCell ref="G36:M37"/>
    <mergeCell ref="N36:O37"/>
    <mergeCell ref="E38:F39"/>
    <mergeCell ref="G38:M39"/>
    <mergeCell ref="N38:O39"/>
    <mergeCell ref="N32:O33"/>
    <mergeCell ref="E34:F35"/>
    <mergeCell ref="G34:M35"/>
    <mergeCell ref="N34:O35"/>
    <mergeCell ref="E30:F31"/>
    <mergeCell ref="G30:M31"/>
    <mergeCell ref="F16:F17"/>
    <mergeCell ref="B7:C24"/>
    <mergeCell ref="N30:O31"/>
    <mergeCell ref="E32:F33"/>
    <mergeCell ref="G32:M33"/>
    <mergeCell ref="H16:O17"/>
    <mergeCell ref="H10:O11"/>
    <mergeCell ref="F14:F15"/>
    <mergeCell ref="H14:O15"/>
    <mergeCell ref="H18:O19"/>
    <mergeCell ref="B25:C54"/>
    <mergeCell ref="E26:F27"/>
    <mergeCell ref="G26:O27"/>
    <mergeCell ref="E28:F29"/>
    <mergeCell ref="G28:M29"/>
    <mergeCell ref="N28:O29"/>
    <mergeCell ref="W22:AK23"/>
    <mergeCell ref="U18:U19"/>
    <mergeCell ref="W18:AK19"/>
    <mergeCell ref="U14:U15"/>
    <mergeCell ref="W14:AK15"/>
    <mergeCell ref="AB1:AI1"/>
    <mergeCell ref="AK1:AL1"/>
    <mergeCell ref="A3:AL4"/>
    <mergeCell ref="B6:K6"/>
    <mergeCell ref="L6:AL6"/>
    <mergeCell ref="U10:U11"/>
    <mergeCell ref="W10:AK11"/>
    <mergeCell ref="F12:F13"/>
    <mergeCell ref="H12:O13"/>
    <mergeCell ref="U12:U13"/>
    <mergeCell ref="W12:AK13"/>
    <mergeCell ref="R7:S24"/>
    <mergeCell ref="U8:U9"/>
    <mergeCell ref="W8:AK9"/>
    <mergeCell ref="F10:F11"/>
    <mergeCell ref="U16:U17"/>
    <mergeCell ref="W16:AK17"/>
    <mergeCell ref="F18:F19"/>
    <mergeCell ref="U20:U21"/>
    <mergeCell ref="W20:AK21"/>
    <mergeCell ref="U22:U23"/>
  </mergeCells>
  <phoneticPr fontId="6"/>
  <pageMargins left="0.7" right="0.7" top="0.75" bottom="0.75" header="0.3" footer="0.3"/>
  <pageSetup paperSize="9" scale="96" orientation="portrait" r:id="rId3"/>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49"/>
  <sheetViews>
    <sheetView showGridLines="0" view="pageBreakPreview" zoomScaleNormal="100" zoomScaleSheetLayoutView="100" workbookViewId="0">
      <selection activeCell="I20" sqref="I20:J20"/>
    </sheetView>
  </sheetViews>
  <sheetFormatPr defaultRowHeight="13.2" x14ac:dyDescent="0.2"/>
  <cols>
    <col min="1" max="1" width="1.6640625" style="372" customWidth="1"/>
    <col min="2" max="2" width="3.44140625" style="372" customWidth="1"/>
    <col min="3" max="4" width="9" style="372" customWidth="1"/>
    <col min="5" max="6" width="8.44140625" style="372" customWidth="1"/>
    <col min="7" max="7" width="8.33203125" style="372" customWidth="1"/>
    <col min="8" max="8" width="7.33203125" style="372" customWidth="1"/>
    <col min="9" max="10" width="10" style="372" customWidth="1"/>
    <col min="11" max="11" width="17.109375" style="372" customWidth="1"/>
    <col min="12" max="256" width="9" style="372"/>
    <col min="257" max="257" width="1.6640625" style="372" customWidth="1"/>
    <col min="258" max="258" width="3.44140625" style="372" customWidth="1"/>
    <col min="259" max="260" width="9" style="372" customWidth="1"/>
    <col min="261" max="262" width="8.44140625" style="372" customWidth="1"/>
    <col min="263" max="263" width="8.33203125" style="372" customWidth="1"/>
    <col min="264" max="264" width="7.33203125" style="372" customWidth="1"/>
    <col min="265" max="266" width="10" style="372" customWidth="1"/>
    <col min="267" max="267" width="17.109375" style="372" customWidth="1"/>
    <col min="268" max="512" width="9" style="372"/>
    <col min="513" max="513" width="1.6640625" style="372" customWidth="1"/>
    <col min="514" max="514" width="3.44140625" style="372" customWidth="1"/>
    <col min="515" max="516" width="9" style="372" customWidth="1"/>
    <col min="517" max="518" width="8.44140625" style="372" customWidth="1"/>
    <col min="519" max="519" width="8.33203125" style="372" customWidth="1"/>
    <col min="520" max="520" width="7.33203125" style="372" customWidth="1"/>
    <col min="521" max="522" width="10" style="372" customWidth="1"/>
    <col min="523" max="523" width="17.109375" style="372" customWidth="1"/>
    <col min="524" max="768" width="9" style="372"/>
    <col min="769" max="769" width="1.6640625" style="372" customWidth="1"/>
    <col min="770" max="770" width="3.44140625" style="372" customWidth="1"/>
    <col min="771" max="772" width="9" style="372" customWidth="1"/>
    <col min="773" max="774" width="8.44140625" style="372" customWidth="1"/>
    <col min="775" max="775" width="8.33203125" style="372" customWidth="1"/>
    <col min="776" max="776" width="7.33203125" style="372" customWidth="1"/>
    <col min="777" max="778" width="10" style="372" customWidth="1"/>
    <col min="779" max="779" width="17.109375" style="372" customWidth="1"/>
    <col min="780" max="1024" width="9" style="372"/>
    <col min="1025" max="1025" width="1.6640625" style="372" customWidth="1"/>
    <col min="1026" max="1026" width="3.44140625" style="372" customWidth="1"/>
    <col min="1027" max="1028" width="9" style="372" customWidth="1"/>
    <col min="1029" max="1030" width="8.44140625" style="372" customWidth="1"/>
    <col min="1031" max="1031" width="8.33203125" style="372" customWidth="1"/>
    <col min="1032" max="1032" width="7.33203125" style="372" customWidth="1"/>
    <col min="1033" max="1034" width="10" style="372" customWidth="1"/>
    <col min="1035" max="1035" width="17.109375" style="372" customWidth="1"/>
    <col min="1036" max="1280" width="9" style="372"/>
    <col min="1281" max="1281" width="1.6640625" style="372" customWidth="1"/>
    <col min="1282" max="1282" width="3.44140625" style="372" customWidth="1"/>
    <col min="1283" max="1284" width="9" style="372" customWidth="1"/>
    <col min="1285" max="1286" width="8.44140625" style="372" customWidth="1"/>
    <col min="1287" max="1287" width="8.33203125" style="372" customWidth="1"/>
    <col min="1288" max="1288" width="7.33203125" style="372" customWidth="1"/>
    <col min="1289" max="1290" width="10" style="372" customWidth="1"/>
    <col min="1291" max="1291" width="17.109375" style="372" customWidth="1"/>
    <col min="1292" max="1536" width="9" style="372"/>
    <col min="1537" max="1537" width="1.6640625" style="372" customWidth="1"/>
    <col min="1538" max="1538" width="3.44140625" style="372" customWidth="1"/>
    <col min="1539" max="1540" width="9" style="372" customWidth="1"/>
    <col min="1541" max="1542" width="8.44140625" style="372" customWidth="1"/>
    <col min="1543" max="1543" width="8.33203125" style="372" customWidth="1"/>
    <col min="1544" max="1544" width="7.33203125" style="372" customWidth="1"/>
    <col min="1545" max="1546" width="10" style="372" customWidth="1"/>
    <col min="1547" max="1547" width="17.109375" style="372" customWidth="1"/>
    <col min="1548" max="1792" width="9" style="372"/>
    <col min="1793" max="1793" width="1.6640625" style="372" customWidth="1"/>
    <col min="1794" max="1794" width="3.44140625" style="372" customWidth="1"/>
    <col min="1795" max="1796" width="9" style="372" customWidth="1"/>
    <col min="1797" max="1798" width="8.44140625" style="372" customWidth="1"/>
    <col min="1799" max="1799" width="8.33203125" style="372" customWidth="1"/>
    <col min="1800" max="1800" width="7.33203125" style="372" customWidth="1"/>
    <col min="1801" max="1802" width="10" style="372" customWidth="1"/>
    <col min="1803" max="1803" width="17.109375" style="372" customWidth="1"/>
    <col min="1804" max="2048" width="9" style="372"/>
    <col min="2049" max="2049" width="1.6640625" style="372" customWidth="1"/>
    <col min="2050" max="2050" width="3.44140625" style="372" customWidth="1"/>
    <col min="2051" max="2052" width="9" style="372" customWidth="1"/>
    <col min="2053" max="2054" width="8.44140625" style="372" customWidth="1"/>
    <col min="2055" max="2055" width="8.33203125" style="372" customWidth="1"/>
    <col min="2056" max="2056" width="7.33203125" style="372" customWidth="1"/>
    <col min="2057" max="2058" width="10" style="372" customWidth="1"/>
    <col min="2059" max="2059" width="17.109375" style="372" customWidth="1"/>
    <col min="2060" max="2304" width="9" style="372"/>
    <col min="2305" max="2305" width="1.6640625" style="372" customWidth="1"/>
    <col min="2306" max="2306" width="3.44140625" style="372" customWidth="1"/>
    <col min="2307" max="2308" width="9" style="372" customWidth="1"/>
    <col min="2309" max="2310" width="8.44140625" style="372" customWidth="1"/>
    <col min="2311" max="2311" width="8.33203125" style="372" customWidth="1"/>
    <col min="2312" max="2312" width="7.33203125" style="372" customWidth="1"/>
    <col min="2313" max="2314" width="10" style="372" customWidth="1"/>
    <col min="2315" max="2315" width="17.109375" style="372" customWidth="1"/>
    <col min="2316" max="2560" width="9" style="372"/>
    <col min="2561" max="2561" width="1.6640625" style="372" customWidth="1"/>
    <col min="2562" max="2562" width="3.44140625" style="372" customWidth="1"/>
    <col min="2563" max="2564" width="9" style="372" customWidth="1"/>
    <col min="2565" max="2566" width="8.44140625" style="372" customWidth="1"/>
    <col min="2567" max="2567" width="8.33203125" style="372" customWidth="1"/>
    <col min="2568" max="2568" width="7.33203125" style="372" customWidth="1"/>
    <col min="2569" max="2570" width="10" style="372" customWidth="1"/>
    <col min="2571" max="2571" width="17.109375" style="372" customWidth="1"/>
    <col min="2572" max="2816" width="9" style="372"/>
    <col min="2817" max="2817" width="1.6640625" style="372" customWidth="1"/>
    <col min="2818" max="2818" width="3.44140625" style="372" customWidth="1"/>
    <col min="2819" max="2820" width="9" style="372" customWidth="1"/>
    <col min="2821" max="2822" width="8.44140625" style="372" customWidth="1"/>
    <col min="2823" max="2823" width="8.33203125" style="372" customWidth="1"/>
    <col min="2824" max="2824" width="7.33203125" style="372" customWidth="1"/>
    <col min="2825" max="2826" width="10" style="372" customWidth="1"/>
    <col min="2827" max="2827" width="17.109375" style="372" customWidth="1"/>
    <col min="2828" max="3072" width="9" style="372"/>
    <col min="3073" max="3073" width="1.6640625" style="372" customWidth="1"/>
    <col min="3074" max="3074" width="3.44140625" style="372" customWidth="1"/>
    <col min="3075" max="3076" width="9" style="372" customWidth="1"/>
    <col min="3077" max="3078" width="8.44140625" style="372" customWidth="1"/>
    <col min="3079" max="3079" width="8.33203125" style="372" customWidth="1"/>
    <col min="3080" max="3080" width="7.33203125" style="372" customWidth="1"/>
    <col min="3081" max="3082" width="10" style="372" customWidth="1"/>
    <col min="3083" max="3083" width="17.109375" style="372" customWidth="1"/>
    <col min="3084" max="3328" width="9" style="372"/>
    <col min="3329" max="3329" width="1.6640625" style="372" customWidth="1"/>
    <col min="3330" max="3330" width="3.44140625" style="372" customWidth="1"/>
    <col min="3331" max="3332" width="9" style="372" customWidth="1"/>
    <col min="3333" max="3334" width="8.44140625" style="372" customWidth="1"/>
    <col min="3335" max="3335" width="8.33203125" style="372" customWidth="1"/>
    <col min="3336" max="3336" width="7.33203125" style="372" customWidth="1"/>
    <col min="3337" max="3338" width="10" style="372" customWidth="1"/>
    <col min="3339" max="3339" width="17.109375" style="372" customWidth="1"/>
    <col min="3340" max="3584" width="9" style="372"/>
    <col min="3585" max="3585" width="1.6640625" style="372" customWidth="1"/>
    <col min="3586" max="3586" width="3.44140625" style="372" customWidth="1"/>
    <col min="3587" max="3588" width="9" style="372" customWidth="1"/>
    <col min="3589" max="3590" width="8.44140625" style="372" customWidth="1"/>
    <col min="3591" max="3591" width="8.33203125" style="372" customWidth="1"/>
    <col min="3592" max="3592" width="7.33203125" style="372" customWidth="1"/>
    <col min="3593" max="3594" width="10" style="372" customWidth="1"/>
    <col min="3595" max="3595" width="17.109375" style="372" customWidth="1"/>
    <col min="3596" max="3840" width="9" style="372"/>
    <col min="3841" max="3841" width="1.6640625" style="372" customWidth="1"/>
    <col min="3842" max="3842" width="3.44140625" style="372" customWidth="1"/>
    <col min="3843" max="3844" width="9" style="372" customWidth="1"/>
    <col min="3845" max="3846" width="8.44140625" style="372" customWidth="1"/>
    <col min="3847" max="3847" width="8.33203125" style="372" customWidth="1"/>
    <col min="3848" max="3848" width="7.33203125" style="372" customWidth="1"/>
    <col min="3849" max="3850" width="10" style="372" customWidth="1"/>
    <col min="3851" max="3851" width="17.109375" style="372" customWidth="1"/>
    <col min="3852" max="4096" width="9" style="372"/>
    <col min="4097" max="4097" width="1.6640625" style="372" customWidth="1"/>
    <col min="4098" max="4098" width="3.44140625" style="372" customWidth="1"/>
    <col min="4099" max="4100" width="9" style="372" customWidth="1"/>
    <col min="4101" max="4102" width="8.44140625" style="372" customWidth="1"/>
    <col min="4103" max="4103" width="8.33203125" style="372" customWidth="1"/>
    <col min="4104" max="4104" width="7.33203125" style="372" customWidth="1"/>
    <col min="4105" max="4106" width="10" style="372" customWidth="1"/>
    <col min="4107" max="4107" width="17.109375" style="372" customWidth="1"/>
    <col min="4108" max="4352" width="9" style="372"/>
    <col min="4353" max="4353" width="1.6640625" style="372" customWidth="1"/>
    <col min="4354" max="4354" width="3.44140625" style="372" customWidth="1"/>
    <col min="4355" max="4356" width="9" style="372" customWidth="1"/>
    <col min="4357" max="4358" width="8.44140625" style="372" customWidth="1"/>
    <col min="4359" max="4359" width="8.33203125" style="372" customWidth="1"/>
    <col min="4360" max="4360" width="7.33203125" style="372" customWidth="1"/>
    <col min="4361" max="4362" width="10" style="372" customWidth="1"/>
    <col min="4363" max="4363" width="17.109375" style="372" customWidth="1"/>
    <col min="4364" max="4608" width="9" style="372"/>
    <col min="4609" max="4609" width="1.6640625" style="372" customWidth="1"/>
    <col min="4610" max="4610" width="3.44140625" style="372" customWidth="1"/>
    <col min="4611" max="4612" width="9" style="372" customWidth="1"/>
    <col min="4613" max="4614" width="8.44140625" style="372" customWidth="1"/>
    <col min="4615" max="4615" width="8.33203125" style="372" customWidth="1"/>
    <col min="4616" max="4616" width="7.33203125" style="372" customWidth="1"/>
    <col min="4617" max="4618" width="10" style="372" customWidth="1"/>
    <col min="4619" max="4619" width="17.109375" style="372" customWidth="1"/>
    <col min="4620" max="4864" width="9" style="372"/>
    <col min="4865" max="4865" width="1.6640625" style="372" customWidth="1"/>
    <col min="4866" max="4866" width="3.44140625" style="372" customWidth="1"/>
    <col min="4867" max="4868" width="9" style="372" customWidth="1"/>
    <col min="4869" max="4870" width="8.44140625" style="372" customWidth="1"/>
    <col min="4871" max="4871" width="8.33203125" style="372" customWidth="1"/>
    <col min="4872" max="4872" width="7.33203125" style="372" customWidth="1"/>
    <col min="4873" max="4874" width="10" style="372" customWidth="1"/>
    <col min="4875" max="4875" width="17.109375" style="372" customWidth="1"/>
    <col min="4876" max="5120" width="9" style="372"/>
    <col min="5121" max="5121" width="1.6640625" style="372" customWidth="1"/>
    <col min="5122" max="5122" width="3.44140625" style="372" customWidth="1"/>
    <col min="5123" max="5124" width="9" style="372" customWidth="1"/>
    <col min="5125" max="5126" width="8.44140625" style="372" customWidth="1"/>
    <col min="5127" max="5127" width="8.33203125" style="372" customWidth="1"/>
    <col min="5128" max="5128" width="7.33203125" style="372" customWidth="1"/>
    <col min="5129" max="5130" width="10" style="372" customWidth="1"/>
    <col min="5131" max="5131" width="17.109375" style="372" customWidth="1"/>
    <col min="5132" max="5376" width="9" style="372"/>
    <col min="5377" max="5377" width="1.6640625" style="372" customWidth="1"/>
    <col min="5378" max="5378" width="3.44140625" style="372" customWidth="1"/>
    <col min="5379" max="5380" width="9" style="372" customWidth="1"/>
    <col min="5381" max="5382" width="8.44140625" style="372" customWidth="1"/>
    <col min="5383" max="5383" width="8.33203125" style="372" customWidth="1"/>
    <col min="5384" max="5384" width="7.33203125" style="372" customWidth="1"/>
    <col min="5385" max="5386" width="10" style="372" customWidth="1"/>
    <col min="5387" max="5387" width="17.109375" style="372" customWidth="1"/>
    <col min="5388" max="5632" width="9" style="372"/>
    <col min="5633" max="5633" width="1.6640625" style="372" customWidth="1"/>
    <col min="5634" max="5634" width="3.44140625" style="372" customWidth="1"/>
    <col min="5635" max="5636" width="9" style="372" customWidth="1"/>
    <col min="5637" max="5638" width="8.44140625" style="372" customWidth="1"/>
    <col min="5639" max="5639" width="8.33203125" style="372" customWidth="1"/>
    <col min="5640" max="5640" width="7.33203125" style="372" customWidth="1"/>
    <col min="5641" max="5642" width="10" style="372" customWidth="1"/>
    <col min="5643" max="5643" width="17.109375" style="372" customWidth="1"/>
    <col min="5644" max="5888" width="9" style="372"/>
    <col min="5889" max="5889" width="1.6640625" style="372" customWidth="1"/>
    <col min="5890" max="5890" width="3.44140625" style="372" customWidth="1"/>
    <col min="5891" max="5892" width="9" style="372" customWidth="1"/>
    <col min="5893" max="5894" width="8.44140625" style="372" customWidth="1"/>
    <col min="5895" max="5895" width="8.33203125" style="372" customWidth="1"/>
    <col min="5896" max="5896" width="7.33203125" style="372" customWidth="1"/>
    <col min="5897" max="5898" width="10" style="372" customWidth="1"/>
    <col min="5899" max="5899" width="17.109375" style="372" customWidth="1"/>
    <col min="5900" max="6144" width="9" style="372"/>
    <col min="6145" max="6145" width="1.6640625" style="372" customWidth="1"/>
    <col min="6146" max="6146" width="3.44140625" style="372" customWidth="1"/>
    <col min="6147" max="6148" width="9" style="372" customWidth="1"/>
    <col min="6149" max="6150" width="8.44140625" style="372" customWidth="1"/>
    <col min="6151" max="6151" width="8.33203125" style="372" customWidth="1"/>
    <col min="6152" max="6152" width="7.33203125" style="372" customWidth="1"/>
    <col min="6153" max="6154" width="10" style="372" customWidth="1"/>
    <col min="6155" max="6155" width="17.109375" style="372" customWidth="1"/>
    <col min="6156" max="6400" width="9" style="372"/>
    <col min="6401" max="6401" width="1.6640625" style="372" customWidth="1"/>
    <col min="6402" max="6402" width="3.44140625" style="372" customWidth="1"/>
    <col min="6403" max="6404" width="9" style="372" customWidth="1"/>
    <col min="6405" max="6406" width="8.44140625" style="372" customWidth="1"/>
    <col min="6407" max="6407" width="8.33203125" style="372" customWidth="1"/>
    <col min="6408" max="6408" width="7.33203125" style="372" customWidth="1"/>
    <col min="6409" max="6410" width="10" style="372" customWidth="1"/>
    <col min="6411" max="6411" width="17.109375" style="372" customWidth="1"/>
    <col min="6412" max="6656" width="9" style="372"/>
    <col min="6657" max="6657" width="1.6640625" style="372" customWidth="1"/>
    <col min="6658" max="6658" width="3.44140625" style="372" customWidth="1"/>
    <col min="6659" max="6660" width="9" style="372" customWidth="1"/>
    <col min="6661" max="6662" width="8.44140625" style="372" customWidth="1"/>
    <col min="6663" max="6663" width="8.33203125" style="372" customWidth="1"/>
    <col min="6664" max="6664" width="7.33203125" style="372" customWidth="1"/>
    <col min="6665" max="6666" width="10" style="372" customWidth="1"/>
    <col min="6667" max="6667" width="17.109375" style="372" customWidth="1"/>
    <col min="6668" max="6912" width="9" style="372"/>
    <col min="6913" max="6913" width="1.6640625" style="372" customWidth="1"/>
    <col min="6914" max="6914" width="3.44140625" style="372" customWidth="1"/>
    <col min="6915" max="6916" width="9" style="372" customWidth="1"/>
    <col min="6917" max="6918" width="8.44140625" style="372" customWidth="1"/>
    <col min="6919" max="6919" width="8.33203125" style="372" customWidth="1"/>
    <col min="6920" max="6920" width="7.33203125" style="372" customWidth="1"/>
    <col min="6921" max="6922" width="10" style="372" customWidth="1"/>
    <col min="6923" max="6923" width="17.109375" style="372" customWidth="1"/>
    <col min="6924" max="7168" width="9" style="372"/>
    <col min="7169" max="7169" width="1.6640625" style="372" customWidth="1"/>
    <col min="7170" max="7170" width="3.44140625" style="372" customWidth="1"/>
    <col min="7171" max="7172" width="9" style="372" customWidth="1"/>
    <col min="7173" max="7174" width="8.44140625" style="372" customWidth="1"/>
    <col min="7175" max="7175" width="8.33203125" style="372" customWidth="1"/>
    <col min="7176" max="7176" width="7.33203125" style="372" customWidth="1"/>
    <col min="7177" max="7178" width="10" style="372" customWidth="1"/>
    <col min="7179" max="7179" width="17.109375" style="372" customWidth="1"/>
    <col min="7180" max="7424" width="9" style="372"/>
    <col min="7425" max="7425" width="1.6640625" style="372" customWidth="1"/>
    <col min="7426" max="7426" width="3.44140625" style="372" customWidth="1"/>
    <col min="7427" max="7428" width="9" style="372" customWidth="1"/>
    <col min="7429" max="7430" width="8.44140625" style="372" customWidth="1"/>
    <col min="7431" max="7431" width="8.33203125" style="372" customWidth="1"/>
    <col min="7432" max="7432" width="7.33203125" style="372" customWidth="1"/>
    <col min="7433" max="7434" width="10" style="372" customWidth="1"/>
    <col min="7435" max="7435" width="17.109375" style="372" customWidth="1"/>
    <col min="7436" max="7680" width="9" style="372"/>
    <col min="7681" max="7681" width="1.6640625" style="372" customWidth="1"/>
    <col min="7682" max="7682" width="3.44140625" style="372" customWidth="1"/>
    <col min="7683" max="7684" width="9" style="372" customWidth="1"/>
    <col min="7685" max="7686" width="8.44140625" style="372" customWidth="1"/>
    <col min="7687" max="7687" width="8.33203125" style="372" customWidth="1"/>
    <col min="7688" max="7688" width="7.33203125" style="372" customWidth="1"/>
    <col min="7689" max="7690" width="10" style="372" customWidth="1"/>
    <col min="7691" max="7691" width="17.109375" style="372" customWidth="1"/>
    <col min="7692" max="7936" width="9" style="372"/>
    <col min="7937" max="7937" width="1.6640625" style="372" customWidth="1"/>
    <col min="7938" max="7938" width="3.44140625" style="372" customWidth="1"/>
    <col min="7939" max="7940" width="9" style="372" customWidth="1"/>
    <col min="7941" max="7942" width="8.44140625" style="372" customWidth="1"/>
    <col min="7943" max="7943" width="8.33203125" style="372" customWidth="1"/>
    <col min="7944" max="7944" width="7.33203125" style="372" customWidth="1"/>
    <col min="7945" max="7946" width="10" style="372" customWidth="1"/>
    <col min="7947" max="7947" width="17.109375" style="372" customWidth="1"/>
    <col min="7948" max="8192" width="9" style="372"/>
    <col min="8193" max="8193" width="1.6640625" style="372" customWidth="1"/>
    <col min="8194" max="8194" width="3.44140625" style="372" customWidth="1"/>
    <col min="8195" max="8196" width="9" style="372" customWidth="1"/>
    <col min="8197" max="8198" width="8.44140625" style="372" customWidth="1"/>
    <col min="8199" max="8199" width="8.33203125" style="372" customWidth="1"/>
    <col min="8200" max="8200" width="7.33203125" style="372" customWidth="1"/>
    <col min="8201" max="8202" width="10" style="372" customWidth="1"/>
    <col min="8203" max="8203" width="17.109375" style="372" customWidth="1"/>
    <col min="8204" max="8448" width="9" style="372"/>
    <col min="8449" max="8449" width="1.6640625" style="372" customWidth="1"/>
    <col min="8450" max="8450" width="3.44140625" style="372" customWidth="1"/>
    <col min="8451" max="8452" width="9" style="372" customWidth="1"/>
    <col min="8453" max="8454" width="8.44140625" style="372" customWidth="1"/>
    <col min="8455" max="8455" width="8.33203125" style="372" customWidth="1"/>
    <col min="8456" max="8456" width="7.33203125" style="372" customWidth="1"/>
    <col min="8457" max="8458" width="10" style="372" customWidth="1"/>
    <col min="8459" max="8459" width="17.109375" style="372" customWidth="1"/>
    <col min="8460" max="8704" width="9" style="372"/>
    <col min="8705" max="8705" width="1.6640625" style="372" customWidth="1"/>
    <col min="8706" max="8706" width="3.44140625" style="372" customWidth="1"/>
    <col min="8707" max="8708" width="9" style="372" customWidth="1"/>
    <col min="8709" max="8710" width="8.44140625" style="372" customWidth="1"/>
    <col min="8711" max="8711" width="8.33203125" style="372" customWidth="1"/>
    <col min="8712" max="8712" width="7.33203125" style="372" customWidth="1"/>
    <col min="8713" max="8714" width="10" style="372" customWidth="1"/>
    <col min="8715" max="8715" width="17.109375" style="372" customWidth="1"/>
    <col min="8716" max="8960" width="9" style="372"/>
    <col min="8961" max="8961" width="1.6640625" style="372" customWidth="1"/>
    <col min="8962" max="8962" width="3.44140625" style="372" customWidth="1"/>
    <col min="8963" max="8964" width="9" style="372" customWidth="1"/>
    <col min="8965" max="8966" width="8.44140625" style="372" customWidth="1"/>
    <col min="8967" max="8967" width="8.33203125" style="372" customWidth="1"/>
    <col min="8968" max="8968" width="7.33203125" style="372" customWidth="1"/>
    <col min="8969" max="8970" width="10" style="372" customWidth="1"/>
    <col min="8971" max="8971" width="17.109375" style="372" customWidth="1"/>
    <col min="8972" max="9216" width="9" style="372"/>
    <col min="9217" max="9217" width="1.6640625" style="372" customWidth="1"/>
    <col min="9218" max="9218" width="3.44140625" style="372" customWidth="1"/>
    <col min="9219" max="9220" width="9" style="372" customWidth="1"/>
    <col min="9221" max="9222" width="8.44140625" style="372" customWidth="1"/>
    <col min="9223" max="9223" width="8.33203125" style="372" customWidth="1"/>
    <col min="9224" max="9224" width="7.33203125" style="372" customWidth="1"/>
    <col min="9225" max="9226" width="10" style="372" customWidth="1"/>
    <col min="9227" max="9227" width="17.109375" style="372" customWidth="1"/>
    <col min="9228" max="9472" width="9" style="372"/>
    <col min="9473" max="9473" width="1.6640625" style="372" customWidth="1"/>
    <col min="9474" max="9474" width="3.44140625" style="372" customWidth="1"/>
    <col min="9475" max="9476" width="9" style="372" customWidth="1"/>
    <col min="9477" max="9478" width="8.44140625" style="372" customWidth="1"/>
    <col min="9479" max="9479" width="8.33203125" style="372" customWidth="1"/>
    <col min="9480" max="9480" width="7.33203125" style="372" customWidth="1"/>
    <col min="9481" max="9482" width="10" style="372" customWidth="1"/>
    <col min="9483" max="9483" width="17.109375" style="372" customWidth="1"/>
    <col min="9484" max="9728" width="9" style="372"/>
    <col min="9729" max="9729" width="1.6640625" style="372" customWidth="1"/>
    <col min="9730" max="9730" width="3.44140625" style="372" customWidth="1"/>
    <col min="9731" max="9732" width="9" style="372" customWidth="1"/>
    <col min="9733" max="9734" width="8.44140625" style="372" customWidth="1"/>
    <col min="9735" max="9735" width="8.33203125" style="372" customWidth="1"/>
    <col min="9736" max="9736" width="7.33203125" style="372" customWidth="1"/>
    <col min="9737" max="9738" width="10" style="372" customWidth="1"/>
    <col min="9739" max="9739" width="17.109375" style="372" customWidth="1"/>
    <col min="9740" max="9984" width="9" style="372"/>
    <col min="9985" max="9985" width="1.6640625" style="372" customWidth="1"/>
    <col min="9986" max="9986" width="3.44140625" style="372" customWidth="1"/>
    <col min="9987" max="9988" width="9" style="372" customWidth="1"/>
    <col min="9989" max="9990" width="8.44140625" style="372" customWidth="1"/>
    <col min="9991" max="9991" width="8.33203125" style="372" customWidth="1"/>
    <col min="9992" max="9992" width="7.33203125" style="372" customWidth="1"/>
    <col min="9993" max="9994" width="10" style="372" customWidth="1"/>
    <col min="9995" max="9995" width="17.109375" style="372" customWidth="1"/>
    <col min="9996" max="10240" width="9" style="372"/>
    <col min="10241" max="10241" width="1.6640625" style="372" customWidth="1"/>
    <col min="10242" max="10242" width="3.44140625" style="372" customWidth="1"/>
    <col min="10243" max="10244" width="9" style="372" customWidth="1"/>
    <col min="10245" max="10246" width="8.44140625" style="372" customWidth="1"/>
    <col min="10247" max="10247" width="8.33203125" style="372" customWidth="1"/>
    <col min="10248" max="10248" width="7.33203125" style="372" customWidth="1"/>
    <col min="10249" max="10250" width="10" style="372" customWidth="1"/>
    <col min="10251" max="10251" width="17.109375" style="372" customWidth="1"/>
    <col min="10252" max="10496" width="9" style="372"/>
    <col min="10497" max="10497" width="1.6640625" style="372" customWidth="1"/>
    <col min="10498" max="10498" width="3.44140625" style="372" customWidth="1"/>
    <col min="10499" max="10500" width="9" style="372" customWidth="1"/>
    <col min="10501" max="10502" width="8.44140625" style="372" customWidth="1"/>
    <col min="10503" max="10503" width="8.33203125" style="372" customWidth="1"/>
    <col min="10504" max="10504" width="7.33203125" style="372" customWidth="1"/>
    <col min="10505" max="10506" width="10" style="372" customWidth="1"/>
    <col min="10507" max="10507" width="17.109375" style="372" customWidth="1"/>
    <col min="10508" max="10752" width="9" style="372"/>
    <col min="10753" max="10753" width="1.6640625" style="372" customWidth="1"/>
    <col min="10754" max="10754" width="3.44140625" style="372" customWidth="1"/>
    <col min="10755" max="10756" width="9" style="372" customWidth="1"/>
    <col min="10757" max="10758" width="8.44140625" style="372" customWidth="1"/>
    <col min="10759" max="10759" width="8.33203125" style="372" customWidth="1"/>
    <col min="10760" max="10760" width="7.33203125" style="372" customWidth="1"/>
    <col min="10761" max="10762" width="10" style="372" customWidth="1"/>
    <col min="10763" max="10763" width="17.109375" style="372" customWidth="1"/>
    <col min="10764" max="11008" width="9" style="372"/>
    <col min="11009" max="11009" width="1.6640625" style="372" customWidth="1"/>
    <col min="11010" max="11010" width="3.44140625" style="372" customWidth="1"/>
    <col min="11011" max="11012" width="9" style="372" customWidth="1"/>
    <col min="11013" max="11014" width="8.44140625" style="372" customWidth="1"/>
    <col min="11015" max="11015" width="8.33203125" style="372" customWidth="1"/>
    <col min="11016" max="11016" width="7.33203125" style="372" customWidth="1"/>
    <col min="11017" max="11018" width="10" style="372" customWidth="1"/>
    <col min="11019" max="11019" width="17.109375" style="372" customWidth="1"/>
    <col min="11020" max="11264" width="9" style="372"/>
    <col min="11265" max="11265" width="1.6640625" style="372" customWidth="1"/>
    <col min="11266" max="11266" width="3.44140625" style="372" customWidth="1"/>
    <col min="11267" max="11268" width="9" style="372" customWidth="1"/>
    <col min="11269" max="11270" width="8.44140625" style="372" customWidth="1"/>
    <col min="11271" max="11271" width="8.33203125" style="372" customWidth="1"/>
    <col min="11272" max="11272" width="7.33203125" style="372" customWidth="1"/>
    <col min="11273" max="11274" width="10" style="372" customWidth="1"/>
    <col min="11275" max="11275" width="17.109375" style="372" customWidth="1"/>
    <col min="11276" max="11520" width="9" style="372"/>
    <col min="11521" max="11521" width="1.6640625" style="372" customWidth="1"/>
    <col min="11522" max="11522" width="3.44140625" style="372" customWidth="1"/>
    <col min="11523" max="11524" width="9" style="372" customWidth="1"/>
    <col min="11525" max="11526" width="8.44140625" style="372" customWidth="1"/>
    <col min="11527" max="11527" width="8.33203125" style="372" customWidth="1"/>
    <col min="11528" max="11528" width="7.33203125" style="372" customWidth="1"/>
    <col min="11529" max="11530" width="10" style="372" customWidth="1"/>
    <col min="11531" max="11531" width="17.109375" style="372" customWidth="1"/>
    <col min="11532" max="11776" width="9" style="372"/>
    <col min="11777" max="11777" width="1.6640625" style="372" customWidth="1"/>
    <col min="11778" max="11778" width="3.44140625" style="372" customWidth="1"/>
    <col min="11779" max="11780" width="9" style="372" customWidth="1"/>
    <col min="11781" max="11782" width="8.44140625" style="372" customWidth="1"/>
    <col min="11783" max="11783" width="8.33203125" style="372" customWidth="1"/>
    <col min="11784" max="11784" width="7.33203125" style="372" customWidth="1"/>
    <col min="11785" max="11786" width="10" style="372" customWidth="1"/>
    <col min="11787" max="11787" width="17.109375" style="372" customWidth="1"/>
    <col min="11788" max="12032" width="9" style="372"/>
    <col min="12033" max="12033" width="1.6640625" style="372" customWidth="1"/>
    <col min="12034" max="12034" width="3.44140625" style="372" customWidth="1"/>
    <col min="12035" max="12036" width="9" style="372" customWidth="1"/>
    <col min="12037" max="12038" width="8.44140625" style="372" customWidth="1"/>
    <col min="12039" max="12039" width="8.33203125" style="372" customWidth="1"/>
    <col min="12040" max="12040" width="7.33203125" style="372" customWidth="1"/>
    <col min="12041" max="12042" width="10" style="372" customWidth="1"/>
    <col min="12043" max="12043" width="17.109375" style="372" customWidth="1"/>
    <col min="12044" max="12288" width="9" style="372"/>
    <col min="12289" max="12289" width="1.6640625" style="372" customWidth="1"/>
    <col min="12290" max="12290" width="3.44140625" style="372" customWidth="1"/>
    <col min="12291" max="12292" width="9" style="372" customWidth="1"/>
    <col min="12293" max="12294" width="8.44140625" style="372" customWidth="1"/>
    <col min="12295" max="12295" width="8.33203125" style="372" customWidth="1"/>
    <col min="12296" max="12296" width="7.33203125" style="372" customWidth="1"/>
    <col min="12297" max="12298" width="10" style="372" customWidth="1"/>
    <col min="12299" max="12299" width="17.109375" style="372" customWidth="1"/>
    <col min="12300" max="12544" width="9" style="372"/>
    <col min="12545" max="12545" width="1.6640625" style="372" customWidth="1"/>
    <col min="12546" max="12546" width="3.44140625" style="372" customWidth="1"/>
    <col min="12547" max="12548" width="9" style="372" customWidth="1"/>
    <col min="12549" max="12550" width="8.44140625" style="372" customWidth="1"/>
    <col min="12551" max="12551" width="8.33203125" style="372" customWidth="1"/>
    <col min="12552" max="12552" width="7.33203125" style="372" customWidth="1"/>
    <col min="12553" max="12554" width="10" style="372" customWidth="1"/>
    <col min="12555" max="12555" width="17.109375" style="372" customWidth="1"/>
    <col min="12556" max="12800" width="9" style="372"/>
    <col min="12801" max="12801" width="1.6640625" style="372" customWidth="1"/>
    <col min="12802" max="12802" width="3.44140625" style="372" customWidth="1"/>
    <col min="12803" max="12804" width="9" style="372" customWidth="1"/>
    <col min="12805" max="12806" width="8.44140625" style="372" customWidth="1"/>
    <col min="12807" max="12807" width="8.33203125" style="372" customWidth="1"/>
    <col min="12808" max="12808" width="7.33203125" style="372" customWidth="1"/>
    <col min="12809" max="12810" width="10" style="372" customWidth="1"/>
    <col min="12811" max="12811" width="17.109375" style="372" customWidth="1"/>
    <col min="12812" max="13056" width="9" style="372"/>
    <col min="13057" max="13057" width="1.6640625" style="372" customWidth="1"/>
    <col min="13058" max="13058" width="3.44140625" style="372" customWidth="1"/>
    <col min="13059" max="13060" width="9" style="372" customWidth="1"/>
    <col min="13061" max="13062" width="8.44140625" style="372" customWidth="1"/>
    <col min="13063" max="13063" width="8.33203125" style="372" customWidth="1"/>
    <col min="13064" max="13064" width="7.33203125" style="372" customWidth="1"/>
    <col min="13065" max="13066" width="10" style="372" customWidth="1"/>
    <col min="13067" max="13067" width="17.109375" style="372" customWidth="1"/>
    <col min="13068" max="13312" width="9" style="372"/>
    <col min="13313" max="13313" width="1.6640625" style="372" customWidth="1"/>
    <col min="13314" max="13314" width="3.44140625" style="372" customWidth="1"/>
    <col min="13315" max="13316" width="9" style="372" customWidth="1"/>
    <col min="13317" max="13318" width="8.44140625" style="372" customWidth="1"/>
    <col min="13319" max="13319" width="8.33203125" style="372" customWidth="1"/>
    <col min="13320" max="13320" width="7.33203125" style="372" customWidth="1"/>
    <col min="13321" max="13322" width="10" style="372" customWidth="1"/>
    <col min="13323" max="13323" width="17.109375" style="372" customWidth="1"/>
    <col min="13324" max="13568" width="9" style="372"/>
    <col min="13569" max="13569" width="1.6640625" style="372" customWidth="1"/>
    <col min="13570" max="13570" width="3.44140625" style="372" customWidth="1"/>
    <col min="13571" max="13572" width="9" style="372" customWidth="1"/>
    <col min="13573" max="13574" width="8.44140625" style="372" customWidth="1"/>
    <col min="13575" max="13575" width="8.33203125" style="372" customWidth="1"/>
    <col min="13576" max="13576" width="7.33203125" style="372" customWidth="1"/>
    <col min="13577" max="13578" width="10" style="372" customWidth="1"/>
    <col min="13579" max="13579" width="17.109375" style="372" customWidth="1"/>
    <col min="13580" max="13824" width="9" style="372"/>
    <col min="13825" max="13825" width="1.6640625" style="372" customWidth="1"/>
    <col min="13826" max="13826" width="3.44140625" style="372" customWidth="1"/>
    <col min="13827" max="13828" width="9" style="372" customWidth="1"/>
    <col min="13829" max="13830" width="8.44140625" style="372" customWidth="1"/>
    <col min="13831" max="13831" width="8.33203125" style="372" customWidth="1"/>
    <col min="13832" max="13832" width="7.33203125" style="372" customWidth="1"/>
    <col min="13833" max="13834" width="10" style="372" customWidth="1"/>
    <col min="13835" max="13835" width="17.109375" style="372" customWidth="1"/>
    <col min="13836" max="14080" width="9" style="372"/>
    <col min="14081" max="14081" width="1.6640625" style="372" customWidth="1"/>
    <col min="14082" max="14082" width="3.44140625" style="372" customWidth="1"/>
    <col min="14083" max="14084" width="9" style="372" customWidth="1"/>
    <col min="14085" max="14086" width="8.44140625" style="372" customWidth="1"/>
    <col min="14087" max="14087" width="8.33203125" style="372" customWidth="1"/>
    <col min="14088" max="14088" width="7.33203125" style="372" customWidth="1"/>
    <col min="14089" max="14090" width="10" style="372" customWidth="1"/>
    <col min="14091" max="14091" width="17.109375" style="372" customWidth="1"/>
    <col min="14092" max="14336" width="9" style="372"/>
    <col min="14337" max="14337" width="1.6640625" style="372" customWidth="1"/>
    <col min="14338" max="14338" width="3.44140625" style="372" customWidth="1"/>
    <col min="14339" max="14340" width="9" style="372" customWidth="1"/>
    <col min="14341" max="14342" width="8.44140625" style="372" customWidth="1"/>
    <col min="14343" max="14343" width="8.33203125" style="372" customWidth="1"/>
    <col min="14344" max="14344" width="7.33203125" style="372" customWidth="1"/>
    <col min="14345" max="14346" width="10" style="372" customWidth="1"/>
    <col min="14347" max="14347" width="17.109375" style="372" customWidth="1"/>
    <col min="14348" max="14592" width="9" style="372"/>
    <col min="14593" max="14593" width="1.6640625" style="372" customWidth="1"/>
    <col min="14594" max="14594" width="3.44140625" style="372" customWidth="1"/>
    <col min="14595" max="14596" width="9" style="372" customWidth="1"/>
    <col min="14597" max="14598" width="8.44140625" style="372" customWidth="1"/>
    <col min="14599" max="14599" width="8.33203125" style="372" customWidth="1"/>
    <col min="14600" max="14600" width="7.33203125" style="372" customWidth="1"/>
    <col min="14601" max="14602" width="10" style="372" customWidth="1"/>
    <col min="14603" max="14603" width="17.109375" style="372" customWidth="1"/>
    <col min="14604" max="14848" width="9" style="372"/>
    <col min="14849" max="14849" width="1.6640625" style="372" customWidth="1"/>
    <col min="14850" max="14850" width="3.44140625" style="372" customWidth="1"/>
    <col min="14851" max="14852" width="9" style="372" customWidth="1"/>
    <col min="14853" max="14854" width="8.44140625" style="372" customWidth="1"/>
    <col min="14855" max="14855" width="8.33203125" style="372" customWidth="1"/>
    <col min="14856" max="14856" width="7.33203125" style="372" customWidth="1"/>
    <col min="14857" max="14858" width="10" style="372" customWidth="1"/>
    <col min="14859" max="14859" width="17.109375" style="372" customWidth="1"/>
    <col min="14860" max="15104" width="9" style="372"/>
    <col min="15105" max="15105" width="1.6640625" style="372" customWidth="1"/>
    <col min="15106" max="15106" width="3.44140625" style="372" customWidth="1"/>
    <col min="15107" max="15108" width="9" style="372" customWidth="1"/>
    <col min="15109" max="15110" width="8.44140625" style="372" customWidth="1"/>
    <col min="15111" max="15111" width="8.33203125" style="372" customWidth="1"/>
    <col min="15112" max="15112" width="7.33203125" style="372" customWidth="1"/>
    <col min="15113" max="15114" width="10" style="372" customWidth="1"/>
    <col min="15115" max="15115" width="17.109375" style="372" customWidth="1"/>
    <col min="15116" max="15360" width="9" style="372"/>
    <col min="15361" max="15361" width="1.6640625" style="372" customWidth="1"/>
    <col min="15362" max="15362" width="3.44140625" style="372" customWidth="1"/>
    <col min="15363" max="15364" width="9" style="372" customWidth="1"/>
    <col min="15365" max="15366" width="8.44140625" style="372" customWidth="1"/>
    <col min="15367" max="15367" width="8.33203125" style="372" customWidth="1"/>
    <col min="15368" max="15368" width="7.33203125" style="372" customWidth="1"/>
    <col min="15369" max="15370" width="10" style="372" customWidth="1"/>
    <col min="15371" max="15371" width="17.109375" style="372" customWidth="1"/>
    <col min="15372" max="15616" width="9" style="372"/>
    <col min="15617" max="15617" width="1.6640625" style="372" customWidth="1"/>
    <col min="15618" max="15618" width="3.44140625" style="372" customWidth="1"/>
    <col min="15619" max="15620" width="9" style="372" customWidth="1"/>
    <col min="15621" max="15622" width="8.44140625" style="372" customWidth="1"/>
    <col min="15623" max="15623" width="8.33203125" style="372" customWidth="1"/>
    <col min="15624" max="15624" width="7.33203125" style="372" customWidth="1"/>
    <col min="15625" max="15626" width="10" style="372" customWidth="1"/>
    <col min="15627" max="15627" width="17.109375" style="372" customWidth="1"/>
    <col min="15628" max="15872" width="9" style="372"/>
    <col min="15873" max="15873" width="1.6640625" style="372" customWidth="1"/>
    <col min="15874" max="15874" width="3.44140625" style="372" customWidth="1"/>
    <col min="15875" max="15876" width="9" style="372" customWidth="1"/>
    <col min="15877" max="15878" width="8.44140625" style="372" customWidth="1"/>
    <col min="15879" max="15879" width="8.33203125" style="372" customWidth="1"/>
    <col min="15880" max="15880" width="7.33203125" style="372" customWidth="1"/>
    <col min="15881" max="15882" width="10" style="372" customWidth="1"/>
    <col min="15883" max="15883" width="17.109375" style="372" customWidth="1"/>
    <col min="15884" max="16128" width="9" style="372"/>
    <col min="16129" max="16129" width="1.6640625" style="372" customWidth="1"/>
    <col min="16130" max="16130" width="3.44140625" style="372" customWidth="1"/>
    <col min="16131" max="16132" width="9" style="372" customWidth="1"/>
    <col min="16133" max="16134" width="8.44140625" style="372" customWidth="1"/>
    <col min="16135" max="16135" width="8.33203125" style="372" customWidth="1"/>
    <col min="16136" max="16136" width="7.33203125" style="372" customWidth="1"/>
    <col min="16137" max="16138" width="10" style="372" customWidth="1"/>
    <col min="16139" max="16139" width="17.109375" style="372" customWidth="1"/>
    <col min="16140" max="16384" width="9" style="372"/>
  </cols>
  <sheetData>
    <row r="1" spans="2:11" ht="18" customHeight="1" thickBot="1" x14ac:dyDescent="0.25">
      <c r="C1" s="411" t="s">
        <v>743</v>
      </c>
      <c r="D1" s="410" t="s">
        <v>585</v>
      </c>
      <c r="H1" s="2575" t="s">
        <v>737</v>
      </c>
      <c r="I1" s="2575"/>
      <c r="J1" s="2575"/>
      <c r="K1" s="2575"/>
    </row>
    <row r="2" spans="2:11" ht="41.25" customHeight="1" x14ac:dyDescent="0.2">
      <c r="B2" s="2577" t="s">
        <v>742</v>
      </c>
      <c r="C2" s="2578"/>
      <c r="D2" s="2578"/>
      <c r="E2" s="2578"/>
      <c r="F2" s="2578"/>
      <c r="G2" s="2578"/>
      <c r="H2" s="2578"/>
      <c r="I2" s="2578"/>
      <c r="J2" s="2578"/>
      <c r="K2" s="2578"/>
    </row>
    <row r="3" spans="2:11" ht="6" customHeight="1" x14ac:dyDescent="0.2">
      <c r="B3" s="2594"/>
      <c r="C3" s="2594"/>
      <c r="D3" s="2594"/>
      <c r="E3" s="2595"/>
      <c r="F3" s="2574"/>
      <c r="G3" s="407"/>
    </row>
    <row r="4" spans="2:11" ht="15" customHeight="1" x14ac:dyDescent="0.2">
      <c r="B4" s="2594"/>
      <c r="C4" s="2594"/>
      <c r="D4" s="2594"/>
      <c r="E4" s="2595"/>
      <c r="F4" s="2574"/>
      <c r="G4" s="407"/>
      <c r="H4" s="2631" t="s">
        <v>583</v>
      </c>
      <c r="I4" s="2631"/>
      <c r="J4" s="2608"/>
      <c r="K4" s="2608"/>
    </row>
    <row r="5" spans="2:11" ht="15" customHeight="1" x14ac:dyDescent="0.2">
      <c r="B5" s="2594"/>
      <c r="C5" s="2594"/>
      <c r="D5" s="2594"/>
      <c r="E5" s="2595"/>
      <c r="F5" s="2574"/>
      <c r="G5" s="406"/>
      <c r="H5" s="2631"/>
      <c r="I5" s="2631"/>
      <c r="J5" s="2608"/>
      <c r="K5" s="2608"/>
    </row>
    <row r="6" spans="2:11" ht="6" customHeight="1" thickBot="1" x14ac:dyDescent="0.25">
      <c r="B6" s="400"/>
      <c r="C6" s="400"/>
      <c r="D6" s="400"/>
      <c r="E6" s="400"/>
      <c r="F6" s="400"/>
      <c r="G6" s="400"/>
      <c r="H6" s="400"/>
      <c r="I6" s="400"/>
      <c r="J6" s="400"/>
      <c r="K6" s="400"/>
    </row>
    <row r="7" spans="2:11" s="400" customFormat="1" ht="24.75" customHeight="1" x14ac:dyDescent="0.2">
      <c r="B7" s="402"/>
      <c r="C7" s="2547" t="s">
        <v>54</v>
      </c>
      <c r="D7" s="2547"/>
      <c r="E7" s="2547" t="s">
        <v>735</v>
      </c>
      <c r="F7" s="2547"/>
      <c r="G7" s="2547" t="s">
        <v>186</v>
      </c>
      <c r="H7" s="2600"/>
      <c r="I7" s="2629" t="s">
        <v>741</v>
      </c>
      <c r="J7" s="2630"/>
      <c r="K7" s="405" t="s">
        <v>413</v>
      </c>
    </row>
    <row r="8" spans="2:11" s="400" customFormat="1" ht="17.25" customHeight="1" x14ac:dyDescent="0.2">
      <c r="B8" s="402">
        <f t="shared" ref="B8:B47" si="0">ROW()-7</f>
        <v>1</v>
      </c>
      <c r="C8" s="2603"/>
      <c r="D8" s="2603"/>
      <c r="E8" s="2604"/>
      <c r="F8" s="2605"/>
      <c r="G8" s="2603"/>
      <c r="H8" s="2596"/>
      <c r="I8" s="2598"/>
      <c r="J8" s="2606"/>
      <c r="K8" s="403"/>
    </row>
    <row r="9" spans="2:11" s="400" customFormat="1" ht="17.25" customHeight="1" x14ac:dyDescent="0.2">
      <c r="B9" s="402">
        <f t="shared" si="0"/>
        <v>2</v>
      </c>
      <c r="C9" s="2603"/>
      <c r="D9" s="2603"/>
      <c r="E9" s="2604"/>
      <c r="F9" s="2605"/>
      <c r="G9" s="2603"/>
      <c r="H9" s="2596"/>
      <c r="I9" s="2598"/>
      <c r="J9" s="2606"/>
      <c r="K9" s="403"/>
    </row>
    <row r="10" spans="2:11" s="400" customFormat="1" ht="17.25" customHeight="1" x14ac:dyDescent="0.2">
      <c r="B10" s="402">
        <f t="shared" si="0"/>
        <v>3</v>
      </c>
      <c r="C10" s="2596"/>
      <c r="D10" s="2609"/>
      <c r="E10" s="2610"/>
      <c r="F10" s="2611"/>
      <c r="G10" s="2596"/>
      <c r="H10" s="2597"/>
      <c r="I10" s="2598"/>
      <c r="J10" s="2599"/>
      <c r="K10" s="403"/>
    </row>
    <row r="11" spans="2:11" s="400" customFormat="1" ht="17.25" customHeight="1" x14ac:dyDescent="0.2">
      <c r="B11" s="402">
        <f t="shared" si="0"/>
        <v>4</v>
      </c>
      <c r="C11" s="2596"/>
      <c r="D11" s="2609"/>
      <c r="E11" s="2610"/>
      <c r="F11" s="2611"/>
      <c r="G11" s="2596"/>
      <c r="H11" s="2597"/>
      <c r="I11" s="2598"/>
      <c r="J11" s="2599"/>
      <c r="K11" s="403"/>
    </row>
    <row r="12" spans="2:11" s="400" customFormat="1" ht="17.25" customHeight="1" x14ac:dyDescent="0.2">
      <c r="B12" s="402">
        <f t="shared" si="0"/>
        <v>5</v>
      </c>
      <c r="C12" s="2596"/>
      <c r="D12" s="2609"/>
      <c r="E12" s="2610"/>
      <c r="F12" s="2611"/>
      <c r="G12" s="2596"/>
      <c r="H12" s="2597"/>
      <c r="I12" s="2598"/>
      <c r="J12" s="2599"/>
      <c r="K12" s="403"/>
    </row>
    <row r="13" spans="2:11" s="400" customFormat="1" ht="17.25" customHeight="1" x14ac:dyDescent="0.2">
      <c r="B13" s="402">
        <f t="shared" si="0"/>
        <v>6</v>
      </c>
      <c r="C13" s="2596"/>
      <c r="D13" s="2609"/>
      <c r="E13" s="2610"/>
      <c r="F13" s="2611"/>
      <c r="G13" s="2596"/>
      <c r="H13" s="2597"/>
      <c r="I13" s="2598"/>
      <c r="J13" s="2599"/>
      <c r="K13" s="401"/>
    </row>
    <row r="14" spans="2:11" s="400" customFormat="1" ht="17.25" customHeight="1" x14ac:dyDescent="0.2">
      <c r="B14" s="402">
        <f t="shared" si="0"/>
        <v>7</v>
      </c>
      <c r="C14" s="2603"/>
      <c r="D14" s="2603"/>
      <c r="E14" s="2603"/>
      <c r="F14" s="2603"/>
      <c r="G14" s="2603"/>
      <c r="H14" s="2596"/>
      <c r="I14" s="2612"/>
      <c r="J14" s="2613"/>
      <c r="K14" s="404"/>
    </row>
    <row r="15" spans="2:11" s="400" customFormat="1" ht="17.25" customHeight="1" x14ac:dyDescent="0.2">
      <c r="B15" s="402">
        <f t="shared" si="0"/>
        <v>8</v>
      </c>
      <c r="C15" s="2603"/>
      <c r="D15" s="2603"/>
      <c r="E15" s="2603"/>
      <c r="F15" s="2603"/>
      <c r="G15" s="2603"/>
      <c r="H15" s="2596"/>
      <c r="I15" s="2614"/>
      <c r="J15" s="2606"/>
      <c r="K15" s="401"/>
    </row>
    <row r="16" spans="2:11" s="400" customFormat="1" ht="17.25" customHeight="1" x14ac:dyDescent="0.2">
      <c r="B16" s="402">
        <f t="shared" si="0"/>
        <v>9</v>
      </c>
      <c r="C16" s="2603"/>
      <c r="D16" s="2603"/>
      <c r="E16" s="2603"/>
      <c r="F16" s="2603"/>
      <c r="G16" s="2603"/>
      <c r="H16" s="2596"/>
      <c r="I16" s="2614"/>
      <c r="J16" s="2606"/>
      <c r="K16" s="401"/>
    </row>
    <row r="17" spans="2:11" s="400" customFormat="1" ht="17.25" customHeight="1" x14ac:dyDescent="0.2">
      <c r="B17" s="402">
        <f t="shared" si="0"/>
        <v>10</v>
      </c>
      <c r="C17" s="2603"/>
      <c r="D17" s="2603"/>
      <c r="E17" s="2603"/>
      <c r="F17" s="2603"/>
      <c r="G17" s="2603"/>
      <c r="H17" s="2596"/>
      <c r="I17" s="2615"/>
      <c r="J17" s="2616"/>
      <c r="K17" s="401"/>
    </row>
    <row r="18" spans="2:11" s="400" customFormat="1" ht="17.25" customHeight="1" x14ac:dyDescent="0.2">
      <c r="B18" s="402">
        <f t="shared" si="0"/>
        <v>11</v>
      </c>
      <c r="C18" s="2596"/>
      <c r="D18" s="2609"/>
      <c r="E18" s="2610"/>
      <c r="F18" s="2611"/>
      <c r="G18" s="2603"/>
      <c r="H18" s="2596"/>
      <c r="I18" s="2598"/>
      <c r="J18" s="2599"/>
      <c r="K18" s="403"/>
    </row>
    <row r="19" spans="2:11" s="400" customFormat="1" ht="17.25" customHeight="1" x14ac:dyDescent="0.2">
      <c r="B19" s="402">
        <f t="shared" si="0"/>
        <v>12</v>
      </c>
      <c r="C19" s="2603"/>
      <c r="D19" s="2603"/>
      <c r="E19" s="2604"/>
      <c r="F19" s="2605"/>
      <c r="G19" s="2603"/>
      <c r="H19" s="2596"/>
      <c r="I19" s="2598"/>
      <c r="J19" s="2606"/>
      <c r="K19" s="403"/>
    </row>
    <row r="20" spans="2:11" s="400" customFormat="1" ht="17.25" customHeight="1" x14ac:dyDescent="0.2">
      <c r="B20" s="402">
        <f t="shared" si="0"/>
        <v>13</v>
      </c>
      <c r="C20" s="2596"/>
      <c r="D20" s="2609"/>
      <c r="E20" s="2610"/>
      <c r="F20" s="2611"/>
      <c r="G20" s="2596"/>
      <c r="H20" s="2597"/>
      <c r="I20" s="2598"/>
      <c r="J20" s="2599"/>
      <c r="K20" s="403"/>
    </row>
    <row r="21" spans="2:11" s="400" customFormat="1" ht="17.25" customHeight="1" x14ac:dyDescent="0.2">
      <c r="B21" s="402">
        <f t="shared" si="0"/>
        <v>14</v>
      </c>
      <c r="C21" s="2603"/>
      <c r="D21" s="2603"/>
      <c r="E21" s="2604"/>
      <c r="F21" s="2605"/>
      <c r="G21" s="2603"/>
      <c r="H21" s="2596"/>
      <c r="I21" s="2598"/>
      <c r="J21" s="2606"/>
      <c r="K21" s="403"/>
    </row>
    <row r="22" spans="2:11" s="400" customFormat="1" ht="17.25" customHeight="1" x14ac:dyDescent="0.2">
      <c r="B22" s="402">
        <f t="shared" si="0"/>
        <v>15</v>
      </c>
      <c r="C22" s="2603"/>
      <c r="D22" s="2603"/>
      <c r="E22" s="2610"/>
      <c r="F22" s="2617"/>
      <c r="G22" s="2603"/>
      <c r="H22" s="2596"/>
      <c r="I22" s="2598"/>
      <c r="J22" s="2606"/>
      <c r="K22" s="401"/>
    </row>
    <row r="23" spans="2:11" s="400" customFormat="1" ht="17.25" customHeight="1" x14ac:dyDescent="0.2">
      <c r="B23" s="402">
        <f t="shared" si="0"/>
        <v>16</v>
      </c>
      <c r="C23" s="2603"/>
      <c r="D23" s="2603"/>
      <c r="E23" s="2618"/>
      <c r="F23" s="2603"/>
      <c r="G23" s="2603"/>
      <c r="H23" s="2596"/>
      <c r="I23" s="2598"/>
      <c r="J23" s="2606"/>
      <c r="K23" s="401"/>
    </row>
    <row r="24" spans="2:11" s="400" customFormat="1" ht="17.25" customHeight="1" x14ac:dyDescent="0.2">
      <c r="B24" s="402">
        <f t="shared" si="0"/>
        <v>17</v>
      </c>
      <c r="C24" s="2603"/>
      <c r="D24" s="2603"/>
      <c r="E24" s="2603"/>
      <c r="F24" s="2603"/>
      <c r="G24" s="2603"/>
      <c r="H24" s="2596"/>
      <c r="I24" s="2598"/>
      <c r="J24" s="2606"/>
      <c r="K24" s="401"/>
    </row>
    <row r="25" spans="2:11" s="400" customFormat="1" ht="17.25" customHeight="1" x14ac:dyDescent="0.2">
      <c r="B25" s="402">
        <f t="shared" si="0"/>
        <v>18</v>
      </c>
      <c r="C25" s="2603"/>
      <c r="D25" s="2603"/>
      <c r="E25" s="2603"/>
      <c r="F25" s="2603"/>
      <c r="G25" s="2603"/>
      <c r="H25" s="2596"/>
      <c r="I25" s="2598"/>
      <c r="J25" s="2606"/>
      <c r="K25" s="401"/>
    </row>
    <row r="26" spans="2:11" s="400" customFormat="1" ht="17.25" customHeight="1" x14ac:dyDescent="0.2">
      <c r="B26" s="402">
        <f t="shared" si="0"/>
        <v>19</v>
      </c>
      <c r="C26" s="2603"/>
      <c r="D26" s="2603"/>
      <c r="E26" s="2603"/>
      <c r="F26" s="2603"/>
      <c r="G26" s="2603"/>
      <c r="H26" s="2596"/>
      <c r="I26" s="2598"/>
      <c r="J26" s="2606"/>
      <c r="K26" s="401"/>
    </row>
    <row r="27" spans="2:11" s="400" customFormat="1" ht="17.25" customHeight="1" x14ac:dyDescent="0.2">
      <c r="B27" s="402">
        <f t="shared" si="0"/>
        <v>20</v>
      </c>
      <c r="C27" s="2603"/>
      <c r="D27" s="2603"/>
      <c r="E27" s="2603"/>
      <c r="F27" s="2603"/>
      <c r="G27" s="2603"/>
      <c r="H27" s="2596"/>
      <c r="I27" s="2598"/>
      <c r="J27" s="2606"/>
      <c r="K27" s="401"/>
    </row>
    <row r="28" spans="2:11" s="400" customFormat="1" ht="17.25" customHeight="1" x14ac:dyDescent="0.2">
      <c r="B28" s="402">
        <f t="shared" si="0"/>
        <v>21</v>
      </c>
      <c r="C28" s="2603"/>
      <c r="D28" s="2603"/>
      <c r="E28" s="2619"/>
      <c r="F28" s="2620"/>
      <c r="G28" s="2603"/>
      <c r="H28" s="2596"/>
      <c r="I28" s="2621"/>
      <c r="J28" s="2622"/>
      <c r="K28" s="403"/>
    </row>
    <row r="29" spans="2:11" s="400" customFormat="1" ht="17.25" customHeight="1" x14ac:dyDescent="0.2">
      <c r="B29" s="402">
        <f t="shared" si="0"/>
        <v>22</v>
      </c>
      <c r="C29" s="2603"/>
      <c r="D29" s="2603"/>
      <c r="E29" s="2619"/>
      <c r="F29" s="2620"/>
      <c r="G29" s="2603"/>
      <c r="H29" s="2596"/>
      <c r="I29" s="2598"/>
      <c r="J29" s="2606"/>
      <c r="K29" s="403"/>
    </row>
    <row r="30" spans="2:11" s="400" customFormat="1" ht="17.25" customHeight="1" x14ac:dyDescent="0.2">
      <c r="B30" s="402">
        <f t="shared" si="0"/>
        <v>23</v>
      </c>
      <c r="C30" s="2603"/>
      <c r="D30" s="2603"/>
      <c r="E30" s="2619"/>
      <c r="F30" s="2620"/>
      <c r="G30" s="2603"/>
      <c r="H30" s="2596"/>
      <c r="I30" s="2598"/>
      <c r="J30" s="2606"/>
      <c r="K30" s="403"/>
    </row>
    <row r="31" spans="2:11" s="400" customFormat="1" ht="17.25" customHeight="1" x14ac:dyDescent="0.2">
      <c r="B31" s="402">
        <f t="shared" si="0"/>
        <v>24</v>
      </c>
      <c r="C31" s="2603"/>
      <c r="D31" s="2603"/>
      <c r="E31" s="2619"/>
      <c r="F31" s="2620"/>
      <c r="G31" s="2603"/>
      <c r="H31" s="2596"/>
      <c r="I31" s="2598"/>
      <c r="J31" s="2606"/>
      <c r="K31" s="403"/>
    </row>
    <row r="32" spans="2:11" s="400" customFormat="1" ht="17.25" customHeight="1" x14ac:dyDescent="0.2">
      <c r="B32" s="402">
        <f t="shared" si="0"/>
        <v>25</v>
      </c>
      <c r="C32" s="2603"/>
      <c r="D32" s="2603"/>
      <c r="E32" s="2619"/>
      <c r="F32" s="2620"/>
      <c r="G32" s="2603"/>
      <c r="H32" s="2596"/>
      <c r="I32" s="2598"/>
      <c r="J32" s="2606"/>
      <c r="K32" s="403"/>
    </row>
    <row r="33" spans="2:11" s="400" customFormat="1" ht="17.25" customHeight="1" x14ac:dyDescent="0.2">
      <c r="B33" s="402">
        <f t="shared" si="0"/>
        <v>26</v>
      </c>
      <c r="C33" s="2603"/>
      <c r="D33" s="2603"/>
      <c r="E33" s="2619"/>
      <c r="F33" s="2620"/>
      <c r="G33" s="2603"/>
      <c r="H33" s="2596"/>
      <c r="I33" s="2598"/>
      <c r="J33" s="2606"/>
      <c r="K33" s="403"/>
    </row>
    <row r="34" spans="2:11" s="400" customFormat="1" ht="17.25" customHeight="1" x14ac:dyDescent="0.2">
      <c r="B34" s="402">
        <f t="shared" si="0"/>
        <v>27</v>
      </c>
      <c r="C34" s="2603"/>
      <c r="D34" s="2603"/>
      <c r="E34" s="2619"/>
      <c r="F34" s="2620"/>
      <c r="G34" s="2603"/>
      <c r="H34" s="2596"/>
      <c r="I34" s="2598"/>
      <c r="J34" s="2606"/>
      <c r="K34" s="403"/>
    </row>
    <row r="35" spans="2:11" s="400" customFormat="1" ht="17.25" customHeight="1" x14ac:dyDescent="0.2">
      <c r="B35" s="402">
        <f t="shared" si="0"/>
        <v>28</v>
      </c>
      <c r="C35" s="2603"/>
      <c r="D35" s="2603"/>
      <c r="E35" s="2619"/>
      <c r="F35" s="2620"/>
      <c r="G35" s="2603"/>
      <c r="H35" s="2596"/>
      <c r="I35" s="2598"/>
      <c r="J35" s="2606"/>
      <c r="K35" s="403"/>
    </row>
    <row r="36" spans="2:11" s="400" customFormat="1" ht="17.25" customHeight="1" x14ac:dyDescent="0.2">
      <c r="B36" s="402">
        <f t="shared" si="0"/>
        <v>29</v>
      </c>
      <c r="C36" s="2603"/>
      <c r="D36" s="2603"/>
      <c r="E36" s="2619"/>
      <c r="F36" s="2620"/>
      <c r="G36" s="2603"/>
      <c r="H36" s="2596"/>
      <c r="I36" s="2598"/>
      <c r="J36" s="2606"/>
      <c r="K36" s="403"/>
    </row>
    <row r="37" spans="2:11" s="400" customFormat="1" ht="17.25" customHeight="1" x14ac:dyDescent="0.2">
      <c r="B37" s="402">
        <f t="shared" si="0"/>
        <v>30</v>
      </c>
      <c r="C37" s="2603"/>
      <c r="D37" s="2603"/>
      <c r="E37" s="2619"/>
      <c r="F37" s="2620"/>
      <c r="G37" s="2603"/>
      <c r="H37" s="2596"/>
      <c r="I37" s="2598"/>
      <c r="J37" s="2606"/>
      <c r="K37" s="403"/>
    </row>
    <row r="38" spans="2:11" s="400" customFormat="1" ht="17.25" customHeight="1" x14ac:dyDescent="0.2">
      <c r="B38" s="402">
        <f t="shared" si="0"/>
        <v>31</v>
      </c>
      <c r="C38" s="2603"/>
      <c r="D38" s="2603"/>
      <c r="E38" s="2619"/>
      <c r="F38" s="2620"/>
      <c r="G38" s="2603"/>
      <c r="H38" s="2596"/>
      <c r="I38" s="2598"/>
      <c r="J38" s="2606"/>
      <c r="K38" s="403"/>
    </row>
    <row r="39" spans="2:11" s="400" customFormat="1" ht="17.25" customHeight="1" x14ac:dyDescent="0.2">
      <c r="B39" s="402">
        <f t="shared" si="0"/>
        <v>32</v>
      </c>
      <c r="C39" s="2603"/>
      <c r="D39" s="2603"/>
      <c r="E39" s="2619"/>
      <c r="F39" s="2620"/>
      <c r="G39" s="2603"/>
      <c r="H39" s="2596"/>
      <c r="I39" s="2598"/>
      <c r="J39" s="2606"/>
      <c r="K39" s="403"/>
    </row>
    <row r="40" spans="2:11" s="400" customFormat="1" ht="17.25" customHeight="1" x14ac:dyDescent="0.2">
      <c r="B40" s="402">
        <f t="shared" si="0"/>
        <v>33</v>
      </c>
      <c r="C40" s="2603"/>
      <c r="D40" s="2603"/>
      <c r="E40" s="2619"/>
      <c r="F40" s="2620"/>
      <c r="G40" s="2603"/>
      <c r="H40" s="2596"/>
      <c r="I40" s="2598"/>
      <c r="J40" s="2606"/>
      <c r="K40" s="403"/>
    </row>
    <row r="41" spans="2:11" s="400" customFormat="1" ht="17.25" customHeight="1" x14ac:dyDescent="0.2">
      <c r="B41" s="402">
        <f t="shared" si="0"/>
        <v>34</v>
      </c>
      <c r="C41" s="2603"/>
      <c r="D41" s="2603"/>
      <c r="E41" s="2619"/>
      <c r="F41" s="2620"/>
      <c r="G41" s="2603"/>
      <c r="H41" s="2596"/>
      <c r="I41" s="2598"/>
      <c r="J41" s="2606"/>
      <c r="K41" s="401"/>
    </row>
    <row r="42" spans="2:11" s="400" customFormat="1" ht="17.25" customHeight="1" x14ac:dyDescent="0.2">
      <c r="B42" s="402">
        <f t="shared" si="0"/>
        <v>35</v>
      </c>
      <c r="C42" s="2603"/>
      <c r="D42" s="2603"/>
      <c r="E42" s="2619"/>
      <c r="F42" s="2620"/>
      <c r="G42" s="2603"/>
      <c r="H42" s="2596"/>
      <c r="I42" s="2598"/>
      <c r="J42" s="2606"/>
      <c r="K42" s="401"/>
    </row>
    <row r="43" spans="2:11" s="400" customFormat="1" ht="17.25" customHeight="1" x14ac:dyDescent="0.2">
      <c r="B43" s="402">
        <f t="shared" si="0"/>
        <v>36</v>
      </c>
      <c r="C43" s="2603"/>
      <c r="D43" s="2603"/>
      <c r="E43" s="2603"/>
      <c r="F43" s="2603"/>
      <c r="G43" s="2603"/>
      <c r="H43" s="2596"/>
      <c r="I43" s="2598"/>
      <c r="J43" s="2606"/>
      <c r="K43" s="401"/>
    </row>
    <row r="44" spans="2:11" s="400" customFormat="1" ht="17.25" customHeight="1" x14ac:dyDescent="0.2">
      <c r="B44" s="402">
        <f t="shared" si="0"/>
        <v>37</v>
      </c>
      <c r="C44" s="2603"/>
      <c r="D44" s="2603"/>
      <c r="E44" s="2603"/>
      <c r="F44" s="2603"/>
      <c r="G44" s="2603"/>
      <c r="H44" s="2596"/>
      <c r="I44" s="2598"/>
      <c r="J44" s="2606"/>
      <c r="K44" s="401"/>
    </row>
    <row r="45" spans="2:11" s="400" customFormat="1" ht="17.25" customHeight="1" x14ac:dyDescent="0.2">
      <c r="B45" s="402">
        <f t="shared" si="0"/>
        <v>38</v>
      </c>
      <c r="C45" s="2603"/>
      <c r="D45" s="2603"/>
      <c r="E45" s="2603"/>
      <c r="F45" s="2603"/>
      <c r="G45" s="2603"/>
      <c r="H45" s="2596"/>
      <c r="I45" s="2598"/>
      <c r="J45" s="2606"/>
      <c r="K45" s="401"/>
    </row>
    <row r="46" spans="2:11" s="400" customFormat="1" ht="17.25" customHeight="1" x14ac:dyDescent="0.2">
      <c r="B46" s="402">
        <f t="shared" si="0"/>
        <v>39</v>
      </c>
      <c r="C46" s="2603"/>
      <c r="D46" s="2603"/>
      <c r="E46" s="2603"/>
      <c r="F46" s="2603"/>
      <c r="G46" s="2603"/>
      <c r="H46" s="2596"/>
      <c r="I46" s="2598"/>
      <c r="J46" s="2606"/>
      <c r="K46" s="401"/>
    </row>
    <row r="47" spans="2:11" s="400" customFormat="1" ht="17.25" customHeight="1" thickBot="1" x14ac:dyDescent="0.25">
      <c r="B47" s="402">
        <f t="shared" si="0"/>
        <v>40</v>
      </c>
      <c r="C47" s="2603"/>
      <c r="D47" s="2603"/>
      <c r="E47" s="2603"/>
      <c r="F47" s="2603"/>
      <c r="G47" s="2603"/>
      <c r="H47" s="2596"/>
      <c r="I47" s="2623"/>
      <c r="J47" s="2624"/>
      <c r="K47" s="401"/>
    </row>
    <row r="48" spans="2:11" ht="13.5" customHeight="1" x14ac:dyDescent="0.2">
      <c r="B48" s="2625" t="s">
        <v>582</v>
      </c>
      <c r="C48" s="2626"/>
      <c r="D48" s="2626"/>
      <c r="E48" s="2626"/>
      <c r="F48" s="2626"/>
      <c r="G48" s="2626"/>
      <c r="H48" s="2626"/>
      <c r="I48" s="2626"/>
      <c r="J48" s="2626"/>
      <c r="K48" s="2626"/>
    </row>
    <row r="49" spans="2:11" ht="13.5" customHeight="1" x14ac:dyDescent="0.2">
      <c r="B49" s="2626"/>
      <c r="C49" s="2626"/>
      <c r="D49" s="2626"/>
      <c r="E49" s="2626"/>
      <c r="F49" s="2626"/>
      <c r="G49" s="2626"/>
      <c r="H49" s="2626"/>
      <c r="I49" s="2626"/>
      <c r="J49" s="2626"/>
      <c r="K49" s="2626"/>
    </row>
  </sheetData>
  <customSheetViews>
    <customSheetView guid="{FA98832E-F01A-4598-9960-E27C2FDAB118}" showPageBreaks="1" showGridLines="0" view="pageBreakPreview">
      <selection activeCell="J20" sqref="J20"/>
      <pageMargins left="0.7" right="0.7" top="0.75" bottom="0.75" header="0.3" footer="0.3"/>
      <pageSetup paperSize="9" scale="96" orientation="portrait" r:id="rId1"/>
    </customSheetView>
    <customSheetView guid="{8494577A-77FB-45FD-BD2B-C737BCFAD5B3}" showPageBreaks="1" showGridLines="0" view="pageBreakPreview">
      <selection activeCell="J20" sqref="J20"/>
      <pageMargins left="0.7" right="0.7" top="0.75" bottom="0.75" header="0.3" footer="0.3"/>
      <pageSetup paperSize="9" scale="96" orientation="portrait" r:id="rId2"/>
    </customSheetView>
  </customSheetViews>
  <mergeCells count="175">
    <mergeCell ref="C47:D47"/>
    <mergeCell ref="E47:F47"/>
    <mergeCell ref="G47:H47"/>
    <mergeCell ref="I47:J47"/>
    <mergeCell ref="B48:K49"/>
    <mergeCell ref="C45:D45"/>
    <mergeCell ref="E45:F45"/>
    <mergeCell ref="G45:H45"/>
    <mergeCell ref="I45:J45"/>
    <mergeCell ref="C46:D46"/>
    <mergeCell ref="E46:F46"/>
    <mergeCell ref="G46:H46"/>
    <mergeCell ref="I46:J46"/>
    <mergeCell ref="C43:D43"/>
    <mergeCell ref="E43:F43"/>
    <mergeCell ref="G43:H43"/>
    <mergeCell ref="I43:J43"/>
    <mergeCell ref="C44:D44"/>
    <mergeCell ref="E44:F44"/>
    <mergeCell ref="G44:H44"/>
    <mergeCell ref="C40:D40"/>
    <mergeCell ref="E40:F40"/>
    <mergeCell ref="G40:H40"/>
    <mergeCell ref="I40:J40"/>
    <mergeCell ref="I44:J44"/>
    <mergeCell ref="C41:D41"/>
    <mergeCell ref="E41:F41"/>
    <mergeCell ref="G41:H41"/>
    <mergeCell ref="I41:J41"/>
    <mergeCell ref="C42:D42"/>
    <mergeCell ref="E42:F42"/>
    <mergeCell ref="G42:H42"/>
    <mergeCell ref="I42:J42"/>
    <mergeCell ref="C37:D37"/>
    <mergeCell ref="E37:F37"/>
    <mergeCell ref="G37:H37"/>
    <mergeCell ref="I37:J37"/>
    <mergeCell ref="C38:D38"/>
    <mergeCell ref="E38:F38"/>
    <mergeCell ref="G38:H38"/>
    <mergeCell ref="I38:J38"/>
    <mergeCell ref="C39:D39"/>
    <mergeCell ref="E39:F39"/>
    <mergeCell ref="G39:H39"/>
    <mergeCell ref="I39:J39"/>
    <mergeCell ref="C34:D34"/>
    <mergeCell ref="E34:F34"/>
    <mergeCell ref="G34:H34"/>
    <mergeCell ref="I34:J34"/>
    <mergeCell ref="C35:D35"/>
    <mergeCell ref="E35:F35"/>
    <mergeCell ref="G35:H35"/>
    <mergeCell ref="I35:J35"/>
    <mergeCell ref="C36:D36"/>
    <mergeCell ref="E36:F36"/>
    <mergeCell ref="G36:H36"/>
    <mergeCell ref="I36:J36"/>
    <mergeCell ref="C31:D31"/>
    <mergeCell ref="E31:F31"/>
    <mergeCell ref="G31:H31"/>
    <mergeCell ref="I31:J31"/>
    <mergeCell ref="C32:D32"/>
    <mergeCell ref="E32:F32"/>
    <mergeCell ref="G32:H32"/>
    <mergeCell ref="I32:J32"/>
    <mergeCell ref="C33:D33"/>
    <mergeCell ref="E33:F33"/>
    <mergeCell ref="G33:H33"/>
    <mergeCell ref="I33:J33"/>
    <mergeCell ref="C28:D28"/>
    <mergeCell ref="E28:F28"/>
    <mergeCell ref="G28:H28"/>
    <mergeCell ref="I28:J28"/>
    <mergeCell ref="C29:D29"/>
    <mergeCell ref="E29:F29"/>
    <mergeCell ref="G29:H29"/>
    <mergeCell ref="I29:J29"/>
    <mergeCell ref="C30:D30"/>
    <mergeCell ref="E30:F30"/>
    <mergeCell ref="G30:H30"/>
    <mergeCell ref="I30:J30"/>
    <mergeCell ref="C25:D25"/>
    <mergeCell ref="E25:F25"/>
    <mergeCell ref="G25:H25"/>
    <mergeCell ref="I25:J25"/>
    <mergeCell ref="C26:D26"/>
    <mergeCell ref="E26:F26"/>
    <mergeCell ref="G26:H26"/>
    <mergeCell ref="I26:J26"/>
    <mergeCell ref="C27:D27"/>
    <mergeCell ref="E27:F27"/>
    <mergeCell ref="G27:H27"/>
    <mergeCell ref="I27:J27"/>
    <mergeCell ref="C22:D22"/>
    <mergeCell ref="E22:F22"/>
    <mergeCell ref="G22:H22"/>
    <mergeCell ref="I22:J22"/>
    <mergeCell ref="C23:D23"/>
    <mergeCell ref="E23:F23"/>
    <mergeCell ref="G23:H23"/>
    <mergeCell ref="I23:J23"/>
    <mergeCell ref="C24:D24"/>
    <mergeCell ref="E24:F24"/>
    <mergeCell ref="G24:H24"/>
    <mergeCell ref="I24:J24"/>
    <mergeCell ref="C19:D19"/>
    <mergeCell ref="E19:F19"/>
    <mergeCell ref="G19:H19"/>
    <mergeCell ref="I19:J19"/>
    <mergeCell ref="C20:D20"/>
    <mergeCell ref="E20:F20"/>
    <mergeCell ref="G20:H20"/>
    <mergeCell ref="I20:J20"/>
    <mergeCell ref="C21:D21"/>
    <mergeCell ref="E21:F21"/>
    <mergeCell ref="G21:H21"/>
    <mergeCell ref="I21:J21"/>
    <mergeCell ref="C16:D16"/>
    <mergeCell ref="E16:F16"/>
    <mergeCell ref="G16:H16"/>
    <mergeCell ref="I16:J16"/>
    <mergeCell ref="C17:D17"/>
    <mergeCell ref="E17:F17"/>
    <mergeCell ref="G17:H17"/>
    <mergeCell ref="I17:J17"/>
    <mergeCell ref="C18:D18"/>
    <mergeCell ref="E18:F18"/>
    <mergeCell ref="G18:H18"/>
    <mergeCell ref="I18:J18"/>
    <mergeCell ref="C13:D13"/>
    <mergeCell ref="E13:F13"/>
    <mergeCell ref="G13:H13"/>
    <mergeCell ref="I13:J13"/>
    <mergeCell ref="C14:D14"/>
    <mergeCell ref="E14:F14"/>
    <mergeCell ref="G14:H14"/>
    <mergeCell ref="I14:J14"/>
    <mergeCell ref="C15:D15"/>
    <mergeCell ref="E15:F15"/>
    <mergeCell ref="G15:H15"/>
    <mergeCell ref="I15:J15"/>
    <mergeCell ref="C12:D12"/>
    <mergeCell ref="E12:F12"/>
    <mergeCell ref="G12:H12"/>
    <mergeCell ref="I12:J12"/>
    <mergeCell ref="C9:D9"/>
    <mergeCell ref="E9:F9"/>
    <mergeCell ref="G9:H9"/>
    <mergeCell ref="I9:J9"/>
    <mergeCell ref="C10:D10"/>
    <mergeCell ref="E10:F10"/>
    <mergeCell ref="C11:D11"/>
    <mergeCell ref="E11:F11"/>
    <mergeCell ref="G11:H11"/>
    <mergeCell ref="I11:J11"/>
    <mergeCell ref="H1:K1"/>
    <mergeCell ref="B2:K2"/>
    <mergeCell ref="B3:D3"/>
    <mergeCell ref="E3:F3"/>
    <mergeCell ref="B4:D4"/>
    <mergeCell ref="G10:H10"/>
    <mergeCell ref="I10:J10"/>
    <mergeCell ref="C7:D7"/>
    <mergeCell ref="E7:F7"/>
    <mergeCell ref="G7:H7"/>
    <mergeCell ref="I7:J7"/>
    <mergeCell ref="C8:D8"/>
    <mergeCell ref="E8:F8"/>
    <mergeCell ref="G8:H8"/>
    <mergeCell ref="I8:J8"/>
    <mergeCell ref="E4:F4"/>
    <mergeCell ref="H4:I5"/>
    <mergeCell ref="J4:K5"/>
    <mergeCell ref="B5:D5"/>
    <mergeCell ref="E5:F5"/>
  </mergeCells>
  <phoneticPr fontId="6"/>
  <pageMargins left="0.7" right="0.7" top="0.75" bottom="0.75" header="0.3" footer="0.3"/>
  <pageSetup paperSize="9" scale="96" orientation="portrait" r:id="rId3"/>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38"/>
  <sheetViews>
    <sheetView showGridLines="0" view="pageBreakPreview" zoomScale="110" zoomScaleNormal="100" zoomScaleSheetLayoutView="110" workbookViewId="0">
      <selection activeCell="G1" sqref="C1:G1"/>
    </sheetView>
  </sheetViews>
  <sheetFormatPr defaultColWidth="2.21875" defaultRowHeight="13.2" x14ac:dyDescent="0.2"/>
  <cols>
    <col min="1" max="1" width="2.21875" style="372" customWidth="1"/>
    <col min="2" max="2" width="2.21875" style="373" customWidth="1"/>
    <col min="3" max="5" width="2.21875" style="372"/>
    <col min="6" max="6" width="2.44140625" style="372" bestFit="1" customWidth="1"/>
    <col min="7" max="20" width="2.21875" style="372"/>
    <col min="21" max="21" width="2.44140625" style="372" bestFit="1" customWidth="1"/>
    <col min="22" max="26" width="2.21875" style="372"/>
    <col min="27" max="38" width="2.77734375" style="372" customWidth="1"/>
    <col min="39" max="256" width="2.21875" style="372"/>
    <col min="257" max="258" width="2.21875" style="372" customWidth="1"/>
    <col min="259" max="261" width="2.21875" style="372"/>
    <col min="262" max="262" width="2.44140625" style="372" bestFit="1" customWidth="1"/>
    <col min="263" max="276" width="2.21875" style="372"/>
    <col min="277" max="277" width="2.44140625" style="372" bestFit="1" customWidth="1"/>
    <col min="278" max="282" width="2.21875" style="372"/>
    <col min="283" max="294" width="2.77734375" style="372" customWidth="1"/>
    <col min="295" max="512" width="2.21875" style="372"/>
    <col min="513" max="514" width="2.21875" style="372" customWidth="1"/>
    <col min="515" max="517" width="2.21875" style="372"/>
    <col min="518" max="518" width="2.44140625" style="372" bestFit="1" customWidth="1"/>
    <col min="519" max="532" width="2.21875" style="372"/>
    <col min="533" max="533" width="2.44140625" style="372" bestFit="1" customWidth="1"/>
    <col min="534" max="538" width="2.21875" style="372"/>
    <col min="539" max="550" width="2.77734375" style="372" customWidth="1"/>
    <col min="551" max="768" width="2.21875" style="372"/>
    <col min="769" max="770" width="2.21875" style="372" customWidth="1"/>
    <col min="771" max="773" width="2.21875" style="372"/>
    <col min="774" max="774" width="2.44140625" style="372" bestFit="1" customWidth="1"/>
    <col min="775" max="788" width="2.21875" style="372"/>
    <col min="789" max="789" width="2.44140625" style="372" bestFit="1" customWidth="1"/>
    <col min="790" max="794" width="2.21875" style="372"/>
    <col min="795" max="806" width="2.77734375" style="372" customWidth="1"/>
    <col min="807" max="1024" width="2.21875" style="372"/>
    <col min="1025" max="1026" width="2.21875" style="372" customWidth="1"/>
    <col min="1027" max="1029" width="2.21875" style="372"/>
    <col min="1030" max="1030" width="2.44140625" style="372" bestFit="1" customWidth="1"/>
    <col min="1031" max="1044" width="2.21875" style="372"/>
    <col min="1045" max="1045" width="2.44140625" style="372" bestFit="1" customWidth="1"/>
    <col min="1046" max="1050" width="2.21875" style="372"/>
    <col min="1051" max="1062" width="2.77734375" style="372" customWidth="1"/>
    <col min="1063" max="1280" width="2.21875" style="372"/>
    <col min="1281" max="1282" width="2.21875" style="372" customWidth="1"/>
    <col min="1283" max="1285" width="2.21875" style="372"/>
    <col min="1286" max="1286" width="2.44140625" style="372" bestFit="1" customWidth="1"/>
    <col min="1287" max="1300" width="2.21875" style="372"/>
    <col min="1301" max="1301" width="2.44140625" style="372" bestFit="1" customWidth="1"/>
    <col min="1302" max="1306" width="2.21875" style="372"/>
    <col min="1307" max="1318" width="2.77734375" style="372" customWidth="1"/>
    <col min="1319" max="1536" width="2.21875" style="372"/>
    <col min="1537" max="1538" width="2.21875" style="372" customWidth="1"/>
    <col min="1539" max="1541" width="2.21875" style="372"/>
    <col min="1542" max="1542" width="2.44140625" style="372" bestFit="1" customWidth="1"/>
    <col min="1543" max="1556" width="2.21875" style="372"/>
    <col min="1557" max="1557" width="2.44140625" style="372" bestFit="1" customWidth="1"/>
    <col min="1558" max="1562" width="2.21875" style="372"/>
    <col min="1563" max="1574" width="2.77734375" style="372" customWidth="1"/>
    <col min="1575" max="1792" width="2.21875" style="372"/>
    <col min="1793" max="1794" width="2.21875" style="372" customWidth="1"/>
    <col min="1795" max="1797" width="2.21875" style="372"/>
    <col min="1798" max="1798" width="2.44140625" style="372" bestFit="1" customWidth="1"/>
    <col min="1799" max="1812" width="2.21875" style="372"/>
    <col min="1813" max="1813" width="2.44140625" style="372" bestFit="1" customWidth="1"/>
    <col min="1814" max="1818" width="2.21875" style="372"/>
    <col min="1819" max="1830" width="2.77734375" style="372" customWidth="1"/>
    <col min="1831" max="2048" width="2.21875" style="372"/>
    <col min="2049" max="2050" width="2.21875" style="372" customWidth="1"/>
    <col min="2051" max="2053" width="2.21875" style="372"/>
    <col min="2054" max="2054" width="2.44140625" style="372" bestFit="1" customWidth="1"/>
    <col min="2055" max="2068" width="2.21875" style="372"/>
    <col min="2069" max="2069" width="2.44140625" style="372" bestFit="1" customWidth="1"/>
    <col min="2070" max="2074" width="2.21875" style="372"/>
    <col min="2075" max="2086" width="2.77734375" style="372" customWidth="1"/>
    <col min="2087" max="2304" width="2.21875" style="372"/>
    <col min="2305" max="2306" width="2.21875" style="372" customWidth="1"/>
    <col min="2307" max="2309" width="2.21875" style="372"/>
    <col min="2310" max="2310" width="2.44140625" style="372" bestFit="1" customWidth="1"/>
    <col min="2311" max="2324" width="2.21875" style="372"/>
    <col min="2325" max="2325" width="2.44140625" style="372" bestFit="1" customWidth="1"/>
    <col min="2326" max="2330" width="2.21875" style="372"/>
    <col min="2331" max="2342" width="2.77734375" style="372" customWidth="1"/>
    <col min="2343" max="2560" width="2.21875" style="372"/>
    <col min="2561" max="2562" width="2.21875" style="372" customWidth="1"/>
    <col min="2563" max="2565" width="2.21875" style="372"/>
    <col min="2566" max="2566" width="2.44140625" style="372" bestFit="1" customWidth="1"/>
    <col min="2567" max="2580" width="2.21875" style="372"/>
    <col min="2581" max="2581" width="2.44140625" style="372" bestFit="1" customWidth="1"/>
    <col min="2582" max="2586" width="2.21875" style="372"/>
    <col min="2587" max="2598" width="2.77734375" style="372" customWidth="1"/>
    <col min="2599" max="2816" width="2.21875" style="372"/>
    <col min="2817" max="2818" width="2.21875" style="372" customWidth="1"/>
    <col min="2819" max="2821" width="2.21875" style="372"/>
    <col min="2822" max="2822" width="2.44140625" style="372" bestFit="1" customWidth="1"/>
    <col min="2823" max="2836" width="2.21875" style="372"/>
    <col min="2837" max="2837" width="2.44140625" style="372" bestFit="1" customWidth="1"/>
    <col min="2838" max="2842" width="2.21875" style="372"/>
    <col min="2843" max="2854" width="2.77734375" style="372" customWidth="1"/>
    <col min="2855" max="3072" width="2.21875" style="372"/>
    <col min="3073" max="3074" width="2.21875" style="372" customWidth="1"/>
    <col min="3075" max="3077" width="2.21875" style="372"/>
    <col min="3078" max="3078" width="2.44140625" style="372" bestFit="1" customWidth="1"/>
    <col min="3079" max="3092" width="2.21875" style="372"/>
    <col min="3093" max="3093" width="2.44140625" style="372" bestFit="1" customWidth="1"/>
    <col min="3094" max="3098" width="2.21875" style="372"/>
    <col min="3099" max="3110" width="2.77734375" style="372" customWidth="1"/>
    <col min="3111" max="3328" width="2.21875" style="372"/>
    <col min="3329" max="3330" width="2.21875" style="372" customWidth="1"/>
    <col min="3331" max="3333" width="2.21875" style="372"/>
    <col min="3334" max="3334" width="2.44140625" style="372" bestFit="1" customWidth="1"/>
    <col min="3335" max="3348" width="2.21875" style="372"/>
    <col min="3349" max="3349" width="2.44140625" style="372" bestFit="1" customWidth="1"/>
    <col min="3350" max="3354" width="2.21875" style="372"/>
    <col min="3355" max="3366" width="2.77734375" style="372" customWidth="1"/>
    <col min="3367" max="3584" width="2.21875" style="372"/>
    <col min="3585" max="3586" width="2.21875" style="372" customWidth="1"/>
    <col min="3587" max="3589" width="2.21875" style="372"/>
    <col min="3590" max="3590" width="2.44140625" style="372" bestFit="1" customWidth="1"/>
    <col min="3591" max="3604" width="2.21875" style="372"/>
    <col min="3605" max="3605" width="2.44140625" style="372" bestFit="1" customWidth="1"/>
    <col min="3606" max="3610" width="2.21875" style="372"/>
    <col min="3611" max="3622" width="2.77734375" style="372" customWidth="1"/>
    <col min="3623" max="3840" width="2.21875" style="372"/>
    <col min="3841" max="3842" width="2.21875" style="372" customWidth="1"/>
    <col min="3843" max="3845" width="2.21875" style="372"/>
    <col min="3846" max="3846" width="2.44140625" style="372" bestFit="1" customWidth="1"/>
    <col min="3847" max="3860" width="2.21875" style="372"/>
    <col min="3861" max="3861" width="2.44140625" style="372" bestFit="1" customWidth="1"/>
    <col min="3862" max="3866" width="2.21875" style="372"/>
    <col min="3867" max="3878" width="2.77734375" style="372" customWidth="1"/>
    <col min="3879" max="4096" width="2.21875" style="372"/>
    <col min="4097" max="4098" width="2.21875" style="372" customWidth="1"/>
    <col min="4099" max="4101" width="2.21875" style="372"/>
    <col min="4102" max="4102" width="2.44140625" style="372" bestFit="1" customWidth="1"/>
    <col min="4103" max="4116" width="2.21875" style="372"/>
    <col min="4117" max="4117" width="2.44140625" style="372" bestFit="1" customWidth="1"/>
    <col min="4118" max="4122" width="2.21875" style="372"/>
    <col min="4123" max="4134" width="2.77734375" style="372" customWidth="1"/>
    <col min="4135" max="4352" width="2.21875" style="372"/>
    <col min="4353" max="4354" width="2.21875" style="372" customWidth="1"/>
    <col min="4355" max="4357" width="2.21875" style="372"/>
    <col min="4358" max="4358" width="2.44140625" style="372" bestFit="1" customWidth="1"/>
    <col min="4359" max="4372" width="2.21875" style="372"/>
    <col min="4373" max="4373" width="2.44140625" style="372" bestFit="1" customWidth="1"/>
    <col min="4374" max="4378" width="2.21875" style="372"/>
    <col min="4379" max="4390" width="2.77734375" style="372" customWidth="1"/>
    <col min="4391" max="4608" width="2.21875" style="372"/>
    <col min="4609" max="4610" width="2.21875" style="372" customWidth="1"/>
    <col min="4611" max="4613" width="2.21875" style="372"/>
    <col min="4614" max="4614" width="2.44140625" style="372" bestFit="1" customWidth="1"/>
    <col min="4615" max="4628" width="2.21875" style="372"/>
    <col min="4629" max="4629" width="2.44140625" style="372" bestFit="1" customWidth="1"/>
    <col min="4630" max="4634" width="2.21875" style="372"/>
    <col min="4635" max="4646" width="2.77734375" style="372" customWidth="1"/>
    <col min="4647" max="4864" width="2.21875" style="372"/>
    <col min="4865" max="4866" width="2.21875" style="372" customWidth="1"/>
    <col min="4867" max="4869" width="2.21875" style="372"/>
    <col min="4870" max="4870" width="2.44140625" style="372" bestFit="1" customWidth="1"/>
    <col min="4871" max="4884" width="2.21875" style="372"/>
    <col min="4885" max="4885" width="2.44140625" style="372" bestFit="1" customWidth="1"/>
    <col min="4886" max="4890" width="2.21875" style="372"/>
    <col min="4891" max="4902" width="2.77734375" style="372" customWidth="1"/>
    <col min="4903" max="5120" width="2.21875" style="372"/>
    <col min="5121" max="5122" width="2.21875" style="372" customWidth="1"/>
    <col min="5123" max="5125" width="2.21875" style="372"/>
    <col min="5126" max="5126" width="2.44140625" style="372" bestFit="1" customWidth="1"/>
    <col min="5127" max="5140" width="2.21875" style="372"/>
    <col min="5141" max="5141" width="2.44140625" style="372" bestFit="1" customWidth="1"/>
    <col min="5142" max="5146" width="2.21875" style="372"/>
    <col min="5147" max="5158" width="2.77734375" style="372" customWidth="1"/>
    <col min="5159" max="5376" width="2.21875" style="372"/>
    <col min="5377" max="5378" width="2.21875" style="372" customWidth="1"/>
    <col min="5379" max="5381" width="2.21875" style="372"/>
    <col min="5382" max="5382" width="2.44140625" style="372" bestFit="1" customWidth="1"/>
    <col min="5383" max="5396" width="2.21875" style="372"/>
    <col min="5397" max="5397" width="2.44140625" style="372" bestFit="1" customWidth="1"/>
    <col min="5398" max="5402" width="2.21875" style="372"/>
    <col min="5403" max="5414" width="2.77734375" style="372" customWidth="1"/>
    <col min="5415" max="5632" width="2.21875" style="372"/>
    <col min="5633" max="5634" width="2.21875" style="372" customWidth="1"/>
    <col min="5635" max="5637" width="2.21875" style="372"/>
    <col min="5638" max="5638" width="2.44140625" style="372" bestFit="1" customWidth="1"/>
    <col min="5639" max="5652" width="2.21875" style="372"/>
    <col min="5653" max="5653" width="2.44140625" style="372" bestFit="1" customWidth="1"/>
    <col min="5654" max="5658" width="2.21875" style="372"/>
    <col min="5659" max="5670" width="2.77734375" style="372" customWidth="1"/>
    <col min="5671" max="5888" width="2.21875" style="372"/>
    <col min="5889" max="5890" width="2.21875" style="372" customWidth="1"/>
    <col min="5891" max="5893" width="2.21875" style="372"/>
    <col min="5894" max="5894" width="2.44140625" style="372" bestFit="1" customWidth="1"/>
    <col min="5895" max="5908" width="2.21875" style="372"/>
    <col min="5909" max="5909" width="2.44140625" style="372" bestFit="1" customWidth="1"/>
    <col min="5910" max="5914" width="2.21875" style="372"/>
    <col min="5915" max="5926" width="2.77734375" style="372" customWidth="1"/>
    <col min="5927" max="6144" width="2.21875" style="372"/>
    <col min="6145" max="6146" width="2.21875" style="372" customWidth="1"/>
    <col min="6147" max="6149" width="2.21875" style="372"/>
    <col min="6150" max="6150" width="2.44140625" style="372" bestFit="1" customWidth="1"/>
    <col min="6151" max="6164" width="2.21875" style="372"/>
    <col min="6165" max="6165" width="2.44140625" style="372" bestFit="1" customWidth="1"/>
    <col min="6166" max="6170" width="2.21875" style="372"/>
    <col min="6171" max="6182" width="2.77734375" style="372" customWidth="1"/>
    <col min="6183" max="6400" width="2.21875" style="372"/>
    <col min="6401" max="6402" width="2.21875" style="372" customWidth="1"/>
    <col min="6403" max="6405" width="2.21875" style="372"/>
    <col min="6406" max="6406" width="2.44140625" style="372" bestFit="1" customWidth="1"/>
    <col min="6407" max="6420" width="2.21875" style="372"/>
    <col min="6421" max="6421" width="2.44140625" style="372" bestFit="1" customWidth="1"/>
    <col min="6422" max="6426" width="2.21875" style="372"/>
    <col min="6427" max="6438" width="2.77734375" style="372" customWidth="1"/>
    <col min="6439" max="6656" width="2.21875" style="372"/>
    <col min="6657" max="6658" width="2.21875" style="372" customWidth="1"/>
    <col min="6659" max="6661" width="2.21875" style="372"/>
    <col min="6662" max="6662" width="2.44140625" style="372" bestFit="1" customWidth="1"/>
    <col min="6663" max="6676" width="2.21875" style="372"/>
    <col min="6677" max="6677" width="2.44140625" style="372" bestFit="1" customWidth="1"/>
    <col min="6678" max="6682" width="2.21875" style="372"/>
    <col min="6683" max="6694" width="2.77734375" style="372" customWidth="1"/>
    <col min="6695" max="6912" width="2.21875" style="372"/>
    <col min="6913" max="6914" width="2.21875" style="372" customWidth="1"/>
    <col min="6915" max="6917" width="2.21875" style="372"/>
    <col min="6918" max="6918" width="2.44140625" style="372" bestFit="1" customWidth="1"/>
    <col min="6919" max="6932" width="2.21875" style="372"/>
    <col min="6933" max="6933" width="2.44140625" style="372" bestFit="1" customWidth="1"/>
    <col min="6934" max="6938" width="2.21875" style="372"/>
    <col min="6939" max="6950" width="2.77734375" style="372" customWidth="1"/>
    <col min="6951" max="7168" width="2.21875" style="372"/>
    <col min="7169" max="7170" width="2.21875" style="372" customWidth="1"/>
    <col min="7171" max="7173" width="2.21875" style="372"/>
    <col min="7174" max="7174" width="2.44140625" style="372" bestFit="1" customWidth="1"/>
    <col min="7175" max="7188" width="2.21875" style="372"/>
    <col min="7189" max="7189" width="2.44140625" style="372" bestFit="1" customWidth="1"/>
    <col min="7190" max="7194" width="2.21875" style="372"/>
    <col min="7195" max="7206" width="2.77734375" style="372" customWidth="1"/>
    <col min="7207" max="7424" width="2.21875" style="372"/>
    <col min="7425" max="7426" width="2.21875" style="372" customWidth="1"/>
    <col min="7427" max="7429" width="2.21875" style="372"/>
    <col min="7430" max="7430" width="2.44140625" style="372" bestFit="1" customWidth="1"/>
    <col min="7431" max="7444" width="2.21875" style="372"/>
    <col min="7445" max="7445" width="2.44140625" style="372" bestFit="1" customWidth="1"/>
    <col min="7446" max="7450" width="2.21875" style="372"/>
    <col min="7451" max="7462" width="2.77734375" style="372" customWidth="1"/>
    <col min="7463" max="7680" width="2.21875" style="372"/>
    <col min="7681" max="7682" width="2.21875" style="372" customWidth="1"/>
    <col min="7683" max="7685" width="2.21875" style="372"/>
    <col min="7686" max="7686" width="2.44140625" style="372" bestFit="1" customWidth="1"/>
    <col min="7687" max="7700" width="2.21875" style="372"/>
    <col min="7701" max="7701" width="2.44140625" style="372" bestFit="1" customWidth="1"/>
    <col min="7702" max="7706" width="2.21875" style="372"/>
    <col min="7707" max="7718" width="2.77734375" style="372" customWidth="1"/>
    <col min="7719" max="7936" width="2.21875" style="372"/>
    <col min="7937" max="7938" width="2.21875" style="372" customWidth="1"/>
    <col min="7939" max="7941" width="2.21875" style="372"/>
    <col min="7942" max="7942" width="2.44140625" style="372" bestFit="1" customWidth="1"/>
    <col min="7943" max="7956" width="2.21875" style="372"/>
    <col min="7957" max="7957" width="2.44140625" style="372" bestFit="1" customWidth="1"/>
    <col min="7958" max="7962" width="2.21875" style="372"/>
    <col min="7963" max="7974" width="2.77734375" style="372" customWidth="1"/>
    <col min="7975" max="8192" width="2.21875" style="372"/>
    <col min="8193" max="8194" width="2.21875" style="372" customWidth="1"/>
    <col min="8195" max="8197" width="2.21875" style="372"/>
    <col min="8198" max="8198" width="2.44140625" style="372" bestFit="1" customWidth="1"/>
    <col min="8199" max="8212" width="2.21875" style="372"/>
    <col min="8213" max="8213" width="2.44140625" style="372" bestFit="1" customWidth="1"/>
    <col min="8214" max="8218" width="2.21875" style="372"/>
    <col min="8219" max="8230" width="2.77734375" style="372" customWidth="1"/>
    <col min="8231" max="8448" width="2.21875" style="372"/>
    <col min="8449" max="8450" width="2.21875" style="372" customWidth="1"/>
    <col min="8451" max="8453" width="2.21875" style="372"/>
    <col min="8454" max="8454" width="2.44140625" style="372" bestFit="1" customWidth="1"/>
    <col min="8455" max="8468" width="2.21875" style="372"/>
    <col min="8469" max="8469" width="2.44140625" style="372" bestFit="1" customWidth="1"/>
    <col min="8470" max="8474" width="2.21875" style="372"/>
    <col min="8475" max="8486" width="2.77734375" style="372" customWidth="1"/>
    <col min="8487" max="8704" width="2.21875" style="372"/>
    <col min="8705" max="8706" width="2.21875" style="372" customWidth="1"/>
    <col min="8707" max="8709" width="2.21875" style="372"/>
    <col min="8710" max="8710" width="2.44140625" style="372" bestFit="1" customWidth="1"/>
    <col min="8711" max="8724" width="2.21875" style="372"/>
    <col min="8725" max="8725" width="2.44140625" style="372" bestFit="1" customWidth="1"/>
    <col min="8726" max="8730" width="2.21875" style="372"/>
    <col min="8731" max="8742" width="2.77734375" style="372" customWidth="1"/>
    <col min="8743" max="8960" width="2.21875" style="372"/>
    <col min="8961" max="8962" width="2.21875" style="372" customWidth="1"/>
    <col min="8963" max="8965" width="2.21875" style="372"/>
    <col min="8966" max="8966" width="2.44140625" style="372" bestFit="1" customWidth="1"/>
    <col min="8967" max="8980" width="2.21875" style="372"/>
    <col min="8981" max="8981" width="2.44140625" style="372" bestFit="1" customWidth="1"/>
    <col min="8982" max="8986" width="2.21875" style="372"/>
    <col min="8987" max="8998" width="2.77734375" style="372" customWidth="1"/>
    <col min="8999" max="9216" width="2.21875" style="372"/>
    <col min="9217" max="9218" width="2.21875" style="372" customWidth="1"/>
    <col min="9219" max="9221" width="2.21875" style="372"/>
    <col min="9222" max="9222" width="2.44140625" style="372" bestFit="1" customWidth="1"/>
    <col min="9223" max="9236" width="2.21875" style="372"/>
    <col min="9237" max="9237" width="2.44140625" style="372" bestFit="1" customWidth="1"/>
    <col min="9238" max="9242" width="2.21875" style="372"/>
    <col min="9243" max="9254" width="2.77734375" style="372" customWidth="1"/>
    <col min="9255" max="9472" width="2.21875" style="372"/>
    <col min="9473" max="9474" width="2.21875" style="372" customWidth="1"/>
    <col min="9475" max="9477" width="2.21875" style="372"/>
    <col min="9478" max="9478" width="2.44140625" style="372" bestFit="1" customWidth="1"/>
    <col min="9479" max="9492" width="2.21875" style="372"/>
    <col min="9493" max="9493" width="2.44140625" style="372" bestFit="1" customWidth="1"/>
    <col min="9494" max="9498" width="2.21875" style="372"/>
    <col min="9499" max="9510" width="2.77734375" style="372" customWidth="1"/>
    <col min="9511" max="9728" width="2.21875" style="372"/>
    <col min="9729" max="9730" width="2.21875" style="372" customWidth="1"/>
    <col min="9731" max="9733" width="2.21875" style="372"/>
    <col min="9734" max="9734" width="2.44140625" style="372" bestFit="1" customWidth="1"/>
    <col min="9735" max="9748" width="2.21875" style="372"/>
    <col min="9749" max="9749" width="2.44140625" style="372" bestFit="1" customWidth="1"/>
    <col min="9750" max="9754" width="2.21875" style="372"/>
    <col min="9755" max="9766" width="2.77734375" style="372" customWidth="1"/>
    <col min="9767" max="9984" width="2.21875" style="372"/>
    <col min="9985" max="9986" width="2.21875" style="372" customWidth="1"/>
    <col min="9987" max="9989" width="2.21875" style="372"/>
    <col min="9990" max="9990" width="2.44140625" style="372" bestFit="1" customWidth="1"/>
    <col min="9991" max="10004" width="2.21875" style="372"/>
    <col min="10005" max="10005" width="2.44140625" style="372" bestFit="1" customWidth="1"/>
    <col min="10006" max="10010" width="2.21875" style="372"/>
    <col min="10011" max="10022" width="2.77734375" style="372" customWidth="1"/>
    <col min="10023" max="10240" width="2.21875" style="372"/>
    <col min="10241" max="10242" width="2.21875" style="372" customWidth="1"/>
    <col min="10243" max="10245" width="2.21875" style="372"/>
    <col min="10246" max="10246" width="2.44140625" style="372" bestFit="1" customWidth="1"/>
    <col min="10247" max="10260" width="2.21875" style="372"/>
    <col min="10261" max="10261" width="2.44140625" style="372" bestFit="1" customWidth="1"/>
    <col min="10262" max="10266" width="2.21875" style="372"/>
    <col min="10267" max="10278" width="2.77734375" style="372" customWidth="1"/>
    <col min="10279" max="10496" width="2.21875" style="372"/>
    <col min="10497" max="10498" width="2.21875" style="372" customWidth="1"/>
    <col min="10499" max="10501" width="2.21875" style="372"/>
    <col min="10502" max="10502" width="2.44140625" style="372" bestFit="1" customWidth="1"/>
    <col min="10503" max="10516" width="2.21875" style="372"/>
    <col min="10517" max="10517" width="2.44140625" style="372" bestFit="1" customWidth="1"/>
    <col min="10518" max="10522" width="2.21875" style="372"/>
    <col min="10523" max="10534" width="2.77734375" style="372" customWidth="1"/>
    <col min="10535" max="10752" width="2.21875" style="372"/>
    <col min="10753" max="10754" width="2.21875" style="372" customWidth="1"/>
    <col min="10755" max="10757" width="2.21875" style="372"/>
    <col min="10758" max="10758" width="2.44140625" style="372" bestFit="1" customWidth="1"/>
    <col min="10759" max="10772" width="2.21875" style="372"/>
    <col min="10773" max="10773" width="2.44140625" style="372" bestFit="1" customWidth="1"/>
    <col min="10774" max="10778" width="2.21875" style="372"/>
    <col min="10779" max="10790" width="2.77734375" style="372" customWidth="1"/>
    <col min="10791" max="11008" width="2.21875" style="372"/>
    <col min="11009" max="11010" width="2.21875" style="372" customWidth="1"/>
    <col min="11011" max="11013" width="2.21875" style="372"/>
    <col min="11014" max="11014" width="2.44140625" style="372" bestFit="1" customWidth="1"/>
    <col min="11015" max="11028" width="2.21875" style="372"/>
    <col min="11029" max="11029" width="2.44140625" style="372" bestFit="1" customWidth="1"/>
    <col min="11030" max="11034" width="2.21875" style="372"/>
    <col min="11035" max="11046" width="2.77734375" style="372" customWidth="1"/>
    <col min="11047" max="11264" width="2.21875" style="372"/>
    <col min="11265" max="11266" width="2.21875" style="372" customWidth="1"/>
    <col min="11267" max="11269" width="2.21875" style="372"/>
    <col min="11270" max="11270" width="2.44140625" style="372" bestFit="1" customWidth="1"/>
    <col min="11271" max="11284" width="2.21875" style="372"/>
    <col min="11285" max="11285" width="2.44140625" style="372" bestFit="1" customWidth="1"/>
    <col min="11286" max="11290" width="2.21875" style="372"/>
    <col min="11291" max="11302" width="2.77734375" style="372" customWidth="1"/>
    <col min="11303" max="11520" width="2.21875" style="372"/>
    <col min="11521" max="11522" width="2.21875" style="372" customWidth="1"/>
    <col min="11523" max="11525" width="2.21875" style="372"/>
    <col min="11526" max="11526" width="2.44140625" style="372" bestFit="1" customWidth="1"/>
    <col min="11527" max="11540" width="2.21875" style="372"/>
    <col min="11541" max="11541" width="2.44140625" style="372" bestFit="1" customWidth="1"/>
    <col min="11542" max="11546" width="2.21875" style="372"/>
    <col min="11547" max="11558" width="2.77734375" style="372" customWidth="1"/>
    <col min="11559" max="11776" width="2.21875" style="372"/>
    <col min="11777" max="11778" width="2.21875" style="372" customWidth="1"/>
    <col min="11779" max="11781" width="2.21875" style="372"/>
    <col min="11782" max="11782" width="2.44140625" style="372" bestFit="1" customWidth="1"/>
    <col min="11783" max="11796" width="2.21875" style="372"/>
    <col min="11797" max="11797" width="2.44140625" style="372" bestFit="1" customWidth="1"/>
    <col min="11798" max="11802" width="2.21875" style="372"/>
    <col min="11803" max="11814" width="2.77734375" style="372" customWidth="1"/>
    <col min="11815" max="12032" width="2.21875" style="372"/>
    <col min="12033" max="12034" width="2.21875" style="372" customWidth="1"/>
    <col min="12035" max="12037" width="2.21875" style="372"/>
    <col min="12038" max="12038" width="2.44140625" style="372" bestFit="1" customWidth="1"/>
    <col min="12039" max="12052" width="2.21875" style="372"/>
    <col min="12053" max="12053" width="2.44140625" style="372" bestFit="1" customWidth="1"/>
    <col min="12054" max="12058" width="2.21875" style="372"/>
    <col min="12059" max="12070" width="2.77734375" style="372" customWidth="1"/>
    <col min="12071" max="12288" width="2.21875" style="372"/>
    <col min="12289" max="12290" width="2.21875" style="372" customWidth="1"/>
    <col min="12291" max="12293" width="2.21875" style="372"/>
    <col min="12294" max="12294" width="2.44140625" style="372" bestFit="1" customWidth="1"/>
    <col min="12295" max="12308" width="2.21875" style="372"/>
    <col min="12309" max="12309" width="2.44140625" style="372" bestFit="1" customWidth="1"/>
    <col min="12310" max="12314" width="2.21875" style="372"/>
    <col min="12315" max="12326" width="2.77734375" style="372" customWidth="1"/>
    <col min="12327" max="12544" width="2.21875" style="372"/>
    <col min="12545" max="12546" width="2.21875" style="372" customWidth="1"/>
    <col min="12547" max="12549" width="2.21875" style="372"/>
    <col min="12550" max="12550" width="2.44140625" style="372" bestFit="1" customWidth="1"/>
    <col min="12551" max="12564" width="2.21875" style="372"/>
    <col min="12565" max="12565" width="2.44140625" style="372" bestFit="1" customWidth="1"/>
    <col min="12566" max="12570" width="2.21875" style="372"/>
    <col min="12571" max="12582" width="2.77734375" style="372" customWidth="1"/>
    <col min="12583" max="12800" width="2.21875" style="372"/>
    <col min="12801" max="12802" width="2.21875" style="372" customWidth="1"/>
    <col min="12803" max="12805" width="2.21875" style="372"/>
    <col min="12806" max="12806" width="2.44140625" style="372" bestFit="1" customWidth="1"/>
    <col min="12807" max="12820" width="2.21875" style="372"/>
    <col min="12821" max="12821" width="2.44140625" style="372" bestFit="1" customWidth="1"/>
    <col min="12822" max="12826" width="2.21875" style="372"/>
    <col min="12827" max="12838" width="2.77734375" style="372" customWidth="1"/>
    <col min="12839" max="13056" width="2.21875" style="372"/>
    <col min="13057" max="13058" width="2.21875" style="372" customWidth="1"/>
    <col min="13059" max="13061" width="2.21875" style="372"/>
    <col min="13062" max="13062" width="2.44140625" style="372" bestFit="1" customWidth="1"/>
    <col min="13063" max="13076" width="2.21875" style="372"/>
    <col min="13077" max="13077" width="2.44140625" style="372" bestFit="1" customWidth="1"/>
    <col min="13078" max="13082" width="2.21875" style="372"/>
    <col min="13083" max="13094" width="2.77734375" style="372" customWidth="1"/>
    <col min="13095" max="13312" width="2.21875" style="372"/>
    <col min="13313" max="13314" width="2.21875" style="372" customWidth="1"/>
    <col min="13315" max="13317" width="2.21875" style="372"/>
    <col min="13318" max="13318" width="2.44140625" style="372" bestFit="1" customWidth="1"/>
    <col min="13319" max="13332" width="2.21875" style="372"/>
    <col min="13333" max="13333" width="2.44140625" style="372" bestFit="1" customWidth="1"/>
    <col min="13334" max="13338" width="2.21875" style="372"/>
    <col min="13339" max="13350" width="2.77734375" style="372" customWidth="1"/>
    <col min="13351" max="13568" width="2.21875" style="372"/>
    <col min="13569" max="13570" width="2.21875" style="372" customWidth="1"/>
    <col min="13571" max="13573" width="2.21875" style="372"/>
    <col min="13574" max="13574" width="2.44140625" style="372" bestFit="1" customWidth="1"/>
    <col min="13575" max="13588" width="2.21875" style="372"/>
    <col min="13589" max="13589" width="2.44140625" style="372" bestFit="1" customWidth="1"/>
    <col min="13590" max="13594" width="2.21875" style="372"/>
    <col min="13595" max="13606" width="2.77734375" style="372" customWidth="1"/>
    <col min="13607" max="13824" width="2.21875" style="372"/>
    <col min="13825" max="13826" width="2.21875" style="372" customWidth="1"/>
    <col min="13827" max="13829" width="2.21875" style="372"/>
    <col min="13830" max="13830" width="2.44140625" style="372" bestFit="1" customWidth="1"/>
    <col min="13831" max="13844" width="2.21875" style="372"/>
    <col min="13845" max="13845" width="2.44140625" style="372" bestFit="1" customWidth="1"/>
    <col min="13846" max="13850" width="2.21875" style="372"/>
    <col min="13851" max="13862" width="2.77734375" style="372" customWidth="1"/>
    <col min="13863" max="14080" width="2.21875" style="372"/>
    <col min="14081" max="14082" width="2.21875" style="372" customWidth="1"/>
    <col min="14083" max="14085" width="2.21875" style="372"/>
    <col min="14086" max="14086" width="2.44140625" style="372" bestFit="1" customWidth="1"/>
    <col min="14087" max="14100" width="2.21875" style="372"/>
    <col min="14101" max="14101" width="2.44140625" style="372" bestFit="1" customWidth="1"/>
    <col min="14102" max="14106" width="2.21875" style="372"/>
    <col min="14107" max="14118" width="2.77734375" style="372" customWidth="1"/>
    <col min="14119" max="14336" width="2.21875" style="372"/>
    <col min="14337" max="14338" width="2.21875" style="372" customWidth="1"/>
    <col min="14339" max="14341" width="2.21875" style="372"/>
    <col min="14342" max="14342" width="2.44140625" style="372" bestFit="1" customWidth="1"/>
    <col min="14343" max="14356" width="2.21875" style="372"/>
    <col min="14357" max="14357" width="2.44140625" style="372" bestFit="1" customWidth="1"/>
    <col min="14358" max="14362" width="2.21875" style="372"/>
    <col min="14363" max="14374" width="2.77734375" style="372" customWidth="1"/>
    <col min="14375" max="14592" width="2.21875" style="372"/>
    <col min="14593" max="14594" width="2.21875" style="372" customWidth="1"/>
    <col min="14595" max="14597" width="2.21875" style="372"/>
    <col min="14598" max="14598" width="2.44140625" style="372" bestFit="1" customWidth="1"/>
    <col min="14599" max="14612" width="2.21875" style="372"/>
    <col min="14613" max="14613" width="2.44140625" style="372" bestFit="1" customWidth="1"/>
    <col min="14614" max="14618" width="2.21875" style="372"/>
    <col min="14619" max="14630" width="2.77734375" style="372" customWidth="1"/>
    <col min="14631" max="14848" width="2.21875" style="372"/>
    <col min="14849" max="14850" width="2.21875" style="372" customWidth="1"/>
    <col min="14851" max="14853" width="2.21875" style="372"/>
    <col min="14854" max="14854" width="2.44140625" style="372" bestFit="1" customWidth="1"/>
    <col min="14855" max="14868" width="2.21875" style="372"/>
    <col min="14869" max="14869" width="2.44140625" style="372" bestFit="1" customWidth="1"/>
    <col min="14870" max="14874" width="2.21875" style="372"/>
    <col min="14875" max="14886" width="2.77734375" style="372" customWidth="1"/>
    <col min="14887" max="15104" width="2.21875" style="372"/>
    <col min="15105" max="15106" width="2.21875" style="372" customWidth="1"/>
    <col min="15107" max="15109" width="2.21875" style="372"/>
    <col min="15110" max="15110" width="2.44140625" style="372" bestFit="1" customWidth="1"/>
    <col min="15111" max="15124" width="2.21875" style="372"/>
    <col min="15125" max="15125" width="2.44140625" style="372" bestFit="1" customWidth="1"/>
    <col min="15126" max="15130" width="2.21875" style="372"/>
    <col min="15131" max="15142" width="2.77734375" style="372" customWidth="1"/>
    <col min="15143" max="15360" width="2.21875" style="372"/>
    <col min="15361" max="15362" width="2.21875" style="372" customWidth="1"/>
    <col min="15363" max="15365" width="2.21875" style="372"/>
    <col min="15366" max="15366" width="2.44140625" style="372" bestFit="1" customWidth="1"/>
    <col min="15367" max="15380" width="2.21875" style="372"/>
    <col min="15381" max="15381" width="2.44140625" style="372" bestFit="1" customWidth="1"/>
    <col min="15382" max="15386" width="2.21875" style="372"/>
    <col min="15387" max="15398" width="2.77734375" style="372" customWidth="1"/>
    <col min="15399" max="15616" width="2.21875" style="372"/>
    <col min="15617" max="15618" width="2.21875" style="372" customWidth="1"/>
    <col min="15619" max="15621" width="2.21875" style="372"/>
    <col min="15622" max="15622" width="2.44140625" style="372" bestFit="1" customWidth="1"/>
    <col min="15623" max="15636" width="2.21875" style="372"/>
    <col min="15637" max="15637" width="2.44140625" style="372" bestFit="1" customWidth="1"/>
    <col min="15638" max="15642" width="2.21875" style="372"/>
    <col min="15643" max="15654" width="2.77734375" style="372" customWidth="1"/>
    <col min="15655" max="15872" width="2.21875" style="372"/>
    <col min="15873" max="15874" width="2.21875" style="372" customWidth="1"/>
    <col min="15875" max="15877" width="2.21875" style="372"/>
    <col min="15878" max="15878" width="2.44140625" style="372" bestFit="1" customWidth="1"/>
    <col min="15879" max="15892" width="2.21875" style="372"/>
    <col min="15893" max="15893" width="2.44140625" style="372" bestFit="1" customWidth="1"/>
    <col min="15894" max="15898" width="2.21875" style="372"/>
    <col min="15899" max="15910" width="2.77734375" style="372" customWidth="1"/>
    <col min="15911" max="16128" width="2.21875" style="372"/>
    <col min="16129" max="16130" width="2.21875" style="372" customWidth="1"/>
    <col min="16131" max="16133" width="2.21875" style="372"/>
    <col min="16134" max="16134" width="2.44140625" style="372" bestFit="1" customWidth="1"/>
    <col min="16135" max="16148" width="2.21875" style="372"/>
    <col min="16149" max="16149" width="2.44140625" style="372" bestFit="1" customWidth="1"/>
    <col min="16150" max="16154" width="2.21875" style="372"/>
    <col min="16155" max="16166" width="2.77734375" style="372" customWidth="1"/>
    <col min="16167" max="16384" width="2.21875" style="372"/>
  </cols>
  <sheetData>
    <row r="1" spans="1:39" x14ac:dyDescent="0.2">
      <c r="C1" s="398" t="s">
        <v>697</v>
      </c>
      <c r="D1" s="399"/>
      <c r="E1" s="399"/>
      <c r="F1" s="399"/>
      <c r="G1" s="399"/>
      <c r="AF1" s="2576" t="s">
        <v>723</v>
      </c>
      <c r="AG1" s="2576"/>
      <c r="AH1" s="2576"/>
      <c r="AI1" s="2576"/>
      <c r="AJ1" s="2576"/>
      <c r="AK1" s="2576"/>
      <c r="AL1" s="2576"/>
    </row>
    <row r="3" spans="1:39" ht="17.25" customHeight="1" x14ac:dyDescent="0.2">
      <c r="A3" s="2578" t="s">
        <v>588</v>
      </c>
      <c r="B3" s="2578"/>
      <c r="C3" s="2578"/>
      <c r="D3" s="2578"/>
      <c r="E3" s="2578"/>
      <c r="F3" s="2578"/>
      <c r="G3" s="2578"/>
      <c r="H3" s="2578"/>
      <c r="I3" s="2578"/>
      <c r="J3" s="2578"/>
      <c r="K3" s="2578"/>
      <c r="L3" s="2578"/>
      <c r="M3" s="2578"/>
      <c r="N3" s="2578"/>
      <c r="O3" s="2578"/>
      <c r="P3" s="2578"/>
      <c r="Q3" s="2578"/>
      <c r="R3" s="2578"/>
      <c r="S3" s="2578"/>
      <c r="T3" s="2578"/>
      <c r="U3" s="2578"/>
      <c r="V3" s="2578"/>
      <c r="W3" s="2578"/>
      <c r="X3" s="2578"/>
      <c r="Y3" s="2578"/>
      <c r="Z3" s="2578"/>
      <c r="AA3" s="2578"/>
      <c r="AB3" s="2578"/>
      <c r="AC3" s="2578"/>
      <c r="AD3" s="2578"/>
      <c r="AE3" s="2578"/>
      <c r="AF3" s="2578"/>
      <c r="AG3" s="2578"/>
      <c r="AH3" s="2578"/>
      <c r="AI3" s="2578"/>
      <c r="AJ3" s="2578"/>
      <c r="AK3" s="2578"/>
      <c r="AL3" s="2578"/>
      <c r="AM3" s="2578"/>
    </row>
    <row r="4" spans="1:39" ht="17.25" customHeight="1" x14ac:dyDescent="0.2">
      <c r="A4" s="2578"/>
      <c r="B4" s="2578"/>
      <c r="C4" s="2578"/>
      <c r="D4" s="2578"/>
      <c r="E4" s="2578"/>
      <c r="F4" s="2578"/>
      <c r="G4" s="2578"/>
      <c r="H4" s="2578"/>
      <c r="I4" s="2578"/>
      <c r="J4" s="2578"/>
      <c r="K4" s="2578"/>
      <c r="L4" s="2578"/>
      <c r="M4" s="2578"/>
      <c r="N4" s="2578"/>
      <c r="O4" s="2578"/>
      <c r="P4" s="2578"/>
      <c r="Q4" s="2578"/>
      <c r="R4" s="2578"/>
      <c r="S4" s="2578"/>
      <c r="T4" s="2578"/>
      <c r="U4" s="2578"/>
      <c r="V4" s="2578"/>
      <c r="W4" s="2578"/>
      <c r="X4" s="2578"/>
      <c r="Y4" s="2578"/>
      <c r="Z4" s="2578"/>
      <c r="AA4" s="2578"/>
      <c r="AB4" s="2578"/>
      <c r="AC4" s="2578"/>
      <c r="AD4" s="2578"/>
      <c r="AE4" s="2578"/>
      <c r="AF4" s="2578"/>
      <c r="AG4" s="2578"/>
      <c r="AH4" s="2578"/>
      <c r="AI4" s="2578"/>
      <c r="AJ4" s="2578"/>
      <c r="AK4" s="2578"/>
      <c r="AL4" s="2578"/>
      <c r="AM4" s="2578"/>
    </row>
    <row r="6" spans="1:39" ht="15" customHeight="1" x14ac:dyDescent="0.2">
      <c r="B6" s="2573" t="s">
        <v>506</v>
      </c>
      <c r="C6" s="2573"/>
      <c r="D6" s="2573"/>
      <c r="E6" s="2573"/>
      <c r="F6" s="2573"/>
      <c r="G6" s="2573"/>
      <c r="H6" s="2573"/>
      <c r="I6" s="2573"/>
      <c r="J6" s="2573"/>
      <c r="K6" s="2573"/>
      <c r="L6" s="2573"/>
      <c r="M6" s="2573"/>
      <c r="N6" s="2573"/>
      <c r="O6" s="2573"/>
      <c r="P6" s="2573"/>
      <c r="Q6" s="2573"/>
      <c r="R6" s="2573"/>
      <c r="S6" s="2573"/>
      <c r="T6" s="2573"/>
      <c r="U6" s="2573"/>
      <c r="V6" s="2573"/>
      <c r="W6" s="2573"/>
      <c r="X6" s="2573"/>
      <c r="Y6" s="2573"/>
      <c r="Z6" s="2573"/>
      <c r="AA6" s="2573"/>
      <c r="AB6" s="2573"/>
      <c r="AC6" s="2573"/>
      <c r="AD6" s="2573"/>
      <c r="AE6" s="2573"/>
      <c r="AF6" s="2573"/>
      <c r="AG6" s="2573"/>
      <c r="AH6" s="2573"/>
      <c r="AI6" s="2573"/>
      <c r="AJ6" s="2573"/>
      <c r="AK6" s="2573"/>
      <c r="AL6" s="2573"/>
    </row>
    <row r="7" spans="1:39" ht="15" customHeight="1" x14ac:dyDescent="0.2">
      <c r="B7" s="2573"/>
      <c r="C7" s="2573"/>
      <c r="D7" s="2573"/>
      <c r="E7" s="2573"/>
      <c r="F7" s="2573"/>
      <c r="G7" s="2573"/>
      <c r="H7" s="2573"/>
      <c r="I7" s="2573"/>
      <c r="J7" s="2573"/>
      <c r="K7" s="2573"/>
      <c r="L7" s="2573"/>
      <c r="M7" s="2573"/>
      <c r="N7" s="2573"/>
      <c r="O7" s="2573"/>
      <c r="P7" s="2573"/>
      <c r="Q7" s="2573"/>
      <c r="R7" s="2573"/>
      <c r="S7" s="2573"/>
      <c r="T7" s="2555"/>
      <c r="U7" s="2555"/>
      <c r="V7" s="2555"/>
      <c r="W7" s="2555"/>
      <c r="X7" s="2555"/>
      <c r="Y7" s="2555"/>
      <c r="Z7" s="2555"/>
      <c r="AA7" s="2555"/>
      <c r="AB7" s="2555"/>
      <c r="AC7" s="2555"/>
      <c r="AD7" s="2555"/>
      <c r="AE7" s="2555"/>
      <c r="AF7" s="2555"/>
      <c r="AG7" s="2555"/>
      <c r="AH7" s="2555"/>
      <c r="AI7" s="2555"/>
      <c r="AJ7" s="2555"/>
      <c r="AK7" s="2555"/>
      <c r="AL7" s="2555"/>
    </row>
    <row r="8" spans="1:39" ht="15" customHeight="1" x14ac:dyDescent="0.2">
      <c r="B8" s="2549" t="s">
        <v>587</v>
      </c>
      <c r="C8" s="2550"/>
      <c r="D8" s="2550"/>
      <c r="E8" s="2550"/>
      <c r="F8" s="2550"/>
      <c r="G8" s="2550"/>
      <c r="H8" s="2550"/>
      <c r="I8" s="2550"/>
      <c r="J8" s="2550"/>
      <c r="K8" s="2550"/>
      <c r="L8" s="2549" t="s">
        <v>586</v>
      </c>
      <c r="M8" s="2550"/>
      <c r="N8" s="2550"/>
      <c r="O8" s="2550"/>
      <c r="P8" s="2550"/>
      <c r="Q8" s="2550"/>
      <c r="R8" s="2550"/>
      <c r="S8" s="2550"/>
      <c r="T8" s="2550"/>
      <c r="U8" s="2550"/>
      <c r="V8" s="2550"/>
      <c r="W8" s="2550"/>
      <c r="X8" s="2550"/>
      <c r="Y8" s="2550"/>
      <c r="Z8" s="2550"/>
      <c r="AA8" s="2550"/>
      <c r="AB8" s="2550"/>
      <c r="AC8" s="2550"/>
      <c r="AD8" s="2550"/>
      <c r="AE8" s="2550"/>
      <c r="AF8" s="2550"/>
      <c r="AG8" s="2550"/>
      <c r="AH8" s="2550"/>
      <c r="AI8" s="2550"/>
      <c r="AJ8" s="2550"/>
      <c r="AK8" s="2550"/>
      <c r="AL8" s="2551"/>
    </row>
    <row r="9" spans="1:39" ht="15" customHeight="1" x14ac:dyDescent="0.2">
      <c r="B9" s="2552"/>
      <c r="C9" s="2553"/>
      <c r="D9" s="2553"/>
      <c r="E9" s="2553"/>
      <c r="F9" s="2553"/>
      <c r="G9" s="2553"/>
      <c r="H9" s="2553"/>
      <c r="I9" s="2553"/>
      <c r="J9" s="2553"/>
      <c r="K9" s="2553"/>
      <c r="L9" s="2552"/>
      <c r="M9" s="2553"/>
      <c r="N9" s="2553"/>
      <c r="O9" s="2553"/>
      <c r="P9" s="2553"/>
      <c r="Q9" s="2553"/>
      <c r="R9" s="2553"/>
      <c r="S9" s="2553"/>
      <c r="T9" s="2553"/>
      <c r="U9" s="2553"/>
      <c r="V9" s="2553"/>
      <c r="W9" s="2553"/>
      <c r="X9" s="2553"/>
      <c r="Y9" s="2553"/>
      <c r="Z9" s="2553"/>
      <c r="AA9" s="2553"/>
      <c r="AB9" s="2553"/>
      <c r="AC9" s="2553"/>
      <c r="AD9" s="2553"/>
      <c r="AE9" s="2553"/>
      <c r="AF9" s="2553"/>
      <c r="AG9" s="2553"/>
      <c r="AH9" s="2553"/>
      <c r="AI9" s="2553"/>
      <c r="AJ9" s="2553"/>
      <c r="AK9" s="2553"/>
      <c r="AL9" s="2554"/>
    </row>
    <row r="10" spans="1:39" ht="15" customHeight="1" x14ac:dyDescent="0.2">
      <c r="B10" s="2638" t="s">
        <v>579</v>
      </c>
      <c r="C10" s="2639"/>
      <c r="D10" s="2639"/>
      <c r="E10" s="2639"/>
      <c r="F10" s="2639"/>
      <c r="G10" s="2639"/>
      <c r="H10" s="2639"/>
      <c r="I10" s="2639"/>
      <c r="J10" s="2639"/>
      <c r="K10" s="2640"/>
      <c r="L10" s="375"/>
      <c r="M10" s="375"/>
      <c r="N10" s="375"/>
      <c r="O10" s="375"/>
      <c r="P10" s="375"/>
      <c r="Q10" s="375"/>
      <c r="R10" s="421"/>
      <c r="S10" s="421"/>
      <c r="T10" s="375"/>
      <c r="U10" s="375"/>
      <c r="V10" s="375"/>
      <c r="W10" s="375"/>
      <c r="X10" s="375"/>
      <c r="Y10" s="375"/>
      <c r="Z10" s="375"/>
      <c r="AA10" s="375"/>
      <c r="AB10" s="375"/>
      <c r="AC10" s="375"/>
      <c r="AD10" s="375"/>
      <c r="AE10" s="375"/>
      <c r="AF10" s="375"/>
      <c r="AG10" s="375"/>
      <c r="AH10" s="375"/>
      <c r="AI10" s="375"/>
      <c r="AJ10" s="375"/>
      <c r="AK10" s="375"/>
      <c r="AL10" s="377"/>
    </row>
    <row r="11" spans="1:39" ht="15" customHeight="1" x14ac:dyDescent="0.2">
      <c r="B11" s="2641"/>
      <c r="C11" s="2642"/>
      <c r="D11" s="2642"/>
      <c r="E11" s="2642"/>
      <c r="F11" s="2642"/>
      <c r="G11" s="2642"/>
      <c r="H11" s="2642"/>
      <c r="I11" s="2642"/>
      <c r="J11" s="2642"/>
      <c r="K11" s="2643"/>
      <c r="L11" s="378"/>
      <c r="M11" s="378"/>
      <c r="N11" s="378"/>
      <c r="O11" s="378"/>
      <c r="P11" s="378"/>
      <c r="Q11" s="378"/>
      <c r="R11" s="420"/>
      <c r="S11" s="419">
        <v>1</v>
      </c>
      <c r="T11" s="381"/>
      <c r="U11" s="382" t="s">
        <v>502</v>
      </c>
      <c r="V11" s="378"/>
      <c r="W11" s="382"/>
      <c r="X11" s="382"/>
      <c r="Y11" s="382"/>
      <c r="Z11" s="382"/>
      <c r="AA11" s="382"/>
      <c r="AB11" s="382"/>
      <c r="AC11" s="382"/>
      <c r="AD11" s="382"/>
      <c r="AE11" s="382"/>
      <c r="AF11" s="382"/>
      <c r="AG11" s="382"/>
      <c r="AH11" s="382"/>
      <c r="AI11" s="382"/>
      <c r="AJ11" s="382"/>
      <c r="AK11" s="382"/>
      <c r="AL11" s="380"/>
    </row>
    <row r="12" spans="1:39" ht="15" customHeight="1" x14ac:dyDescent="0.2">
      <c r="B12" s="2641"/>
      <c r="C12" s="2642"/>
      <c r="D12" s="2642"/>
      <c r="E12" s="2642"/>
      <c r="F12" s="2642"/>
      <c r="G12" s="2642"/>
      <c r="H12" s="2642"/>
      <c r="I12" s="2642"/>
      <c r="J12" s="2642"/>
      <c r="K12" s="2643"/>
      <c r="L12" s="382"/>
      <c r="M12" s="382"/>
      <c r="N12" s="382"/>
      <c r="O12" s="382"/>
      <c r="P12" s="382"/>
      <c r="Q12" s="382"/>
      <c r="R12" s="420"/>
      <c r="S12" s="419">
        <v>2</v>
      </c>
      <c r="T12" s="381"/>
      <c r="U12" s="382" t="s">
        <v>575</v>
      </c>
      <c r="V12" s="378"/>
      <c r="W12" s="382"/>
      <c r="X12" s="382"/>
      <c r="Y12" s="382"/>
      <c r="Z12" s="382"/>
      <c r="AA12" s="382"/>
      <c r="AB12" s="382"/>
      <c r="AC12" s="382"/>
      <c r="AD12" s="382"/>
      <c r="AE12" s="382"/>
      <c r="AF12" s="382"/>
      <c r="AG12" s="382"/>
      <c r="AH12" s="382"/>
      <c r="AI12" s="382"/>
      <c r="AJ12" s="382"/>
      <c r="AK12" s="382"/>
      <c r="AL12" s="383"/>
    </row>
    <row r="13" spans="1:39" ht="15" customHeight="1" x14ac:dyDescent="0.2">
      <c r="B13" s="2641"/>
      <c r="C13" s="2642"/>
      <c r="D13" s="2642"/>
      <c r="E13" s="2642"/>
      <c r="F13" s="2642"/>
      <c r="G13" s="2642"/>
      <c r="H13" s="2642"/>
      <c r="I13" s="2642"/>
      <c r="J13" s="2642"/>
      <c r="K13" s="2643"/>
      <c r="L13" s="382"/>
      <c r="M13" s="382"/>
      <c r="N13" s="382"/>
      <c r="O13" s="382"/>
      <c r="P13" s="382"/>
      <c r="Q13" s="382"/>
      <c r="R13" s="420"/>
      <c r="S13" s="419">
        <v>3</v>
      </c>
      <c r="T13" s="381"/>
      <c r="U13" s="382" t="s">
        <v>573</v>
      </c>
      <c r="V13" s="378"/>
      <c r="W13" s="382"/>
      <c r="X13" s="382"/>
      <c r="Y13" s="382"/>
      <c r="Z13" s="382"/>
      <c r="AA13" s="382"/>
      <c r="AB13" s="382"/>
      <c r="AC13" s="382"/>
      <c r="AD13" s="382"/>
      <c r="AE13" s="382"/>
      <c r="AF13" s="382"/>
      <c r="AG13" s="382"/>
      <c r="AH13" s="382"/>
      <c r="AI13" s="382"/>
      <c r="AJ13" s="382"/>
      <c r="AK13" s="382"/>
      <c r="AL13" s="380"/>
    </row>
    <row r="14" spans="1:39" ht="15" customHeight="1" x14ac:dyDescent="0.2">
      <c r="B14" s="2641"/>
      <c r="C14" s="2642"/>
      <c r="D14" s="2642"/>
      <c r="E14" s="2642"/>
      <c r="F14" s="2642"/>
      <c r="G14" s="2642"/>
      <c r="H14" s="2642"/>
      <c r="I14" s="2642"/>
      <c r="J14" s="2642"/>
      <c r="K14" s="2643"/>
      <c r="L14" s="382"/>
      <c r="M14" s="382"/>
      <c r="N14" s="382"/>
      <c r="O14" s="382"/>
      <c r="P14" s="382"/>
      <c r="Q14" s="382"/>
      <c r="R14" s="420"/>
      <c r="S14" s="419">
        <v>4</v>
      </c>
      <c r="T14" s="381"/>
      <c r="U14" s="382" t="s">
        <v>571</v>
      </c>
      <c r="V14" s="378"/>
      <c r="W14" s="382"/>
      <c r="X14" s="382"/>
      <c r="Y14" s="382"/>
      <c r="Z14" s="382"/>
      <c r="AA14" s="382"/>
      <c r="AB14" s="382"/>
      <c r="AC14" s="382"/>
      <c r="AD14" s="382"/>
      <c r="AE14" s="382"/>
      <c r="AF14" s="382"/>
      <c r="AG14" s="382"/>
      <c r="AH14" s="382"/>
      <c r="AI14" s="382"/>
      <c r="AJ14" s="382"/>
      <c r="AK14" s="382"/>
      <c r="AL14" s="380"/>
    </row>
    <row r="15" spans="1:39" ht="15" customHeight="1" x14ac:dyDescent="0.2">
      <c r="B15" s="2641"/>
      <c r="C15" s="2642"/>
      <c r="D15" s="2642"/>
      <c r="E15" s="2642"/>
      <c r="F15" s="2642"/>
      <c r="G15" s="2642"/>
      <c r="H15" s="2642"/>
      <c r="I15" s="2642"/>
      <c r="J15" s="2642"/>
      <c r="K15" s="2643"/>
      <c r="L15" s="382"/>
      <c r="M15" s="382"/>
      <c r="N15" s="382"/>
      <c r="O15" s="382"/>
      <c r="P15" s="382"/>
      <c r="Q15" s="382"/>
      <c r="R15" s="420"/>
      <c r="S15" s="419">
        <v>5</v>
      </c>
      <c r="T15" s="381"/>
      <c r="U15" s="382" t="s">
        <v>504</v>
      </c>
      <c r="V15" s="378"/>
      <c r="W15" s="382"/>
      <c r="X15" s="382"/>
      <c r="Y15" s="382"/>
      <c r="Z15" s="382"/>
      <c r="AA15" s="382"/>
      <c r="AB15" s="382"/>
      <c r="AC15" s="382"/>
      <c r="AD15" s="382"/>
      <c r="AE15" s="382"/>
      <c r="AF15" s="382"/>
      <c r="AG15" s="382"/>
      <c r="AH15" s="382"/>
      <c r="AI15" s="382"/>
      <c r="AJ15" s="382"/>
      <c r="AK15" s="382"/>
      <c r="AL15" s="380"/>
    </row>
    <row r="16" spans="1:39" ht="15" customHeight="1" x14ac:dyDescent="0.2">
      <c r="B16" s="2644"/>
      <c r="C16" s="2645"/>
      <c r="D16" s="2645"/>
      <c r="E16" s="2645"/>
      <c r="F16" s="2645"/>
      <c r="G16" s="2645"/>
      <c r="H16" s="2645"/>
      <c r="I16" s="2645"/>
      <c r="J16" s="2645"/>
      <c r="K16" s="2646"/>
      <c r="L16" s="387"/>
      <c r="M16" s="387"/>
      <c r="N16" s="387"/>
      <c r="O16" s="387"/>
      <c r="P16" s="387"/>
      <c r="Q16" s="387"/>
      <c r="R16" s="418"/>
      <c r="S16" s="418"/>
      <c r="T16" s="384"/>
      <c r="U16" s="386"/>
      <c r="V16" s="384"/>
      <c r="W16" s="387"/>
      <c r="X16" s="387"/>
      <c r="Y16" s="387"/>
      <c r="Z16" s="387"/>
      <c r="AA16" s="387"/>
      <c r="AB16" s="387"/>
      <c r="AC16" s="387"/>
      <c r="AD16" s="387"/>
      <c r="AE16" s="387"/>
      <c r="AF16" s="387"/>
      <c r="AG16" s="387"/>
      <c r="AH16" s="387"/>
      <c r="AI16" s="387"/>
      <c r="AJ16" s="387"/>
      <c r="AK16" s="387"/>
      <c r="AL16" s="388"/>
    </row>
    <row r="17" spans="2:38" ht="15" customHeight="1" x14ac:dyDescent="0.2">
      <c r="B17" s="2647" t="s">
        <v>756</v>
      </c>
      <c r="C17" s="2648"/>
      <c r="D17" s="2648"/>
      <c r="E17" s="2648"/>
      <c r="F17" s="2648"/>
      <c r="G17" s="2648"/>
      <c r="H17" s="2648"/>
      <c r="I17" s="2648"/>
      <c r="J17" s="2648"/>
      <c r="K17" s="2649"/>
      <c r="L17" s="375"/>
      <c r="M17" s="375"/>
      <c r="N17" s="375"/>
      <c r="O17" s="375"/>
      <c r="P17" s="375"/>
      <c r="Q17" s="375"/>
      <c r="R17" s="389"/>
      <c r="S17" s="389"/>
      <c r="T17" s="375"/>
      <c r="U17" s="375"/>
      <c r="V17" s="375"/>
      <c r="W17" s="390"/>
      <c r="X17" s="390"/>
      <c r="Y17" s="390"/>
      <c r="Z17" s="390"/>
      <c r="AA17" s="390"/>
      <c r="AB17" s="390"/>
      <c r="AC17" s="390"/>
      <c r="AD17" s="390"/>
      <c r="AE17" s="390"/>
      <c r="AF17" s="390"/>
      <c r="AG17" s="390"/>
      <c r="AH17" s="390"/>
      <c r="AI17" s="390"/>
      <c r="AJ17" s="390"/>
      <c r="AK17" s="390"/>
      <c r="AL17" s="377"/>
    </row>
    <row r="18" spans="2:38" ht="15" customHeight="1" x14ac:dyDescent="0.2">
      <c r="B18" s="2650"/>
      <c r="C18" s="2651"/>
      <c r="D18" s="2651"/>
      <c r="E18" s="2651"/>
      <c r="F18" s="2651"/>
      <c r="G18" s="2651"/>
      <c r="H18" s="2651"/>
      <c r="I18" s="2651"/>
      <c r="J18" s="2651"/>
      <c r="K18" s="2652"/>
      <c r="L18" s="382"/>
      <c r="M18" s="382"/>
      <c r="N18" s="382"/>
      <c r="O18" s="382"/>
      <c r="P18" s="416"/>
      <c r="Q18" s="382"/>
      <c r="R18" s="382"/>
      <c r="S18" s="382">
        <v>1</v>
      </c>
      <c r="T18" s="378"/>
      <c r="U18" s="382" t="s">
        <v>755</v>
      </c>
      <c r="V18" s="382"/>
      <c r="W18" s="382"/>
      <c r="X18" s="382"/>
      <c r="Y18" s="378"/>
      <c r="Z18" s="378"/>
      <c r="AA18" s="378"/>
      <c r="AB18" s="378"/>
      <c r="AC18" s="378"/>
      <c r="AD18" s="378"/>
      <c r="AE18" s="378"/>
      <c r="AF18" s="378"/>
      <c r="AG18" s="378"/>
      <c r="AH18" s="378"/>
      <c r="AI18" s="378"/>
      <c r="AJ18" s="378"/>
      <c r="AK18" s="378"/>
      <c r="AL18" s="393"/>
    </row>
    <row r="19" spans="2:38" ht="15" customHeight="1" x14ac:dyDescent="0.2">
      <c r="B19" s="2650"/>
      <c r="C19" s="2651"/>
      <c r="D19" s="2651"/>
      <c r="E19" s="2651"/>
      <c r="F19" s="2651"/>
      <c r="G19" s="2651"/>
      <c r="H19" s="2651"/>
      <c r="I19" s="2651"/>
      <c r="J19" s="2651"/>
      <c r="K19" s="2652"/>
      <c r="L19" s="382"/>
      <c r="M19" s="382"/>
      <c r="N19" s="382"/>
      <c r="O19" s="382"/>
      <c r="P19" s="382"/>
      <c r="Q19" s="382"/>
      <c r="R19" s="382"/>
      <c r="S19" s="382">
        <v>2</v>
      </c>
      <c r="T19" s="378"/>
      <c r="U19" s="382" t="s">
        <v>754</v>
      </c>
      <c r="V19" s="382"/>
      <c r="W19" s="382"/>
      <c r="X19" s="382"/>
      <c r="Y19" s="378"/>
      <c r="Z19" s="378"/>
      <c r="AA19" s="378"/>
      <c r="AB19" s="378"/>
      <c r="AC19" s="378"/>
      <c r="AD19" s="378"/>
      <c r="AE19" s="378"/>
      <c r="AF19" s="378"/>
      <c r="AG19" s="378"/>
      <c r="AH19" s="378"/>
      <c r="AI19" s="378"/>
      <c r="AJ19" s="378"/>
      <c r="AK19" s="378"/>
      <c r="AL19" s="393"/>
    </row>
    <row r="20" spans="2:38" ht="15" customHeight="1" x14ac:dyDescent="0.2">
      <c r="B20" s="2650"/>
      <c r="C20" s="2651"/>
      <c r="D20" s="2651"/>
      <c r="E20" s="2651"/>
      <c r="F20" s="2651"/>
      <c r="G20" s="2651"/>
      <c r="H20" s="2651"/>
      <c r="I20" s="2651"/>
      <c r="J20" s="2651"/>
      <c r="K20" s="2652"/>
      <c r="L20" s="382"/>
      <c r="M20" s="382"/>
      <c r="N20" s="414"/>
      <c r="O20" s="414"/>
      <c r="P20" s="382"/>
      <c r="Q20" s="382"/>
      <c r="R20" s="382"/>
      <c r="S20" s="382">
        <v>3</v>
      </c>
      <c r="T20" s="378"/>
      <c r="U20" s="382" t="s">
        <v>753</v>
      </c>
      <c r="V20" s="382"/>
      <c r="W20" s="382"/>
      <c r="X20" s="382"/>
      <c r="Y20" s="382"/>
      <c r="Z20" s="382"/>
      <c r="AA20" s="382"/>
      <c r="AB20" s="382"/>
      <c r="AC20" s="382"/>
      <c r="AD20" s="382"/>
      <c r="AE20" s="382"/>
      <c r="AF20" s="382"/>
      <c r="AG20" s="382"/>
      <c r="AH20" s="378"/>
      <c r="AI20" s="378"/>
      <c r="AJ20" s="378"/>
      <c r="AK20" s="378"/>
      <c r="AL20" s="393"/>
    </row>
    <row r="21" spans="2:38" ht="15" customHeight="1" x14ac:dyDescent="0.2">
      <c r="B21" s="2650"/>
      <c r="C21" s="2651"/>
      <c r="D21" s="2651"/>
      <c r="E21" s="2651"/>
      <c r="F21" s="2651"/>
      <c r="G21" s="2651"/>
      <c r="H21" s="2651"/>
      <c r="I21" s="2651"/>
      <c r="J21" s="2651"/>
      <c r="K21" s="2652"/>
      <c r="L21" s="382"/>
      <c r="M21" s="382"/>
      <c r="N21" s="414"/>
      <c r="O21" s="414"/>
      <c r="P21" s="382"/>
      <c r="Q21" s="382"/>
      <c r="R21" s="382"/>
      <c r="S21" s="413">
        <v>4</v>
      </c>
      <c r="T21" s="378"/>
      <c r="U21" s="382" t="s">
        <v>752</v>
      </c>
      <c r="V21" s="382"/>
      <c r="W21" s="382"/>
      <c r="X21" s="382"/>
      <c r="Y21" s="382"/>
      <c r="Z21" s="382"/>
      <c r="AA21" s="382"/>
      <c r="AB21" s="382"/>
      <c r="AC21" s="382"/>
      <c r="AD21" s="382"/>
      <c r="AE21" s="382"/>
      <c r="AF21" s="382"/>
      <c r="AG21" s="382"/>
      <c r="AH21" s="378"/>
      <c r="AI21" s="378"/>
      <c r="AJ21" s="378"/>
      <c r="AK21" s="378"/>
      <c r="AL21" s="393"/>
    </row>
    <row r="22" spans="2:38" ht="15" customHeight="1" x14ac:dyDescent="0.2">
      <c r="B22" s="2650"/>
      <c r="C22" s="2651"/>
      <c r="D22" s="2651"/>
      <c r="E22" s="2651"/>
      <c r="F22" s="2651"/>
      <c r="G22" s="2651"/>
      <c r="H22" s="2651"/>
      <c r="I22" s="2651"/>
      <c r="J22" s="2651"/>
      <c r="K22" s="2652"/>
      <c r="L22" s="382"/>
      <c r="M22" s="382"/>
      <c r="N22" s="414"/>
      <c r="O22" s="414"/>
      <c r="P22" s="382"/>
      <c r="Q22" s="382"/>
      <c r="R22" s="382"/>
      <c r="S22" s="413">
        <v>5</v>
      </c>
      <c r="T22" s="378"/>
      <c r="U22" s="382" t="s">
        <v>751</v>
      </c>
      <c r="V22" s="382"/>
      <c r="W22" s="382"/>
      <c r="X22" s="382"/>
      <c r="Y22" s="382"/>
      <c r="Z22" s="382"/>
      <c r="AA22" s="382"/>
      <c r="AB22" s="382"/>
      <c r="AC22" s="382"/>
      <c r="AD22" s="382"/>
      <c r="AE22" s="382"/>
      <c r="AF22" s="382"/>
      <c r="AG22" s="382"/>
      <c r="AH22" s="378"/>
      <c r="AI22" s="378"/>
      <c r="AJ22" s="378"/>
      <c r="AK22" s="378"/>
      <c r="AL22" s="393"/>
    </row>
    <row r="23" spans="2:38" ht="15" customHeight="1" x14ac:dyDescent="0.2">
      <c r="B23" s="2650"/>
      <c r="C23" s="2651"/>
      <c r="D23" s="2651"/>
      <c r="E23" s="2651"/>
      <c r="F23" s="2651"/>
      <c r="G23" s="2651"/>
      <c r="H23" s="2651"/>
      <c r="I23" s="2651"/>
      <c r="J23" s="2651"/>
      <c r="K23" s="2652"/>
      <c r="L23" s="382"/>
      <c r="M23" s="382"/>
      <c r="N23" s="414"/>
      <c r="O23" s="414"/>
      <c r="P23" s="382"/>
      <c r="Q23" s="382"/>
      <c r="R23" s="382"/>
      <c r="S23" s="413">
        <v>6</v>
      </c>
      <c r="T23" s="378"/>
      <c r="U23" s="382" t="s">
        <v>750</v>
      </c>
      <c r="V23" s="382"/>
      <c r="W23" s="382"/>
      <c r="X23" s="382"/>
      <c r="Y23" s="382"/>
      <c r="Z23" s="382"/>
      <c r="AA23" s="382"/>
      <c r="AB23" s="382"/>
      <c r="AC23" s="382"/>
      <c r="AD23" s="382"/>
      <c r="AE23" s="382"/>
      <c r="AF23" s="382"/>
      <c r="AG23" s="382"/>
      <c r="AH23" s="378"/>
      <c r="AI23" s="378"/>
      <c r="AJ23" s="378"/>
      <c r="AK23" s="378"/>
      <c r="AL23" s="393"/>
    </row>
    <row r="24" spans="2:38" ht="15" customHeight="1" x14ac:dyDescent="0.2">
      <c r="B24" s="2650"/>
      <c r="C24" s="2651"/>
      <c r="D24" s="2651"/>
      <c r="E24" s="2651"/>
      <c r="F24" s="2651"/>
      <c r="G24" s="2651"/>
      <c r="H24" s="2651"/>
      <c r="I24" s="2651"/>
      <c r="J24" s="2651"/>
      <c r="K24" s="2652"/>
      <c r="L24" s="382"/>
      <c r="M24" s="382"/>
      <c r="N24" s="414"/>
      <c r="O24" s="414"/>
      <c r="P24" s="382"/>
      <c r="Q24" s="382"/>
      <c r="R24" s="382"/>
      <c r="S24" s="413">
        <v>7</v>
      </c>
      <c r="T24" s="378"/>
      <c r="U24" s="382" t="s">
        <v>749</v>
      </c>
      <c r="V24" s="382"/>
      <c r="W24" s="382"/>
      <c r="X24" s="382"/>
      <c r="Y24" s="382"/>
      <c r="Z24" s="382"/>
      <c r="AA24" s="382"/>
      <c r="AB24" s="382"/>
      <c r="AC24" s="382"/>
      <c r="AD24" s="382"/>
      <c r="AE24" s="382"/>
      <c r="AF24" s="382"/>
      <c r="AG24" s="382"/>
      <c r="AH24" s="378"/>
      <c r="AI24" s="378"/>
      <c r="AJ24" s="378"/>
      <c r="AK24" s="378"/>
      <c r="AL24" s="393"/>
    </row>
    <row r="25" spans="2:38" ht="15" customHeight="1" x14ac:dyDescent="0.2">
      <c r="B25" s="2650"/>
      <c r="C25" s="2651"/>
      <c r="D25" s="2651"/>
      <c r="E25" s="2651"/>
      <c r="F25" s="2651"/>
      <c r="G25" s="2651"/>
      <c r="H25" s="2651"/>
      <c r="I25" s="2651"/>
      <c r="J25" s="2651"/>
      <c r="K25" s="2652"/>
      <c r="L25" s="382"/>
      <c r="M25" s="382"/>
      <c r="N25" s="414"/>
      <c r="O25" s="414"/>
      <c r="P25" s="382"/>
      <c r="Q25" s="382"/>
      <c r="R25" s="382"/>
      <c r="S25" s="413">
        <v>8</v>
      </c>
      <c r="T25" s="378"/>
      <c r="U25" s="382" t="s">
        <v>567</v>
      </c>
      <c r="V25" s="382"/>
      <c r="W25" s="382"/>
      <c r="X25" s="382"/>
      <c r="Y25" s="382"/>
      <c r="Z25" s="382"/>
      <c r="AA25" s="382"/>
      <c r="AB25" s="382"/>
      <c r="AC25" s="382"/>
      <c r="AD25" s="382"/>
      <c r="AE25" s="382"/>
      <c r="AF25" s="382"/>
      <c r="AG25" s="382"/>
      <c r="AH25" s="378"/>
      <c r="AI25" s="378"/>
      <c r="AJ25" s="378"/>
      <c r="AK25" s="378"/>
      <c r="AL25" s="393"/>
    </row>
    <row r="26" spans="2:38" ht="15" customHeight="1" x14ac:dyDescent="0.2">
      <c r="B26" s="2653"/>
      <c r="C26" s="2654"/>
      <c r="D26" s="2654"/>
      <c r="E26" s="2654"/>
      <c r="F26" s="2654"/>
      <c r="G26" s="2654"/>
      <c r="H26" s="2654"/>
      <c r="I26" s="2654"/>
      <c r="J26" s="2654"/>
      <c r="K26" s="2655"/>
      <c r="L26" s="387"/>
      <c r="M26" s="387"/>
      <c r="N26" s="412"/>
      <c r="O26" s="412"/>
      <c r="P26" s="387"/>
      <c r="Q26" s="387"/>
      <c r="R26" s="387"/>
      <c r="S26" s="387"/>
      <c r="T26" s="387"/>
      <c r="U26" s="387"/>
      <c r="V26" s="387"/>
      <c r="W26" s="387"/>
      <c r="X26" s="387"/>
      <c r="Y26" s="387"/>
      <c r="Z26" s="387"/>
      <c r="AA26" s="387"/>
      <c r="AB26" s="387"/>
      <c r="AC26" s="387"/>
      <c r="AD26" s="387"/>
      <c r="AE26" s="387"/>
      <c r="AF26" s="387"/>
      <c r="AG26" s="387"/>
      <c r="AH26" s="384"/>
      <c r="AI26" s="384"/>
      <c r="AJ26" s="384"/>
      <c r="AK26" s="384"/>
      <c r="AL26" s="396"/>
    </row>
    <row r="27" spans="2:38" ht="15" customHeight="1" x14ac:dyDescent="0.2">
      <c r="B27" s="2647" t="s">
        <v>748</v>
      </c>
      <c r="C27" s="2648"/>
      <c r="D27" s="2648"/>
      <c r="E27" s="2648"/>
      <c r="F27" s="2648"/>
      <c r="G27" s="2648"/>
      <c r="H27" s="2648"/>
      <c r="I27" s="2648"/>
      <c r="J27" s="2648"/>
      <c r="K27" s="2649"/>
      <c r="L27" s="2632" t="s">
        <v>747</v>
      </c>
      <c r="M27" s="2633"/>
      <c r="N27" s="417" t="s">
        <v>746</v>
      </c>
      <c r="O27" s="417"/>
      <c r="P27" s="375"/>
      <c r="Q27" s="375"/>
      <c r="R27" s="389"/>
      <c r="S27" s="389"/>
      <c r="T27" s="375"/>
      <c r="U27" s="375"/>
      <c r="V27" s="375"/>
      <c r="W27" s="390"/>
      <c r="X27" s="390"/>
      <c r="Y27" s="390"/>
      <c r="Z27" s="390"/>
      <c r="AA27" s="390"/>
      <c r="AB27" s="390"/>
      <c r="AC27" s="390"/>
      <c r="AD27" s="390"/>
      <c r="AE27" s="390"/>
      <c r="AF27" s="390"/>
      <c r="AG27" s="390"/>
      <c r="AH27" s="390"/>
      <c r="AI27" s="390"/>
      <c r="AJ27" s="390"/>
      <c r="AK27" s="390"/>
      <c r="AL27" s="377"/>
    </row>
    <row r="28" spans="2:38" ht="15" customHeight="1" x14ac:dyDescent="0.2">
      <c r="B28" s="2650"/>
      <c r="C28" s="2651"/>
      <c r="D28" s="2651"/>
      <c r="E28" s="2651"/>
      <c r="F28" s="2651"/>
      <c r="G28" s="2651"/>
      <c r="H28" s="2651"/>
      <c r="I28" s="2651"/>
      <c r="J28" s="2651"/>
      <c r="K28" s="2652"/>
      <c r="L28" s="2632"/>
      <c r="M28" s="2633"/>
      <c r="N28" s="382"/>
      <c r="O28" s="382"/>
      <c r="P28" s="416"/>
      <c r="Q28" s="382"/>
      <c r="R28" s="382"/>
      <c r="S28" s="382"/>
      <c r="T28" s="378"/>
      <c r="U28" s="382"/>
      <c r="V28" s="382"/>
      <c r="W28" s="382"/>
      <c r="X28" s="382"/>
      <c r="Y28" s="378"/>
      <c r="Z28" s="378"/>
      <c r="AA28" s="378"/>
      <c r="AB28" s="378"/>
      <c r="AC28" s="378"/>
      <c r="AD28" s="378"/>
      <c r="AE28" s="378"/>
      <c r="AF28" s="378"/>
      <c r="AG28" s="378"/>
      <c r="AH28" s="378"/>
      <c r="AI28" s="378"/>
      <c r="AJ28" s="378"/>
      <c r="AK28" s="378"/>
      <c r="AL28" s="393"/>
    </row>
    <row r="29" spans="2:38" ht="15" customHeight="1" x14ac:dyDescent="0.2">
      <c r="B29" s="2650"/>
      <c r="C29" s="2651"/>
      <c r="D29" s="2651"/>
      <c r="E29" s="2651"/>
      <c r="F29" s="2651"/>
      <c r="G29" s="2651"/>
      <c r="H29" s="2651"/>
      <c r="I29" s="2651"/>
      <c r="J29" s="2651"/>
      <c r="K29" s="2652"/>
      <c r="L29" s="2632"/>
      <c r="M29" s="2633"/>
      <c r="N29" s="415" t="s">
        <v>745</v>
      </c>
      <c r="O29" s="382"/>
      <c r="P29" s="382"/>
      <c r="Q29" s="382"/>
      <c r="R29" s="382"/>
      <c r="S29" s="382"/>
      <c r="T29" s="378"/>
      <c r="U29" s="382"/>
      <c r="V29" s="382"/>
      <c r="W29" s="382"/>
      <c r="X29" s="382"/>
      <c r="Y29" s="378"/>
      <c r="Z29" s="378"/>
      <c r="AA29" s="378"/>
      <c r="AB29" s="378"/>
      <c r="AC29" s="378"/>
      <c r="AD29" s="378"/>
      <c r="AE29" s="378"/>
      <c r="AF29" s="378"/>
      <c r="AG29" s="378"/>
      <c r="AH29" s="378"/>
      <c r="AI29" s="378"/>
      <c r="AJ29" s="378"/>
      <c r="AK29" s="378"/>
      <c r="AL29" s="393"/>
    </row>
    <row r="30" spans="2:38" ht="15" customHeight="1" x14ac:dyDescent="0.2">
      <c r="B30" s="2650"/>
      <c r="C30" s="2651"/>
      <c r="D30" s="2651"/>
      <c r="E30" s="2651"/>
      <c r="F30" s="2651"/>
      <c r="G30" s="2651"/>
      <c r="H30" s="2651"/>
      <c r="I30" s="2651"/>
      <c r="J30" s="2651"/>
      <c r="K30" s="2652"/>
      <c r="L30" s="2632"/>
      <c r="M30" s="2633"/>
      <c r="N30" s="414"/>
      <c r="O30" s="414"/>
      <c r="P30" s="382"/>
      <c r="Q30" s="382"/>
      <c r="R30" s="382"/>
      <c r="S30" s="382"/>
      <c r="T30" s="378"/>
      <c r="U30" s="382"/>
      <c r="V30" s="382"/>
      <c r="W30" s="382"/>
      <c r="X30" s="382"/>
      <c r="Y30" s="382"/>
      <c r="Z30" s="382"/>
      <c r="AA30" s="382"/>
      <c r="AB30" s="382"/>
      <c r="AC30" s="382"/>
      <c r="AD30" s="382"/>
      <c r="AE30" s="382"/>
      <c r="AF30" s="382"/>
      <c r="AG30" s="382"/>
      <c r="AH30" s="378"/>
      <c r="AI30" s="378"/>
      <c r="AJ30" s="378"/>
      <c r="AK30" s="378"/>
      <c r="AL30" s="393"/>
    </row>
    <row r="31" spans="2:38" ht="15" customHeight="1" x14ac:dyDescent="0.2">
      <c r="B31" s="2650"/>
      <c r="C31" s="2651"/>
      <c r="D31" s="2651"/>
      <c r="E31" s="2651"/>
      <c r="F31" s="2651"/>
      <c r="G31" s="2651"/>
      <c r="H31" s="2651"/>
      <c r="I31" s="2651"/>
      <c r="J31" s="2651"/>
      <c r="K31" s="2652"/>
      <c r="L31" s="2632"/>
      <c r="M31" s="2633"/>
      <c r="N31" s="412"/>
      <c r="O31" s="412"/>
      <c r="P31" s="387"/>
      <c r="Q31" s="387"/>
      <c r="R31" s="387"/>
      <c r="S31" s="386"/>
      <c r="T31" s="384"/>
      <c r="U31" s="387"/>
      <c r="V31" s="387"/>
      <c r="W31" s="387"/>
      <c r="X31" s="387"/>
      <c r="Y31" s="387"/>
      <c r="Z31" s="387"/>
      <c r="AA31" s="387"/>
      <c r="AB31" s="387"/>
      <c r="AC31" s="387"/>
      <c r="AD31" s="387"/>
      <c r="AE31" s="387"/>
      <c r="AF31" s="387"/>
      <c r="AG31" s="387"/>
      <c r="AH31" s="384"/>
      <c r="AI31" s="384"/>
      <c r="AJ31" s="384"/>
      <c r="AK31" s="384"/>
      <c r="AL31" s="396"/>
    </row>
    <row r="32" spans="2:38" ht="15" customHeight="1" x14ac:dyDescent="0.2">
      <c r="B32" s="2650"/>
      <c r="C32" s="2651"/>
      <c r="D32" s="2651"/>
      <c r="E32" s="2651"/>
      <c r="F32" s="2651"/>
      <c r="G32" s="2651"/>
      <c r="H32" s="2651"/>
      <c r="I32" s="2651"/>
      <c r="J32" s="2651"/>
      <c r="K32" s="2652"/>
      <c r="L32" s="2634" t="s">
        <v>131</v>
      </c>
      <c r="M32" s="2635"/>
      <c r="N32" s="414"/>
      <c r="O32" s="414"/>
      <c r="P32" s="382"/>
      <c r="Q32" s="382"/>
      <c r="R32" s="382"/>
      <c r="S32" s="413"/>
      <c r="T32" s="378"/>
      <c r="U32" s="382"/>
      <c r="V32" s="382"/>
      <c r="W32" s="382"/>
      <c r="X32" s="382"/>
      <c r="Y32" s="382"/>
      <c r="Z32" s="382"/>
      <c r="AA32" s="382"/>
      <c r="AB32" s="382"/>
      <c r="AC32" s="382"/>
      <c r="AD32" s="382"/>
      <c r="AE32" s="382"/>
      <c r="AF32" s="382"/>
      <c r="AG32" s="382"/>
      <c r="AH32" s="378"/>
      <c r="AI32" s="378"/>
      <c r="AJ32" s="378"/>
      <c r="AK32" s="378"/>
      <c r="AL32" s="393"/>
    </row>
    <row r="33" spans="2:38" ht="15" customHeight="1" x14ac:dyDescent="0.2">
      <c r="B33" s="2650"/>
      <c r="C33" s="2651"/>
      <c r="D33" s="2651"/>
      <c r="E33" s="2651"/>
      <c r="F33" s="2651"/>
      <c r="G33" s="2651"/>
      <c r="H33" s="2651"/>
      <c r="I33" s="2651"/>
      <c r="J33" s="2651"/>
      <c r="K33" s="2652"/>
      <c r="L33" s="2636"/>
      <c r="M33" s="2637"/>
      <c r="N33" s="414"/>
      <c r="O33" s="414"/>
      <c r="P33" s="382"/>
      <c r="Q33" s="382"/>
      <c r="R33" s="382"/>
      <c r="S33" s="413"/>
      <c r="T33" s="378"/>
      <c r="U33" s="382"/>
      <c r="V33" s="382"/>
      <c r="W33" s="382"/>
      <c r="X33" s="382"/>
      <c r="Y33" s="382"/>
      <c r="Z33" s="382"/>
      <c r="AA33" s="382"/>
      <c r="AB33" s="382"/>
      <c r="AC33" s="382"/>
      <c r="AD33" s="382"/>
      <c r="AE33" s="382"/>
      <c r="AF33" s="382"/>
      <c r="AG33" s="382"/>
      <c r="AH33" s="378"/>
      <c r="AI33" s="378"/>
      <c r="AJ33" s="378"/>
      <c r="AK33" s="378"/>
      <c r="AL33" s="393"/>
    </row>
    <row r="34" spans="2:38" ht="15" customHeight="1" x14ac:dyDescent="0.2">
      <c r="B34" s="2650"/>
      <c r="C34" s="2651"/>
      <c r="D34" s="2651"/>
      <c r="E34" s="2651"/>
      <c r="F34" s="2651"/>
      <c r="G34" s="2651"/>
      <c r="H34" s="2651"/>
      <c r="I34" s="2651"/>
      <c r="J34" s="2651"/>
      <c r="K34" s="2652"/>
      <c r="L34" s="2636"/>
      <c r="M34" s="2637"/>
      <c r="N34" s="414"/>
      <c r="O34" s="414"/>
      <c r="P34" s="382"/>
      <c r="Q34" s="382"/>
      <c r="R34" s="382"/>
      <c r="S34" s="413"/>
      <c r="T34" s="378"/>
      <c r="U34" s="382"/>
      <c r="V34" s="382"/>
      <c r="W34" s="382"/>
      <c r="X34" s="382"/>
      <c r="Y34" s="382"/>
      <c r="Z34" s="382"/>
      <c r="AA34" s="382"/>
      <c r="AB34" s="382"/>
      <c r="AC34" s="382"/>
      <c r="AD34" s="382"/>
      <c r="AE34" s="382"/>
      <c r="AF34" s="382"/>
      <c r="AG34" s="382"/>
      <c r="AH34" s="378"/>
      <c r="AI34" s="378"/>
      <c r="AJ34" s="378"/>
      <c r="AK34" s="378"/>
      <c r="AL34" s="393"/>
    </row>
    <row r="35" spans="2:38" ht="15" customHeight="1" x14ac:dyDescent="0.2">
      <c r="B35" s="2650"/>
      <c r="C35" s="2651"/>
      <c r="D35" s="2651"/>
      <c r="E35" s="2651"/>
      <c r="F35" s="2651"/>
      <c r="G35" s="2651"/>
      <c r="H35" s="2651"/>
      <c r="I35" s="2651"/>
      <c r="J35" s="2651"/>
      <c r="K35" s="2652"/>
      <c r="L35" s="2636"/>
      <c r="M35" s="2637"/>
      <c r="N35" s="414"/>
      <c r="O35" s="414"/>
      <c r="P35" s="382"/>
      <c r="Q35" s="382"/>
      <c r="R35" s="382"/>
      <c r="S35" s="413"/>
      <c r="T35" s="378"/>
      <c r="U35" s="382"/>
      <c r="V35" s="382"/>
      <c r="W35" s="382"/>
      <c r="X35" s="382"/>
      <c r="Y35" s="382"/>
      <c r="Z35" s="382"/>
      <c r="AA35" s="382"/>
      <c r="AB35" s="382"/>
      <c r="AC35" s="382"/>
      <c r="AD35" s="382"/>
      <c r="AE35" s="382"/>
      <c r="AF35" s="382"/>
      <c r="AG35" s="382"/>
      <c r="AH35" s="378"/>
      <c r="AI35" s="378"/>
      <c r="AJ35" s="378"/>
      <c r="AK35" s="378"/>
      <c r="AL35" s="393"/>
    </row>
    <row r="36" spans="2:38" ht="15" customHeight="1" x14ac:dyDescent="0.2">
      <c r="B36" s="2653"/>
      <c r="C36" s="2654"/>
      <c r="D36" s="2654"/>
      <c r="E36" s="2654"/>
      <c r="F36" s="2654"/>
      <c r="G36" s="2654"/>
      <c r="H36" s="2654"/>
      <c r="I36" s="2654"/>
      <c r="J36" s="2654"/>
      <c r="K36" s="2655"/>
      <c r="L36" s="2636"/>
      <c r="M36" s="2637"/>
      <c r="N36" s="412"/>
      <c r="O36" s="412"/>
      <c r="P36" s="387"/>
      <c r="Q36" s="387"/>
      <c r="R36" s="387"/>
      <c r="S36" s="387"/>
      <c r="T36" s="387"/>
      <c r="U36" s="387"/>
      <c r="V36" s="387"/>
      <c r="W36" s="387"/>
      <c r="X36" s="387"/>
      <c r="Y36" s="387"/>
      <c r="Z36" s="387"/>
      <c r="AA36" s="387"/>
      <c r="AB36" s="387"/>
      <c r="AC36" s="387"/>
      <c r="AD36" s="387"/>
      <c r="AE36" s="387"/>
      <c r="AF36" s="387"/>
      <c r="AG36" s="387"/>
      <c r="AH36" s="384"/>
      <c r="AI36" s="384"/>
      <c r="AJ36" s="384"/>
      <c r="AK36" s="384"/>
      <c r="AL36" s="396"/>
    </row>
    <row r="37" spans="2:38" ht="75" customHeight="1" x14ac:dyDescent="0.2">
      <c r="B37" s="2525" t="s">
        <v>744</v>
      </c>
      <c r="C37" s="2525"/>
      <c r="D37" s="2525"/>
      <c r="E37" s="2525"/>
      <c r="F37" s="2525"/>
      <c r="G37" s="2525"/>
      <c r="H37" s="2525"/>
      <c r="I37" s="2525"/>
      <c r="J37" s="2525"/>
      <c r="K37" s="2525"/>
      <c r="L37" s="2525"/>
      <c r="M37" s="2525"/>
      <c r="N37" s="2525"/>
      <c r="O37" s="2525"/>
      <c r="P37" s="2525"/>
      <c r="Q37" s="2525"/>
      <c r="R37" s="2525"/>
      <c r="S37" s="2525"/>
      <c r="T37" s="2525"/>
      <c r="U37" s="2525"/>
      <c r="V37" s="2525"/>
      <c r="W37" s="2525"/>
      <c r="X37" s="2525"/>
      <c r="Y37" s="2525"/>
      <c r="Z37" s="2525"/>
      <c r="AA37" s="2525"/>
      <c r="AB37" s="2525"/>
      <c r="AC37" s="2525"/>
      <c r="AD37" s="2525"/>
      <c r="AE37" s="2525"/>
      <c r="AF37" s="2525"/>
      <c r="AG37" s="2525"/>
      <c r="AH37" s="2525"/>
      <c r="AI37" s="2525"/>
      <c r="AJ37" s="2525"/>
      <c r="AK37" s="2525"/>
      <c r="AL37" s="2525"/>
    </row>
    <row r="38" spans="2:38" x14ac:dyDescent="0.2">
      <c r="B38" s="397"/>
      <c r="C38" s="397"/>
      <c r="D38" s="397"/>
      <c r="E38" s="397"/>
      <c r="F38" s="397"/>
      <c r="G38" s="397"/>
      <c r="H38" s="397"/>
      <c r="I38" s="397"/>
      <c r="J38" s="397"/>
      <c r="K38" s="397"/>
      <c r="L38" s="397"/>
      <c r="M38" s="397"/>
      <c r="N38" s="397"/>
      <c r="O38" s="397"/>
      <c r="P38" s="397"/>
      <c r="Q38" s="397"/>
      <c r="R38" s="397"/>
      <c r="S38" s="397"/>
      <c r="T38" s="397"/>
      <c r="U38" s="397"/>
      <c r="V38" s="397"/>
      <c r="W38" s="397"/>
      <c r="X38" s="397"/>
      <c r="Y38" s="397"/>
      <c r="Z38" s="397"/>
      <c r="AA38" s="397"/>
      <c r="AB38" s="397"/>
      <c r="AC38" s="397"/>
      <c r="AD38" s="397"/>
      <c r="AE38" s="397"/>
      <c r="AF38" s="397"/>
      <c r="AG38" s="397"/>
      <c r="AH38" s="397"/>
      <c r="AI38" s="397"/>
      <c r="AJ38" s="397"/>
      <c r="AK38" s="397"/>
      <c r="AL38" s="397"/>
    </row>
  </sheetData>
  <customSheetViews>
    <customSheetView guid="{FA98832E-F01A-4598-9960-E27C2FDAB118}" scale="110" showPageBreaks="1" showGridLines="0" printArea="1" view="pageBreakPreview">
      <selection activeCell="J20" sqref="J20"/>
      <colBreaks count="1" manualBreakCount="1">
        <brk id="38" max="1048575" man="1"/>
      </colBreaks>
      <pageMargins left="0.7" right="0.7" top="0.75" bottom="0.75" header="0.3" footer="0.3"/>
      <pageSetup paperSize="9" scale="96" orientation="portrait" r:id="rId1"/>
    </customSheetView>
    <customSheetView guid="{8494577A-77FB-45FD-BD2B-C737BCFAD5B3}" scale="110" showPageBreaks="1" showGridLines="0" printArea="1" view="pageBreakPreview">
      <selection activeCell="J20" sqref="J20"/>
      <colBreaks count="1" manualBreakCount="1">
        <brk id="38" max="1048575" man="1"/>
      </colBreaks>
      <pageMargins left="0.7" right="0.7" top="0.75" bottom="0.75" header="0.3" footer="0.3"/>
      <pageSetup paperSize="9" scale="96" orientation="portrait" r:id="rId2"/>
    </customSheetView>
  </customSheetViews>
  <mergeCells count="12">
    <mergeCell ref="L27:M31"/>
    <mergeCell ref="L32:M36"/>
    <mergeCell ref="B37:AL37"/>
    <mergeCell ref="AF1:AL1"/>
    <mergeCell ref="A3:AM4"/>
    <mergeCell ref="B6:K7"/>
    <mergeCell ref="L6:AL7"/>
    <mergeCell ref="B8:K9"/>
    <mergeCell ref="L8:AL9"/>
    <mergeCell ref="B10:K16"/>
    <mergeCell ref="B17:K26"/>
    <mergeCell ref="B27:K36"/>
  </mergeCells>
  <phoneticPr fontId="6"/>
  <pageMargins left="0.7" right="0.7" top="0.75" bottom="0.75" header="0.3" footer="0.3"/>
  <pageSetup paperSize="9" scale="96" orientation="portrait" r:id="rId3"/>
  <colBreaks count="1" manualBreakCount="1">
    <brk id="38" max="1048575" man="1"/>
  </colBreaks>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V139"/>
  <sheetViews>
    <sheetView view="pageBreakPreview" topLeftCell="A55" zoomScale="70" zoomScaleNormal="100" zoomScaleSheetLayoutView="70" zoomScalePageLayoutView="40" workbookViewId="0">
      <selection activeCell="K19" sqref="K19:S19"/>
    </sheetView>
  </sheetViews>
  <sheetFormatPr defaultColWidth="10" defaultRowHeight="21" x14ac:dyDescent="0.2"/>
  <cols>
    <col min="1" max="1" width="3.88671875" style="908" customWidth="1"/>
    <col min="2" max="3" width="12.44140625" style="908" customWidth="1"/>
    <col min="4" max="7" width="17.21875" style="908" customWidth="1"/>
    <col min="8" max="9" width="12.44140625" style="908" customWidth="1"/>
    <col min="10" max="10" width="5.21875" style="908" customWidth="1"/>
    <col min="11" max="12" width="12.44140625" style="908" customWidth="1"/>
    <col min="13" max="19" width="11" style="908" customWidth="1"/>
    <col min="20" max="20" width="12.6640625" style="908" customWidth="1"/>
    <col min="21" max="21" width="11.88671875" style="908" customWidth="1"/>
    <col min="22" max="22" width="2.21875" style="908" customWidth="1"/>
    <col min="23" max="16384" width="10" style="908"/>
  </cols>
  <sheetData>
    <row r="1" spans="2:21" x14ac:dyDescent="0.2">
      <c r="B1" s="398" t="s">
        <v>1696</v>
      </c>
      <c r="C1" s="399"/>
      <c r="D1" s="460"/>
      <c r="E1" s="460"/>
      <c r="F1" s="460"/>
      <c r="T1" s="2710" t="s">
        <v>1566</v>
      </c>
      <c r="U1" s="2733"/>
    </row>
    <row r="2" spans="2:21" ht="6.75" customHeight="1" x14ac:dyDescent="0.2">
      <c r="T2" s="909"/>
      <c r="U2" s="909"/>
    </row>
    <row r="3" spans="2:21" ht="20.25" customHeight="1" x14ac:dyDescent="0.2">
      <c r="O3" s="2734"/>
      <c r="P3" s="2734"/>
      <c r="Q3" s="910" t="s">
        <v>1040</v>
      </c>
      <c r="R3" s="910"/>
      <c r="S3" s="910" t="s">
        <v>1024</v>
      </c>
      <c r="T3" s="910"/>
      <c r="U3" s="910" t="s">
        <v>1025</v>
      </c>
    </row>
    <row r="4" spans="2:21" ht="7.5" customHeight="1" x14ac:dyDescent="0.2"/>
    <row r="5" spans="2:21" ht="29.25" customHeight="1" x14ac:dyDescent="0.2">
      <c r="B5" s="2735" t="s">
        <v>1567</v>
      </c>
      <c r="C5" s="2735"/>
      <c r="D5" s="2735"/>
      <c r="E5" s="2735"/>
      <c r="F5" s="2735"/>
      <c r="G5" s="2735"/>
      <c r="H5" s="2735"/>
      <c r="I5" s="2735"/>
      <c r="J5" s="2735"/>
      <c r="K5" s="2735"/>
      <c r="L5" s="2735"/>
      <c r="M5" s="2735"/>
      <c r="N5" s="2735"/>
      <c r="O5" s="2735"/>
      <c r="P5" s="2735"/>
      <c r="Q5" s="2735"/>
      <c r="R5" s="2735"/>
      <c r="S5" s="2735"/>
      <c r="T5" s="2735"/>
      <c r="U5" s="2735"/>
    </row>
    <row r="6" spans="2:21" ht="19.5" customHeight="1" x14ac:dyDescent="0.2"/>
    <row r="7" spans="2:21" ht="46.5" customHeight="1" x14ac:dyDescent="0.2">
      <c r="B7" s="2732" t="s">
        <v>1568</v>
      </c>
      <c r="C7" s="2732"/>
      <c r="D7" s="2705"/>
      <c r="E7" s="2705"/>
      <c r="F7" s="2705"/>
      <c r="G7" s="2705"/>
      <c r="H7" s="2705"/>
      <c r="I7" s="2705"/>
      <c r="K7" s="2732" t="s">
        <v>1569</v>
      </c>
      <c r="L7" s="2732"/>
      <c r="M7" s="2705"/>
      <c r="N7" s="2705"/>
      <c r="O7" s="2705"/>
      <c r="P7" s="2705"/>
      <c r="Q7" s="2705"/>
      <c r="R7" s="2705"/>
      <c r="S7" s="2705"/>
      <c r="T7" s="2705"/>
      <c r="U7" s="2705"/>
    </row>
    <row r="8" spans="2:21" ht="46.5" customHeight="1" x14ac:dyDescent="0.2">
      <c r="B8" s="2732" t="s">
        <v>1570</v>
      </c>
      <c r="C8" s="2732"/>
      <c r="D8" s="2705"/>
      <c r="E8" s="2705"/>
      <c r="F8" s="2705"/>
      <c r="G8" s="2705"/>
      <c r="H8" s="2705"/>
      <c r="I8" s="2705"/>
      <c r="K8" s="2732" t="s">
        <v>1571</v>
      </c>
      <c r="L8" s="2732"/>
      <c r="M8" s="2705"/>
      <c r="N8" s="2705"/>
      <c r="O8" s="2705"/>
      <c r="P8" s="2705"/>
      <c r="Q8" s="2705"/>
      <c r="R8" s="2705"/>
      <c r="S8" s="2705"/>
      <c r="T8" s="2705"/>
      <c r="U8" s="2705"/>
    </row>
    <row r="9" spans="2:21" ht="48" customHeight="1" x14ac:dyDescent="0.2">
      <c r="B9" s="2732" t="s">
        <v>1572</v>
      </c>
      <c r="C9" s="2732"/>
      <c r="D9" s="2705"/>
      <c r="E9" s="2705"/>
      <c r="F9" s="2705"/>
      <c r="G9" s="2705"/>
      <c r="H9" s="2705"/>
      <c r="I9" s="2705"/>
      <c r="K9" s="2732" t="s">
        <v>1573</v>
      </c>
      <c r="L9" s="2732"/>
      <c r="M9" s="2705"/>
      <c r="N9" s="2705"/>
      <c r="O9" s="2705"/>
      <c r="P9" s="2705"/>
      <c r="Q9" s="2705"/>
      <c r="R9" s="2705"/>
      <c r="S9" s="2705"/>
      <c r="T9" s="2705"/>
      <c r="U9" s="2705"/>
    </row>
    <row r="10" spans="2:21" ht="19.5" customHeight="1" x14ac:dyDescent="0.2"/>
    <row r="11" spans="2:21" ht="33" customHeight="1" x14ac:dyDescent="0.2">
      <c r="B11" s="2677" t="s">
        <v>1574</v>
      </c>
      <c r="C11" s="2678"/>
      <c r="D11" s="2678"/>
      <c r="E11" s="2678"/>
      <c r="F11" s="2678"/>
      <c r="G11" s="2678"/>
      <c r="H11" s="2678"/>
      <c r="I11" s="2679"/>
      <c r="K11" s="2677" t="s">
        <v>1575</v>
      </c>
      <c r="L11" s="2678"/>
      <c r="M11" s="2678"/>
      <c r="N11" s="2678"/>
      <c r="O11" s="2678"/>
      <c r="P11" s="2678"/>
      <c r="Q11" s="2678"/>
      <c r="R11" s="2678"/>
      <c r="S11" s="2678"/>
      <c r="T11" s="2678"/>
      <c r="U11" s="2679"/>
    </row>
    <row r="12" spans="2:21" ht="33" customHeight="1" x14ac:dyDescent="0.2">
      <c r="B12" s="2673" t="s">
        <v>1576</v>
      </c>
      <c r="C12" s="2673"/>
      <c r="D12" s="2673"/>
      <c r="E12" s="2673"/>
      <c r="F12" s="2673"/>
      <c r="G12" s="2673"/>
      <c r="H12" s="911" t="s">
        <v>1698</v>
      </c>
      <c r="I12" s="2721">
        <f>IF(H12="○",90,IF(H13="○",80,IF(H14="○",65,IF(H15="○",55,IF(H16="○",40,IF(H17="○",30,IF(H18="○",20,IF(H19="○",5))))))))</f>
        <v>90</v>
      </c>
      <c r="K12" s="2723" t="s">
        <v>1577</v>
      </c>
      <c r="L12" s="2724"/>
      <c r="M12" s="2724"/>
      <c r="N12" s="2724"/>
      <c r="O12" s="2724"/>
      <c r="P12" s="2724"/>
      <c r="Q12" s="2724"/>
      <c r="R12" s="2724"/>
      <c r="S12" s="2724"/>
      <c r="T12" s="2725"/>
      <c r="U12" s="2726">
        <f>IF(T32&gt;=5,15,IF(AND(T32&gt;=3,T32&lt;=4),5,IF(AND(T32&gt;=2,T32&lt;=0),0,0)))</f>
        <v>0</v>
      </c>
    </row>
    <row r="13" spans="2:21" ht="33" customHeight="1" x14ac:dyDescent="0.2">
      <c r="B13" s="2673" t="s">
        <v>1578</v>
      </c>
      <c r="C13" s="2673"/>
      <c r="D13" s="2673"/>
      <c r="E13" s="2673"/>
      <c r="F13" s="2673"/>
      <c r="G13" s="2673"/>
      <c r="H13" s="911" t="s">
        <v>757</v>
      </c>
      <c r="I13" s="2722"/>
      <c r="K13" s="2718" t="s">
        <v>1579</v>
      </c>
      <c r="L13" s="2719"/>
      <c r="M13" s="2719"/>
      <c r="N13" s="2719"/>
      <c r="O13" s="2719"/>
      <c r="P13" s="2719"/>
      <c r="Q13" s="2719"/>
      <c r="R13" s="2719"/>
      <c r="S13" s="2720"/>
      <c r="T13" s="912"/>
      <c r="U13" s="2727"/>
    </row>
    <row r="14" spans="2:21" ht="33" customHeight="1" x14ac:dyDescent="0.2">
      <c r="B14" s="2673" t="s">
        <v>1580</v>
      </c>
      <c r="C14" s="2673"/>
      <c r="D14" s="2673"/>
      <c r="E14" s="2673"/>
      <c r="F14" s="2673"/>
      <c r="G14" s="2673"/>
      <c r="H14" s="911"/>
      <c r="I14" s="2722"/>
      <c r="K14" s="2696" t="s">
        <v>1581</v>
      </c>
      <c r="L14" s="2697"/>
      <c r="M14" s="2697"/>
      <c r="N14" s="2697"/>
      <c r="O14" s="2697"/>
      <c r="P14" s="2697"/>
      <c r="Q14" s="2697"/>
      <c r="R14" s="2697"/>
      <c r="S14" s="2697"/>
      <c r="T14" s="2698"/>
      <c r="U14" s="2727"/>
    </row>
    <row r="15" spans="2:21" ht="33" customHeight="1" x14ac:dyDescent="0.2">
      <c r="B15" s="2673" t="s">
        <v>1582</v>
      </c>
      <c r="C15" s="2673"/>
      <c r="D15" s="2673"/>
      <c r="E15" s="2673"/>
      <c r="F15" s="2673"/>
      <c r="G15" s="2673"/>
      <c r="H15" s="911" t="s">
        <v>757</v>
      </c>
      <c r="I15" s="2722"/>
      <c r="K15" s="2729" t="s">
        <v>1583</v>
      </c>
      <c r="L15" s="2730"/>
      <c r="M15" s="2730"/>
      <c r="N15" s="2730"/>
      <c r="O15" s="2730"/>
      <c r="P15" s="2730"/>
      <c r="Q15" s="2730"/>
      <c r="R15" s="2730"/>
      <c r="S15" s="2731"/>
      <c r="T15" s="913"/>
      <c r="U15" s="2727"/>
    </row>
    <row r="16" spans="2:21" ht="33" customHeight="1" x14ac:dyDescent="0.2">
      <c r="B16" s="2673" t="s">
        <v>1584</v>
      </c>
      <c r="C16" s="2673"/>
      <c r="D16" s="2673"/>
      <c r="E16" s="2673"/>
      <c r="F16" s="2673"/>
      <c r="G16" s="2673"/>
      <c r="H16" s="911"/>
      <c r="I16" s="2722"/>
      <c r="K16" s="2696" t="s">
        <v>1585</v>
      </c>
      <c r="L16" s="2697"/>
      <c r="M16" s="2697"/>
      <c r="N16" s="2697"/>
      <c r="O16" s="2697"/>
      <c r="P16" s="2697"/>
      <c r="Q16" s="2697"/>
      <c r="R16" s="2697"/>
      <c r="S16" s="2697"/>
      <c r="T16" s="2698"/>
      <c r="U16" s="2727"/>
    </row>
    <row r="17" spans="2:21" ht="33" customHeight="1" x14ac:dyDescent="0.2">
      <c r="B17" s="2673" t="s">
        <v>1586</v>
      </c>
      <c r="C17" s="2673"/>
      <c r="D17" s="2673"/>
      <c r="E17" s="2673"/>
      <c r="F17" s="2673"/>
      <c r="G17" s="2673"/>
      <c r="H17" s="911"/>
      <c r="I17" s="2722"/>
      <c r="K17" s="2718" t="s">
        <v>1587</v>
      </c>
      <c r="L17" s="2719"/>
      <c r="M17" s="2719"/>
      <c r="N17" s="2719"/>
      <c r="O17" s="2719"/>
      <c r="P17" s="2719"/>
      <c r="Q17" s="2719"/>
      <c r="R17" s="2719"/>
      <c r="S17" s="2720"/>
      <c r="T17" s="912"/>
      <c r="U17" s="2727"/>
    </row>
    <row r="18" spans="2:21" ht="33" customHeight="1" x14ac:dyDescent="0.2">
      <c r="B18" s="2673" t="s">
        <v>1588</v>
      </c>
      <c r="C18" s="2673"/>
      <c r="D18" s="2673"/>
      <c r="E18" s="2673"/>
      <c r="F18" s="2673"/>
      <c r="G18" s="2673"/>
      <c r="H18" s="911"/>
      <c r="I18" s="2722"/>
      <c r="K18" s="2715" t="s">
        <v>1031</v>
      </c>
      <c r="L18" s="2716"/>
      <c r="M18" s="2716"/>
      <c r="N18" s="2716"/>
      <c r="O18" s="2716"/>
      <c r="P18" s="2716"/>
      <c r="Q18" s="2716"/>
      <c r="R18" s="2716"/>
      <c r="S18" s="2716"/>
      <c r="T18" s="2717"/>
      <c r="U18" s="2727"/>
    </row>
    <row r="19" spans="2:21" ht="33" customHeight="1" x14ac:dyDescent="0.2">
      <c r="B19" s="2673" t="s">
        <v>1589</v>
      </c>
      <c r="C19" s="2673"/>
      <c r="D19" s="2673"/>
      <c r="E19" s="2673"/>
      <c r="F19" s="2673"/>
      <c r="G19" s="2673"/>
      <c r="H19" s="911"/>
      <c r="I19" s="914" t="s">
        <v>1590</v>
      </c>
      <c r="K19" s="2718" t="s">
        <v>1583</v>
      </c>
      <c r="L19" s="2719"/>
      <c r="M19" s="2719"/>
      <c r="N19" s="2719"/>
      <c r="O19" s="2719"/>
      <c r="P19" s="2719"/>
      <c r="Q19" s="2719"/>
      <c r="R19" s="2719"/>
      <c r="S19" s="2720"/>
      <c r="T19" s="912"/>
      <c r="U19" s="2727"/>
    </row>
    <row r="20" spans="2:21" ht="35.25" customHeight="1" x14ac:dyDescent="0.2">
      <c r="B20" s="2709" t="s">
        <v>1591</v>
      </c>
      <c r="C20" s="2709"/>
      <c r="D20" s="2709"/>
      <c r="E20" s="2709"/>
      <c r="F20" s="2709"/>
      <c r="G20" s="2709"/>
      <c r="H20" s="2709"/>
      <c r="I20" s="2709"/>
      <c r="K20" s="2715" t="s">
        <v>1032</v>
      </c>
      <c r="L20" s="2716"/>
      <c r="M20" s="2716"/>
      <c r="N20" s="2716"/>
      <c r="O20" s="2716"/>
      <c r="P20" s="2716"/>
      <c r="Q20" s="2716"/>
      <c r="R20" s="2716"/>
      <c r="S20" s="2716"/>
      <c r="T20" s="2717"/>
      <c r="U20" s="2727"/>
    </row>
    <row r="21" spans="2:21" ht="33" customHeight="1" x14ac:dyDescent="0.2">
      <c r="B21" s="2677" t="s">
        <v>1592</v>
      </c>
      <c r="C21" s="2678"/>
      <c r="D21" s="2678"/>
      <c r="E21" s="2678"/>
      <c r="F21" s="2678"/>
      <c r="G21" s="2678"/>
      <c r="H21" s="2678"/>
      <c r="I21" s="2679"/>
      <c r="K21" s="2680" t="s">
        <v>1593</v>
      </c>
      <c r="L21" s="2681"/>
      <c r="M21" s="2681"/>
      <c r="N21" s="2681"/>
      <c r="O21" s="2681"/>
      <c r="P21" s="2681"/>
      <c r="Q21" s="2681"/>
      <c r="R21" s="2681"/>
      <c r="S21" s="2682"/>
      <c r="T21" s="2711"/>
      <c r="U21" s="2727"/>
    </row>
    <row r="22" spans="2:21" ht="24" customHeight="1" x14ac:dyDescent="0.2">
      <c r="B22" s="2704" t="s">
        <v>1594</v>
      </c>
      <c r="C22" s="2704"/>
      <c r="D22" s="2704"/>
      <c r="E22" s="2704"/>
      <c r="F22" s="2704"/>
      <c r="G22" s="2704"/>
      <c r="H22" s="2710" t="s">
        <v>757</v>
      </c>
      <c r="I22" s="2711" t="b">
        <f>IF(H22="○",60,IF(H24="○",50,IF(H26="○",40,IF(H28="○",20,IF(H30="○",-10,IF(H32="○",-20))))))</f>
        <v>0</v>
      </c>
      <c r="K22" s="2686"/>
      <c r="L22" s="2687"/>
      <c r="M22" s="2687"/>
      <c r="N22" s="2687"/>
      <c r="O22" s="2687"/>
      <c r="P22" s="2687"/>
      <c r="Q22" s="2687"/>
      <c r="R22" s="2687"/>
      <c r="S22" s="2688"/>
      <c r="T22" s="2712"/>
      <c r="U22" s="2727"/>
    </row>
    <row r="23" spans="2:21" ht="35.25" customHeight="1" x14ac:dyDescent="0.2">
      <c r="B23" s="2704"/>
      <c r="C23" s="2704"/>
      <c r="D23" s="2704"/>
      <c r="E23" s="2704"/>
      <c r="F23" s="2704"/>
      <c r="G23" s="2704"/>
      <c r="H23" s="2710"/>
      <c r="I23" s="2713"/>
      <c r="K23" s="2715" t="s">
        <v>1033</v>
      </c>
      <c r="L23" s="2716"/>
      <c r="M23" s="2716"/>
      <c r="N23" s="2716"/>
      <c r="O23" s="2716"/>
      <c r="P23" s="2716"/>
      <c r="Q23" s="2716"/>
      <c r="R23" s="2716"/>
      <c r="S23" s="2716"/>
      <c r="T23" s="2717"/>
      <c r="U23" s="2727"/>
    </row>
    <row r="24" spans="2:21" ht="35.25" customHeight="1" x14ac:dyDescent="0.2">
      <c r="B24" s="2704" t="s">
        <v>1595</v>
      </c>
      <c r="C24" s="2704"/>
      <c r="D24" s="2704"/>
      <c r="E24" s="2704"/>
      <c r="F24" s="2704"/>
      <c r="G24" s="2704"/>
      <c r="H24" s="2710" t="s">
        <v>757</v>
      </c>
      <c r="I24" s="2713"/>
      <c r="K24" s="2680" t="s">
        <v>1596</v>
      </c>
      <c r="L24" s="2681"/>
      <c r="M24" s="2681"/>
      <c r="N24" s="2681"/>
      <c r="O24" s="2681"/>
      <c r="P24" s="2681"/>
      <c r="Q24" s="2681"/>
      <c r="R24" s="2681"/>
      <c r="S24" s="2682"/>
      <c r="T24" s="2711"/>
      <c r="U24" s="2727"/>
    </row>
    <row r="25" spans="2:21" ht="24" customHeight="1" x14ac:dyDescent="0.2">
      <c r="B25" s="2704"/>
      <c r="C25" s="2704"/>
      <c r="D25" s="2704"/>
      <c r="E25" s="2704"/>
      <c r="F25" s="2704"/>
      <c r="G25" s="2704"/>
      <c r="H25" s="2710"/>
      <c r="I25" s="2713"/>
      <c r="K25" s="2686"/>
      <c r="L25" s="2687"/>
      <c r="M25" s="2687"/>
      <c r="N25" s="2687"/>
      <c r="O25" s="2687"/>
      <c r="P25" s="2687"/>
      <c r="Q25" s="2687"/>
      <c r="R25" s="2687"/>
      <c r="S25" s="2688"/>
      <c r="T25" s="2712"/>
      <c r="U25" s="2727"/>
    </row>
    <row r="26" spans="2:21" ht="35.25" customHeight="1" x14ac:dyDescent="0.2">
      <c r="B26" s="2704" t="s">
        <v>1597</v>
      </c>
      <c r="C26" s="2704"/>
      <c r="D26" s="2704"/>
      <c r="E26" s="2704"/>
      <c r="F26" s="2704"/>
      <c r="G26" s="2704"/>
      <c r="H26" s="2710" t="s">
        <v>757</v>
      </c>
      <c r="I26" s="2713"/>
      <c r="K26" s="2715" t="s">
        <v>1598</v>
      </c>
      <c r="L26" s="2716"/>
      <c r="M26" s="2716"/>
      <c r="N26" s="2716"/>
      <c r="O26" s="2716"/>
      <c r="P26" s="2716"/>
      <c r="Q26" s="2716"/>
      <c r="R26" s="2716"/>
      <c r="S26" s="2716"/>
      <c r="T26" s="2717"/>
      <c r="U26" s="2727"/>
    </row>
    <row r="27" spans="2:21" ht="25.5" customHeight="1" x14ac:dyDescent="0.2">
      <c r="B27" s="2704"/>
      <c r="C27" s="2704"/>
      <c r="D27" s="2704"/>
      <c r="E27" s="2704"/>
      <c r="F27" s="2704"/>
      <c r="G27" s="2704"/>
      <c r="H27" s="2710"/>
      <c r="I27" s="2713"/>
      <c r="K27" s="2680" t="s">
        <v>1599</v>
      </c>
      <c r="L27" s="2681"/>
      <c r="M27" s="2681"/>
      <c r="N27" s="2681"/>
      <c r="O27" s="2681"/>
      <c r="P27" s="2681"/>
      <c r="Q27" s="2681"/>
      <c r="R27" s="2681"/>
      <c r="S27" s="2682"/>
      <c r="T27" s="2711"/>
      <c r="U27" s="2727"/>
    </row>
    <row r="28" spans="2:21" ht="25.5" customHeight="1" x14ac:dyDescent="0.2">
      <c r="B28" s="2704" t="s">
        <v>1600</v>
      </c>
      <c r="C28" s="2704"/>
      <c r="D28" s="2704"/>
      <c r="E28" s="2704"/>
      <c r="F28" s="2704"/>
      <c r="G28" s="2704"/>
      <c r="H28" s="2710"/>
      <c r="I28" s="2713"/>
      <c r="K28" s="2686"/>
      <c r="L28" s="2687"/>
      <c r="M28" s="2687"/>
      <c r="N28" s="2687"/>
      <c r="O28" s="2687"/>
      <c r="P28" s="2687"/>
      <c r="Q28" s="2687"/>
      <c r="R28" s="2687"/>
      <c r="S28" s="2688"/>
      <c r="T28" s="2712"/>
      <c r="U28" s="2727"/>
    </row>
    <row r="29" spans="2:21" ht="35.25" customHeight="1" x14ac:dyDescent="0.2">
      <c r="B29" s="2704"/>
      <c r="C29" s="2704"/>
      <c r="D29" s="2704"/>
      <c r="E29" s="2704"/>
      <c r="F29" s="2704"/>
      <c r="G29" s="2704"/>
      <c r="H29" s="2710"/>
      <c r="I29" s="2713"/>
      <c r="K29" s="2670" t="s">
        <v>1601</v>
      </c>
      <c r="L29" s="2671"/>
      <c r="M29" s="2671"/>
      <c r="N29" s="2671"/>
      <c r="O29" s="2671"/>
      <c r="P29" s="2671"/>
      <c r="Q29" s="2671"/>
      <c r="R29" s="2671"/>
      <c r="S29" s="2671"/>
      <c r="T29" s="2672"/>
      <c r="U29" s="2727"/>
    </row>
    <row r="30" spans="2:21" ht="31.5" customHeight="1" x14ac:dyDescent="0.2">
      <c r="B30" s="2704" t="s">
        <v>1602</v>
      </c>
      <c r="C30" s="2704"/>
      <c r="D30" s="2704"/>
      <c r="E30" s="2704"/>
      <c r="F30" s="2704"/>
      <c r="G30" s="2704"/>
      <c r="H30" s="2710"/>
      <c r="I30" s="2713"/>
      <c r="K30" s="2683" t="s">
        <v>1603</v>
      </c>
      <c r="L30" s="2684"/>
      <c r="M30" s="2684"/>
      <c r="N30" s="2684"/>
      <c r="O30" s="2684"/>
      <c r="P30" s="2684"/>
      <c r="Q30" s="2684"/>
      <c r="R30" s="2684"/>
      <c r="S30" s="2685"/>
      <c r="T30" s="2690"/>
      <c r="U30" s="2727"/>
    </row>
    <row r="31" spans="2:21" ht="31.5" customHeight="1" x14ac:dyDescent="0.2">
      <c r="B31" s="2704"/>
      <c r="C31" s="2704"/>
      <c r="D31" s="2704"/>
      <c r="E31" s="2704"/>
      <c r="F31" s="2704"/>
      <c r="G31" s="2704"/>
      <c r="H31" s="2710"/>
      <c r="I31" s="2713"/>
      <c r="K31" s="2686"/>
      <c r="L31" s="2687"/>
      <c r="M31" s="2687"/>
      <c r="N31" s="2687"/>
      <c r="O31" s="2687"/>
      <c r="P31" s="2687"/>
      <c r="Q31" s="2687"/>
      <c r="R31" s="2687"/>
      <c r="S31" s="2688"/>
      <c r="T31" s="2691"/>
      <c r="U31" s="2728"/>
    </row>
    <row r="32" spans="2:21" ht="29.25" customHeight="1" x14ac:dyDescent="0.2">
      <c r="B32" s="2704" t="s">
        <v>1604</v>
      </c>
      <c r="C32" s="2704"/>
      <c r="D32" s="2704"/>
      <c r="E32" s="2704"/>
      <c r="F32" s="2704"/>
      <c r="G32" s="2704"/>
      <c r="H32" s="2705" t="s">
        <v>757</v>
      </c>
      <c r="I32" s="2714"/>
      <c r="K32" s="2706" t="s">
        <v>1605</v>
      </c>
      <c r="L32" s="2707"/>
      <c r="M32" s="2707"/>
      <c r="N32" s="2707"/>
      <c r="O32" s="2707"/>
      <c r="P32" s="2707"/>
      <c r="Q32" s="2707"/>
      <c r="R32" s="2707"/>
      <c r="S32" s="2708"/>
      <c r="T32" s="915">
        <f>((COUNTIF(T13,"○")+COUNTIF(T15,"○")+COUNTIF(T17,"○")+COUNTIF(T19,"○"))+COUNTIF(T21,"○")+COUNTIF(T24,"○")+COUNTIF(T27,"○")+COUNTIF(T30,"○"))*1</f>
        <v>0</v>
      </c>
      <c r="U32" s="914" t="s">
        <v>1590</v>
      </c>
    </row>
    <row r="33" spans="2:21" ht="25.5" customHeight="1" x14ac:dyDescent="0.2">
      <c r="B33" s="2704"/>
      <c r="C33" s="2704"/>
      <c r="D33" s="2704"/>
      <c r="E33" s="2704"/>
      <c r="F33" s="2704"/>
      <c r="G33" s="2704"/>
      <c r="H33" s="2705"/>
      <c r="I33" s="916" t="s">
        <v>1590</v>
      </c>
      <c r="K33" s="917" t="s">
        <v>1606</v>
      </c>
      <c r="O33" s="918"/>
      <c r="P33" s="918"/>
      <c r="Q33" s="918"/>
      <c r="R33" s="918" t="s">
        <v>1607</v>
      </c>
      <c r="S33" s="918"/>
      <c r="T33" s="918"/>
      <c r="U33" s="918"/>
    </row>
    <row r="34" spans="2:21" ht="31.5" customHeight="1" x14ac:dyDescent="0.2">
      <c r="B34" s="2709" t="s">
        <v>1608</v>
      </c>
      <c r="C34" s="2709"/>
      <c r="D34" s="2709"/>
      <c r="E34" s="2709"/>
      <c r="F34" s="2709"/>
      <c r="G34" s="2709"/>
      <c r="H34" s="2709"/>
      <c r="I34" s="2709"/>
      <c r="K34" s="2677" t="s">
        <v>1609</v>
      </c>
      <c r="L34" s="2678"/>
      <c r="M34" s="2678"/>
      <c r="N34" s="2678"/>
      <c r="O34" s="2678"/>
      <c r="P34" s="2678"/>
      <c r="Q34" s="2678"/>
      <c r="R34" s="2678"/>
      <c r="S34" s="2678"/>
      <c r="T34" s="2678"/>
      <c r="U34" s="2679"/>
    </row>
    <row r="35" spans="2:21" ht="33" customHeight="1" x14ac:dyDescent="0.2">
      <c r="B35" s="2694" t="s">
        <v>1610</v>
      </c>
      <c r="C35" s="2694"/>
      <c r="D35" s="2694"/>
      <c r="E35" s="2694"/>
      <c r="F35" s="2694"/>
      <c r="G35" s="2694"/>
      <c r="H35" s="2695"/>
      <c r="I35" s="2694"/>
      <c r="K35" s="2680" t="s">
        <v>1611</v>
      </c>
      <c r="L35" s="2681"/>
      <c r="M35" s="2681"/>
      <c r="N35" s="2681"/>
      <c r="O35" s="2681"/>
      <c r="P35" s="2681"/>
      <c r="Q35" s="2681"/>
      <c r="R35" s="2681"/>
      <c r="S35" s="2682"/>
      <c r="T35" s="2689"/>
      <c r="U35" s="2692">
        <f>IF(T35="○",10,0)</f>
        <v>0</v>
      </c>
    </row>
    <row r="36" spans="2:21" ht="35.25" customHeight="1" x14ac:dyDescent="0.2">
      <c r="B36" s="2696" t="s">
        <v>1008</v>
      </c>
      <c r="C36" s="2697"/>
      <c r="D36" s="2697"/>
      <c r="E36" s="2697"/>
      <c r="F36" s="2697"/>
      <c r="G36" s="2697"/>
      <c r="H36" s="2698"/>
      <c r="I36" s="2699">
        <f>IF(H52&gt;=5,15,IF(AND(H52&gt;=3,H52&lt;=4),5,IF(AND(H52&gt;=2,H52&lt;=0),0,0)))</f>
        <v>0</v>
      </c>
      <c r="K36" s="2683"/>
      <c r="L36" s="2684"/>
      <c r="M36" s="2684"/>
      <c r="N36" s="2684"/>
      <c r="O36" s="2684"/>
      <c r="P36" s="2684"/>
      <c r="Q36" s="2684"/>
      <c r="R36" s="2684"/>
      <c r="S36" s="2685"/>
      <c r="T36" s="2690"/>
      <c r="U36" s="2693"/>
    </row>
    <row r="37" spans="2:21" ht="33" customHeight="1" x14ac:dyDescent="0.2">
      <c r="B37" s="2702" t="s">
        <v>1612</v>
      </c>
      <c r="C37" s="2702"/>
      <c r="D37" s="2702"/>
      <c r="E37" s="2702"/>
      <c r="F37" s="2702"/>
      <c r="G37" s="2702"/>
      <c r="H37" s="912" t="s">
        <v>757</v>
      </c>
      <c r="I37" s="2700"/>
      <c r="K37" s="2686"/>
      <c r="L37" s="2687"/>
      <c r="M37" s="2687"/>
      <c r="N37" s="2687"/>
      <c r="O37" s="2687"/>
      <c r="P37" s="2687"/>
      <c r="Q37" s="2687"/>
      <c r="R37" s="2687"/>
      <c r="S37" s="2688"/>
      <c r="T37" s="2691"/>
      <c r="U37" s="914" t="s">
        <v>1590</v>
      </c>
    </row>
    <row r="38" spans="2:21" ht="35.25" customHeight="1" x14ac:dyDescent="0.2">
      <c r="B38" s="2670" t="s">
        <v>1613</v>
      </c>
      <c r="C38" s="2671"/>
      <c r="D38" s="2671"/>
      <c r="E38" s="2671"/>
      <c r="F38" s="2671"/>
      <c r="G38" s="2671"/>
      <c r="H38" s="2672"/>
      <c r="I38" s="2700"/>
      <c r="K38" s="917"/>
      <c r="Q38" s="919"/>
      <c r="R38" s="919"/>
      <c r="S38" s="919"/>
      <c r="T38" s="919"/>
      <c r="U38" s="919" t="s">
        <v>1614</v>
      </c>
    </row>
    <row r="39" spans="2:21" ht="35.25" customHeight="1" x14ac:dyDescent="0.2">
      <c r="B39" s="2673" t="s">
        <v>1612</v>
      </c>
      <c r="C39" s="2673"/>
      <c r="D39" s="2673"/>
      <c r="E39" s="2673"/>
      <c r="F39" s="2673"/>
      <c r="G39" s="2673"/>
      <c r="H39" s="912" t="s">
        <v>757</v>
      </c>
      <c r="I39" s="2700"/>
      <c r="K39" s="2677" t="s">
        <v>1615</v>
      </c>
      <c r="L39" s="2678"/>
      <c r="M39" s="2678"/>
      <c r="N39" s="2678"/>
      <c r="O39" s="2678"/>
      <c r="P39" s="2678"/>
      <c r="Q39" s="2678"/>
      <c r="R39" s="2678"/>
      <c r="S39" s="2678"/>
      <c r="T39" s="2678"/>
      <c r="U39" s="2679"/>
    </row>
    <row r="40" spans="2:21" ht="35.25" customHeight="1" x14ac:dyDescent="0.2">
      <c r="B40" s="920" t="s">
        <v>1616</v>
      </c>
      <c r="C40" s="921"/>
      <c r="D40" s="921"/>
      <c r="E40" s="921"/>
      <c r="F40" s="921"/>
      <c r="G40" s="921"/>
      <c r="H40" s="922"/>
      <c r="I40" s="2700"/>
      <c r="K40" s="2680" t="s">
        <v>1617</v>
      </c>
      <c r="L40" s="2681"/>
      <c r="M40" s="2681"/>
      <c r="N40" s="2681"/>
      <c r="O40" s="2681"/>
      <c r="P40" s="2681"/>
      <c r="Q40" s="2681"/>
      <c r="R40" s="2681"/>
      <c r="S40" s="2682"/>
      <c r="T40" s="2689" t="s">
        <v>757</v>
      </c>
      <c r="U40" s="2692">
        <f>IF(T40="○",0,-50)</f>
        <v>-50</v>
      </c>
    </row>
    <row r="41" spans="2:21" ht="35.25" customHeight="1" x14ac:dyDescent="0.2">
      <c r="B41" s="2703" t="s">
        <v>1612</v>
      </c>
      <c r="C41" s="2703"/>
      <c r="D41" s="2703"/>
      <c r="E41" s="2703"/>
      <c r="F41" s="2703"/>
      <c r="G41" s="2703"/>
      <c r="H41" s="923"/>
      <c r="I41" s="2700"/>
      <c r="K41" s="2683"/>
      <c r="L41" s="2684"/>
      <c r="M41" s="2684"/>
      <c r="N41" s="2684"/>
      <c r="O41" s="2684"/>
      <c r="P41" s="2684"/>
      <c r="Q41" s="2684"/>
      <c r="R41" s="2684"/>
      <c r="S41" s="2685"/>
      <c r="T41" s="2690"/>
      <c r="U41" s="2693"/>
    </row>
    <row r="42" spans="2:21" ht="35.25" customHeight="1" x14ac:dyDescent="0.2">
      <c r="B42" s="2696" t="s">
        <v>1618</v>
      </c>
      <c r="C42" s="2697"/>
      <c r="D42" s="2697"/>
      <c r="E42" s="2697"/>
      <c r="F42" s="2697"/>
      <c r="G42" s="2697"/>
      <c r="H42" s="2698"/>
      <c r="I42" s="2700"/>
      <c r="K42" s="2686"/>
      <c r="L42" s="2687"/>
      <c r="M42" s="2687"/>
      <c r="N42" s="2687"/>
      <c r="O42" s="2687"/>
      <c r="P42" s="2687"/>
      <c r="Q42" s="2687"/>
      <c r="R42" s="2687"/>
      <c r="S42" s="2688"/>
      <c r="T42" s="2691"/>
      <c r="U42" s="914" t="s">
        <v>1590</v>
      </c>
    </row>
    <row r="43" spans="2:21" ht="35.25" customHeight="1" x14ac:dyDescent="0.2">
      <c r="B43" s="2673" t="s">
        <v>1612</v>
      </c>
      <c r="C43" s="2673"/>
      <c r="D43" s="2673"/>
      <c r="E43" s="2673"/>
      <c r="F43" s="2673"/>
      <c r="G43" s="2673"/>
      <c r="H43" s="924"/>
      <c r="I43" s="2700"/>
      <c r="K43" s="925"/>
      <c r="Q43" s="919"/>
      <c r="R43" s="919"/>
      <c r="S43" s="919"/>
      <c r="T43" s="919"/>
      <c r="U43" s="926" t="s">
        <v>1619</v>
      </c>
    </row>
    <row r="44" spans="2:21" ht="35.25" customHeight="1" x14ac:dyDescent="0.2">
      <c r="B44" s="920" t="s">
        <v>1012</v>
      </c>
      <c r="C44" s="921"/>
      <c r="D44" s="921"/>
      <c r="E44" s="921"/>
      <c r="F44" s="921"/>
      <c r="G44" s="921"/>
      <c r="H44" s="927"/>
      <c r="I44" s="2700"/>
      <c r="K44" s="2677" t="s">
        <v>1620</v>
      </c>
      <c r="L44" s="2678"/>
      <c r="M44" s="2678"/>
      <c r="N44" s="2678"/>
      <c r="O44" s="2678"/>
      <c r="P44" s="2678"/>
      <c r="Q44" s="2678"/>
      <c r="R44" s="2678"/>
      <c r="S44" s="2678"/>
      <c r="T44" s="2678"/>
      <c r="U44" s="2679"/>
    </row>
    <row r="45" spans="2:21" ht="35.25" customHeight="1" x14ac:dyDescent="0.2">
      <c r="B45" s="2673" t="s">
        <v>1612</v>
      </c>
      <c r="C45" s="2673"/>
      <c r="D45" s="2673"/>
      <c r="E45" s="2673"/>
      <c r="F45" s="2673"/>
      <c r="G45" s="2673"/>
      <c r="H45" s="912"/>
      <c r="I45" s="2700"/>
      <c r="K45" s="2680" t="s">
        <v>1621</v>
      </c>
      <c r="L45" s="2681"/>
      <c r="M45" s="2681"/>
      <c r="N45" s="2681"/>
      <c r="O45" s="2681"/>
      <c r="P45" s="2681"/>
      <c r="Q45" s="2681"/>
      <c r="R45" s="2681"/>
      <c r="S45" s="2682"/>
      <c r="T45" s="2689" t="s">
        <v>757</v>
      </c>
      <c r="U45" s="2692">
        <f>IF(T45="○",10,0)</f>
        <v>0</v>
      </c>
    </row>
    <row r="46" spans="2:21" ht="35.25" customHeight="1" x14ac:dyDescent="0.2">
      <c r="B46" s="920" t="s">
        <v>1622</v>
      </c>
      <c r="C46" s="921"/>
      <c r="D46" s="921"/>
      <c r="E46" s="921"/>
      <c r="F46" s="921"/>
      <c r="G46" s="921"/>
      <c r="H46" s="922"/>
      <c r="I46" s="2700"/>
      <c r="K46" s="2683"/>
      <c r="L46" s="2684"/>
      <c r="M46" s="2684"/>
      <c r="N46" s="2684"/>
      <c r="O46" s="2684"/>
      <c r="P46" s="2684"/>
      <c r="Q46" s="2684"/>
      <c r="R46" s="2684"/>
      <c r="S46" s="2685"/>
      <c r="T46" s="2690"/>
      <c r="U46" s="2693"/>
    </row>
    <row r="47" spans="2:21" ht="35.25" customHeight="1" x14ac:dyDescent="0.2">
      <c r="B47" s="2673" t="s">
        <v>1612</v>
      </c>
      <c r="C47" s="2673"/>
      <c r="D47" s="2673"/>
      <c r="E47" s="2673"/>
      <c r="F47" s="2673"/>
      <c r="G47" s="2673"/>
      <c r="H47" s="912"/>
      <c r="I47" s="2700"/>
      <c r="K47" s="2686"/>
      <c r="L47" s="2687"/>
      <c r="M47" s="2687"/>
      <c r="N47" s="2687"/>
      <c r="O47" s="2687"/>
      <c r="P47" s="2687"/>
      <c r="Q47" s="2687"/>
      <c r="R47" s="2687"/>
      <c r="S47" s="2688"/>
      <c r="T47" s="2691"/>
      <c r="U47" s="914" t="s">
        <v>1590</v>
      </c>
    </row>
    <row r="48" spans="2:21" ht="35.25" customHeight="1" x14ac:dyDescent="0.2">
      <c r="B48" s="2670" t="s">
        <v>1014</v>
      </c>
      <c r="C48" s="2671"/>
      <c r="D48" s="2671"/>
      <c r="E48" s="2671"/>
      <c r="F48" s="2671"/>
      <c r="G48" s="2671"/>
      <c r="H48" s="2672"/>
      <c r="I48" s="2700"/>
      <c r="K48" s="917"/>
      <c r="Q48" s="919"/>
      <c r="R48" s="919"/>
      <c r="S48" s="919"/>
      <c r="T48" s="919"/>
      <c r="U48" s="919" t="s">
        <v>1614</v>
      </c>
    </row>
    <row r="49" spans="2:22" ht="35.25" customHeight="1" x14ac:dyDescent="0.2">
      <c r="B49" s="2673" t="s">
        <v>1612</v>
      </c>
      <c r="C49" s="2673"/>
      <c r="D49" s="2673"/>
      <c r="E49" s="2673"/>
      <c r="F49" s="2673"/>
      <c r="G49" s="2673"/>
      <c r="H49" s="912"/>
      <c r="I49" s="2700"/>
      <c r="K49" s="917"/>
      <c r="Q49" s="928"/>
      <c r="R49" s="928"/>
      <c r="S49" s="928"/>
      <c r="T49" s="928"/>
      <c r="U49" s="928"/>
    </row>
    <row r="50" spans="2:22" ht="35.25" customHeight="1" x14ac:dyDescent="0.2">
      <c r="B50" s="2670" t="s">
        <v>1015</v>
      </c>
      <c r="C50" s="2671"/>
      <c r="D50" s="2671"/>
      <c r="E50" s="2671"/>
      <c r="F50" s="2671"/>
      <c r="G50" s="2671"/>
      <c r="H50" s="2672"/>
      <c r="I50" s="2700"/>
      <c r="K50" s="917"/>
      <c r="Q50" s="928"/>
      <c r="R50" s="928"/>
      <c r="S50" s="928"/>
      <c r="T50" s="928"/>
      <c r="U50" s="928"/>
    </row>
    <row r="51" spans="2:22" ht="35.25" customHeight="1" x14ac:dyDescent="0.2">
      <c r="B51" s="2673" t="s">
        <v>1612</v>
      </c>
      <c r="C51" s="2673"/>
      <c r="D51" s="2673"/>
      <c r="E51" s="2673"/>
      <c r="F51" s="2673"/>
      <c r="G51" s="2673"/>
      <c r="H51" s="912" t="s">
        <v>757</v>
      </c>
      <c r="I51" s="2701"/>
    </row>
    <row r="52" spans="2:22" ht="29.25" customHeight="1" x14ac:dyDescent="0.2">
      <c r="B52" s="2674" t="s">
        <v>1623</v>
      </c>
      <c r="C52" s="2674"/>
      <c r="D52" s="2674"/>
      <c r="E52" s="2674"/>
      <c r="F52" s="2674"/>
      <c r="G52" s="2674"/>
      <c r="H52" s="915">
        <f>((COUNTIF(H37,"○")+COUNTIF(H39,"○")+COUNTIF(H41,"○")+COUNTIF(H43,"○"))+COUNTIF(H45,"○")+COUNTIF(H47,"○")+COUNTIF(H49,"○")+COUNTIF(H51,"○"))*1</f>
        <v>0</v>
      </c>
      <c r="I52" s="929" t="s">
        <v>1590</v>
      </c>
    </row>
    <row r="53" spans="2:22" ht="35.25" customHeight="1" x14ac:dyDescent="0.2">
      <c r="B53" s="917" t="s">
        <v>1624</v>
      </c>
      <c r="I53" s="919" t="s">
        <v>1625</v>
      </c>
    </row>
    <row r="54" spans="2:22" ht="27.75" customHeight="1" x14ac:dyDescent="0.2">
      <c r="B54" s="2675" t="s">
        <v>1079</v>
      </c>
      <c r="C54" s="2676"/>
      <c r="D54" s="930" t="s">
        <v>1626</v>
      </c>
      <c r="E54" s="931"/>
      <c r="F54" s="931"/>
      <c r="G54" s="931"/>
      <c r="H54" s="931"/>
      <c r="I54" s="931"/>
      <c r="J54" s="931"/>
      <c r="K54" s="931"/>
      <c r="L54" s="932"/>
      <c r="M54" s="933"/>
    </row>
    <row r="55" spans="2:22" ht="35.25" customHeight="1" thickBot="1" x14ac:dyDescent="0.25">
      <c r="B55" s="934" t="s">
        <v>1627</v>
      </c>
      <c r="C55" s="935"/>
      <c r="D55" s="936" t="s">
        <v>1628</v>
      </c>
      <c r="E55" s="936" t="s">
        <v>1629</v>
      </c>
      <c r="F55" s="937" t="s">
        <v>1630</v>
      </c>
      <c r="G55" s="937" t="s">
        <v>1631</v>
      </c>
      <c r="H55" s="937" t="s">
        <v>1632</v>
      </c>
      <c r="I55" s="938" t="s">
        <v>1633</v>
      </c>
      <c r="J55" s="937"/>
      <c r="K55" s="937" t="s">
        <v>1634</v>
      </c>
      <c r="L55" s="939" t="s">
        <v>1635</v>
      </c>
      <c r="M55" s="909"/>
    </row>
    <row r="56" spans="2:22" ht="35.25" customHeight="1" thickTop="1" x14ac:dyDescent="0.2">
      <c r="B56" s="940" t="s">
        <v>1636</v>
      </c>
      <c r="C56" s="941"/>
      <c r="D56" s="942" t="s">
        <v>1637</v>
      </c>
      <c r="E56" s="943" t="s">
        <v>1638</v>
      </c>
      <c r="F56" s="944" t="s">
        <v>1629</v>
      </c>
      <c r="G56" s="944" t="s">
        <v>1631</v>
      </c>
      <c r="H56" s="944" t="s">
        <v>1639</v>
      </c>
      <c r="I56" s="944" t="s">
        <v>1640</v>
      </c>
      <c r="J56" s="944"/>
      <c r="K56" s="944"/>
      <c r="L56" s="945"/>
      <c r="O56" s="946" t="s">
        <v>1641</v>
      </c>
      <c r="P56" s="947"/>
      <c r="Q56" s="947"/>
      <c r="R56" s="947"/>
      <c r="S56" s="947"/>
      <c r="T56" s="947"/>
      <c r="U56" s="948"/>
    </row>
    <row r="57" spans="2:22" ht="35.25" customHeight="1" x14ac:dyDescent="0.3">
      <c r="B57" s="940" t="s">
        <v>1642</v>
      </c>
      <c r="C57" s="941"/>
      <c r="D57" s="944" t="s">
        <v>1643</v>
      </c>
      <c r="E57" s="944" t="s">
        <v>1628</v>
      </c>
      <c r="F57" s="944" t="s">
        <v>1644</v>
      </c>
      <c r="G57" s="944"/>
      <c r="H57" s="944"/>
      <c r="I57" s="944"/>
      <c r="J57" s="944"/>
      <c r="K57" s="944"/>
      <c r="L57" s="949"/>
      <c r="M57" s="950"/>
      <c r="N57" s="950"/>
      <c r="O57" s="2656">
        <f>I12+I22+I36+U12+U35+U40+U45</f>
        <v>40</v>
      </c>
      <c r="P57" s="2657"/>
      <c r="Q57" s="2657"/>
      <c r="R57" s="951"/>
      <c r="S57" s="2662" t="s">
        <v>1645</v>
      </c>
      <c r="T57" s="2662"/>
      <c r="U57" s="2663"/>
      <c r="V57" s="952"/>
    </row>
    <row r="58" spans="2:22" ht="35.25" customHeight="1" x14ac:dyDescent="0.3">
      <c r="B58" s="940" t="s">
        <v>1646</v>
      </c>
      <c r="C58" s="941"/>
      <c r="D58" s="944" t="s">
        <v>1643</v>
      </c>
      <c r="E58" s="944" t="s">
        <v>1628</v>
      </c>
      <c r="F58" s="944" t="s">
        <v>1644</v>
      </c>
      <c r="G58" s="944"/>
      <c r="H58" s="944"/>
      <c r="I58" s="944"/>
      <c r="J58" s="944"/>
      <c r="K58" s="944"/>
      <c r="L58" s="953"/>
      <c r="M58" s="950"/>
      <c r="N58" s="950"/>
      <c r="O58" s="2658"/>
      <c r="P58" s="2659"/>
      <c r="Q58" s="2659"/>
      <c r="R58" s="952"/>
      <c r="S58" s="2664"/>
      <c r="T58" s="2664"/>
      <c r="U58" s="2665"/>
      <c r="V58" s="952"/>
    </row>
    <row r="59" spans="2:22" ht="35.25" customHeight="1" thickBot="1" x14ac:dyDescent="0.35">
      <c r="B59" s="940" t="s">
        <v>1647</v>
      </c>
      <c r="C59" s="941"/>
      <c r="D59" s="954" t="s">
        <v>1643</v>
      </c>
      <c r="E59" s="944" t="s">
        <v>1648</v>
      </c>
      <c r="F59" s="944"/>
      <c r="G59" s="944"/>
      <c r="H59" s="955"/>
      <c r="I59" s="944"/>
      <c r="J59" s="944"/>
      <c r="K59" s="943"/>
      <c r="L59" s="953"/>
      <c r="M59" s="950"/>
      <c r="N59" s="950"/>
      <c r="O59" s="2660"/>
      <c r="P59" s="2661"/>
      <c r="Q59" s="2661"/>
      <c r="R59" s="956" t="s">
        <v>1590</v>
      </c>
      <c r="S59" s="2666"/>
      <c r="T59" s="2666"/>
      <c r="U59" s="2667"/>
      <c r="V59" s="952"/>
    </row>
    <row r="60" spans="2:22" ht="35.25" customHeight="1" thickTop="1" x14ac:dyDescent="0.3">
      <c r="B60" s="940" t="s">
        <v>1649</v>
      </c>
      <c r="C60" s="941"/>
      <c r="D60" s="957" t="s">
        <v>1643</v>
      </c>
      <c r="E60" s="958" t="s">
        <v>1650</v>
      </c>
      <c r="F60" s="959"/>
      <c r="G60" s="959"/>
      <c r="H60" s="959"/>
      <c r="I60" s="959"/>
      <c r="J60" s="959"/>
      <c r="K60" s="960"/>
      <c r="L60" s="953"/>
      <c r="M60" s="950"/>
      <c r="N60" s="950"/>
      <c r="O60" s="950"/>
      <c r="P60" s="950"/>
      <c r="Q60" s="950"/>
      <c r="R60" s="950"/>
      <c r="S60" s="952"/>
      <c r="T60" s="952"/>
      <c r="U60" s="952"/>
      <c r="V60" s="952"/>
    </row>
    <row r="61" spans="2:22" ht="42.75" customHeight="1" x14ac:dyDescent="0.3">
      <c r="B61" s="2668" t="s">
        <v>1651</v>
      </c>
      <c r="C61" s="2669"/>
      <c r="D61" s="961" t="s">
        <v>1643</v>
      </c>
      <c r="E61" s="961" t="s">
        <v>1648</v>
      </c>
      <c r="F61" s="961"/>
      <c r="G61" s="961"/>
      <c r="H61" s="961"/>
      <c r="I61" s="961"/>
      <c r="J61" s="961"/>
      <c r="K61" s="962"/>
      <c r="L61" s="963"/>
      <c r="M61" s="950"/>
      <c r="N61" s="950"/>
      <c r="O61" s="950"/>
      <c r="P61" s="950"/>
      <c r="Q61" s="950"/>
      <c r="R61" s="950"/>
      <c r="S61" s="952"/>
      <c r="T61" s="952"/>
      <c r="U61" s="952"/>
      <c r="V61" s="952"/>
    </row>
    <row r="62" spans="2:22" ht="19.5" customHeight="1" x14ac:dyDescent="0.3">
      <c r="O62" s="950"/>
      <c r="P62" s="950"/>
      <c r="Q62" s="950"/>
      <c r="R62" s="950"/>
      <c r="S62" s="952"/>
      <c r="T62" s="952"/>
      <c r="U62" s="952"/>
    </row>
    <row r="63" spans="2:22" ht="41.25" customHeight="1" x14ac:dyDescent="0.3">
      <c r="O63" s="950"/>
      <c r="P63" s="950"/>
      <c r="Q63" s="950"/>
      <c r="R63" s="950"/>
      <c r="S63" s="952"/>
      <c r="T63" s="952"/>
      <c r="U63" s="952"/>
    </row>
    <row r="64" spans="2:22" ht="19.5" customHeight="1" x14ac:dyDescent="0.2"/>
    <row r="65" ht="19.5" customHeight="1" x14ac:dyDescent="0.2"/>
    <row r="66" ht="19.5" customHeight="1" x14ac:dyDescent="0.2"/>
    <row r="67" ht="19.5" customHeight="1" x14ac:dyDescent="0.2"/>
    <row r="68" ht="19.5" customHeight="1" x14ac:dyDescent="0.2"/>
    <row r="69" ht="19.5" customHeight="1" x14ac:dyDescent="0.2"/>
    <row r="70" ht="19.5" customHeight="1" x14ac:dyDescent="0.2"/>
    <row r="71" ht="19.5" customHeight="1" x14ac:dyDescent="0.2"/>
    <row r="72" ht="19.5" customHeight="1" x14ac:dyDescent="0.2"/>
    <row r="73" ht="19.5" customHeight="1" x14ac:dyDescent="0.2"/>
    <row r="74" ht="19.5" customHeight="1" x14ac:dyDescent="0.2"/>
    <row r="75" ht="19.5" customHeight="1" x14ac:dyDescent="0.2"/>
    <row r="76" ht="19.5" customHeight="1" x14ac:dyDescent="0.2"/>
    <row r="77" ht="19.5" customHeight="1" x14ac:dyDescent="0.2"/>
    <row r="78" ht="19.5" customHeight="1" x14ac:dyDescent="0.2"/>
    <row r="79" ht="19.5" customHeight="1" x14ac:dyDescent="0.2"/>
    <row r="80" ht="19.5" customHeight="1" x14ac:dyDescent="0.2"/>
    <row r="81" ht="19.5" customHeight="1" x14ac:dyDescent="0.2"/>
    <row r="82" ht="19.5" customHeight="1" x14ac:dyDescent="0.2"/>
    <row r="83" ht="19.5" customHeight="1" x14ac:dyDescent="0.2"/>
    <row r="84" ht="19.5" customHeight="1" x14ac:dyDescent="0.2"/>
    <row r="85" ht="19.5" customHeight="1" x14ac:dyDescent="0.2"/>
    <row r="86" ht="19.5" customHeight="1" x14ac:dyDescent="0.2"/>
    <row r="87" ht="19.5" customHeight="1" x14ac:dyDescent="0.2"/>
    <row r="88" ht="19.5" customHeight="1" x14ac:dyDescent="0.2"/>
    <row r="89" ht="19.5" customHeight="1" x14ac:dyDescent="0.2"/>
    <row r="90" ht="19.5" customHeight="1" x14ac:dyDescent="0.2"/>
    <row r="91" ht="19.5" customHeight="1" x14ac:dyDescent="0.2"/>
    <row r="92" ht="19.5" customHeight="1" x14ac:dyDescent="0.2"/>
    <row r="93" ht="19.5" customHeight="1" x14ac:dyDescent="0.2"/>
    <row r="94" ht="19.5" customHeight="1" x14ac:dyDescent="0.2"/>
    <row r="95" ht="19.5" customHeight="1" x14ac:dyDescent="0.2"/>
    <row r="96" ht="19.5" customHeight="1" x14ac:dyDescent="0.2"/>
    <row r="97" ht="19.5" customHeight="1" x14ac:dyDescent="0.2"/>
    <row r="98" ht="19.5" customHeight="1" x14ac:dyDescent="0.2"/>
    <row r="99" ht="19.5" customHeight="1" x14ac:dyDescent="0.2"/>
    <row r="100" ht="19.5" customHeight="1" x14ac:dyDescent="0.2"/>
    <row r="101" ht="19.5" customHeight="1" x14ac:dyDescent="0.2"/>
    <row r="102" ht="19.5" customHeight="1" x14ac:dyDescent="0.2"/>
    <row r="103" ht="19.5" customHeight="1" x14ac:dyDescent="0.2"/>
    <row r="104" ht="19.5" customHeight="1" x14ac:dyDescent="0.2"/>
    <row r="105" ht="19.5" customHeight="1" x14ac:dyDescent="0.2"/>
    <row r="106" ht="19.5" customHeight="1" x14ac:dyDescent="0.2"/>
    <row r="107" ht="19.5" customHeight="1" x14ac:dyDescent="0.2"/>
    <row r="108" ht="19.5" customHeight="1" x14ac:dyDescent="0.2"/>
    <row r="109" ht="19.5" customHeight="1" x14ac:dyDescent="0.2"/>
    <row r="110" ht="19.5" customHeight="1" x14ac:dyDescent="0.2"/>
    <row r="111" ht="19.5" customHeight="1" x14ac:dyDescent="0.2"/>
    <row r="112" ht="19.5" customHeight="1" x14ac:dyDescent="0.2"/>
    <row r="113" ht="19.5" customHeight="1" x14ac:dyDescent="0.2"/>
    <row r="114" ht="19.5" customHeight="1" x14ac:dyDescent="0.2"/>
    <row r="115" ht="19.5" customHeight="1" x14ac:dyDescent="0.2"/>
    <row r="116" ht="19.5" customHeight="1" x14ac:dyDescent="0.2"/>
    <row r="117" ht="19.5" customHeight="1" x14ac:dyDescent="0.2"/>
    <row r="118" ht="19.5" customHeight="1" x14ac:dyDescent="0.2"/>
    <row r="119" ht="19.5" customHeight="1" x14ac:dyDescent="0.2"/>
    <row r="120" ht="19.5" customHeight="1" x14ac:dyDescent="0.2"/>
    <row r="121" ht="19.5" customHeight="1" x14ac:dyDescent="0.2"/>
    <row r="122" ht="19.5" customHeight="1" x14ac:dyDescent="0.2"/>
    <row r="123" ht="19.5" customHeight="1" x14ac:dyDescent="0.2"/>
    <row r="124" ht="19.5" customHeight="1" x14ac:dyDescent="0.2"/>
    <row r="125" ht="19.5" customHeight="1" x14ac:dyDescent="0.2"/>
    <row r="126" ht="19.5" customHeight="1" x14ac:dyDescent="0.2"/>
    <row r="127" ht="19.5" customHeight="1" x14ac:dyDescent="0.2"/>
    <row r="128" ht="19.5" customHeight="1" x14ac:dyDescent="0.2"/>
    <row r="129" ht="19.5" customHeight="1" x14ac:dyDescent="0.2"/>
    <row r="130" ht="19.5" customHeight="1" x14ac:dyDescent="0.2"/>
    <row r="131" ht="19.5" customHeight="1" x14ac:dyDescent="0.2"/>
    <row r="132" ht="19.5" customHeight="1" x14ac:dyDescent="0.2"/>
    <row r="133" ht="19.5" customHeight="1" x14ac:dyDescent="0.2"/>
    <row r="134" ht="19.5" customHeight="1" x14ac:dyDescent="0.2"/>
    <row r="135" ht="19.5" customHeight="1" x14ac:dyDescent="0.2"/>
    <row r="136" ht="19.5" customHeight="1" x14ac:dyDescent="0.2"/>
    <row r="137" ht="19.5" customHeight="1" x14ac:dyDescent="0.2"/>
    <row r="138" ht="19.5" customHeight="1" x14ac:dyDescent="0.2"/>
    <row r="139" ht="19.5" customHeight="1" x14ac:dyDescent="0.2"/>
  </sheetData>
  <mergeCells count="96">
    <mergeCell ref="T1:U1"/>
    <mergeCell ref="O3:P3"/>
    <mergeCell ref="B5:U5"/>
    <mergeCell ref="B7:C7"/>
    <mergeCell ref="D7:I7"/>
    <mergeCell ref="K7:L7"/>
    <mergeCell ref="M7:U7"/>
    <mergeCell ref="B8:C8"/>
    <mergeCell ref="D8:I8"/>
    <mergeCell ref="K8:L8"/>
    <mergeCell ref="M8:U8"/>
    <mergeCell ref="B9:C9"/>
    <mergeCell ref="D9:I9"/>
    <mergeCell ref="K9:L9"/>
    <mergeCell ref="M9:U9"/>
    <mergeCell ref="B11:I11"/>
    <mergeCell ref="K11:U11"/>
    <mergeCell ref="B12:G12"/>
    <mergeCell ref="I12:I18"/>
    <mergeCell ref="K12:T12"/>
    <mergeCell ref="U12:U31"/>
    <mergeCell ref="B13:G13"/>
    <mergeCell ref="K13:S13"/>
    <mergeCell ref="B14:G14"/>
    <mergeCell ref="K14:T14"/>
    <mergeCell ref="B15:G15"/>
    <mergeCell ref="K15:S15"/>
    <mergeCell ref="B16:G16"/>
    <mergeCell ref="K16:T16"/>
    <mergeCell ref="B17:G17"/>
    <mergeCell ref="K17:S17"/>
    <mergeCell ref="B18:G18"/>
    <mergeCell ref="K18:T18"/>
    <mergeCell ref="B19:G19"/>
    <mergeCell ref="K19:S19"/>
    <mergeCell ref="B20:I20"/>
    <mergeCell ref="K20:T20"/>
    <mergeCell ref="B21:I21"/>
    <mergeCell ref="K21:S22"/>
    <mergeCell ref="T21:T22"/>
    <mergeCell ref="B22:G23"/>
    <mergeCell ref="H22:H23"/>
    <mergeCell ref="I22:I32"/>
    <mergeCell ref="K23:T23"/>
    <mergeCell ref="B24:G25"/>
    <mergeCell ref="H24:H25"/>
    <mergeCell ref="K24:S25"/>
    <mergeCell ref="T24:T25"/>
    <mergeCell ref="B26:G27"/>
    <mergeCell ref="H26:H27"/>
    <mergeCell ref="K26:T26"/>
    <mergeCell ref="K27:S28"/>
    <mergeCell ref="T27:T28"/>
    <mergeCell ref="B28:G29"/>
    <mergeCell ref="H28:H29"/>
    <mergeCell ref="K29:T29"/>
    <mergeCell ref="B30:G31"/>
    <mergeCell ref="H30:H31"/>
    <mergeCell ref="K30:S31"/>
    <mergeCell ref="T30:T31"/>
    <mergeCell ref="B32:G33"/>
    <mergeCell ref="H32:H33"/>
    <mergeCell ref="K32:S32"/>
    <mergeCell ref="B34:I34"/>
    <mergeCell ref="K34:U34"/>
    <mergeCell ref="B35:I35"/>
    <mergeCell ref="K35:S37"/>
    <mergeCell ref="T35:T37"/>
    <mergeCell ref="U35:U36"/>
    <mergeCell ref="B36:H36"/>
    <mergeCell ref="I36:I51"/>
    <mergeCell ref="B37:G37"/>
    <mergeCell ref="B38:H38"/>
    <mergeCell ref="B39:G39"/>
    <mergeCell ref="K39:U39"/>
    <mergeCell ref="K40:S42"/>
    <mergeCell ref="T40:T42"/>
    <mergeCell ref="U40:U41"/>
    <mergeCell ref="B41:G41"/>
    <mergeCell ref="B42:H42"/>
    <mergeCell ref="B43:G43"/>
    <mergeCell ref="K44:U44"/>
    <mergeCell ref="B45:G45"/>
    <mergeCell ref="K45:S47"/>
    <mergeCell ref="T45:T47"/>
    <mergeCell ref="U45:U46"/>
    <mergeCell ref="B47:G47"/>
    <mergeCell ref="O57:Q59"/>
    <mergeCell ref="S57:U59"/>
    <mergeCell ref="B61:C61"/>
    <mergeCell ref="B48:H48"/>
    <mergeCell ref="B49:G49"/>
    <mergeCell ref="B50:H50"/>
    <mergeCell ref="B51:G51"/>
    <mergeCell ref="B52:G52"/>
    <mergeCell ref="B54:C54"/>
  </mergeCells>
  <phoneticPr fontId="6"/>
  <conditionalFormatting sqref="D55">
    <cfRule type="expression" dxfId="30" priority="26">
      <formula>$I$12=5</formula>
    </cfRule>
  </conditionalFormatting>
  <conditionalFormatting sqref="E55">
    <cfRule type="expression" dxfId="29" priority="25">
      <formula>$I$12=20</formula>
    </cfRule>
  </conditionalFormatting>
  <conditionalFormatting sqref="F55">
    <cfRule type="expression" dxfId="28" priority="24">
      <formula>$I$12=30</formula>
    </cfRule>
  </conditionalFormatting>
  <conditionalFormatting sqref="G55">
    <cfRule type="expression" dxfId="27" priority="23">
      <formula>$I$12=40</formula>
    </cfRule>
  </conditionalFormatting>
  <conditionalFormatting sqref="H55">
    <cfRule type="expression" dxfId="26" priority="22">
      <formula>$I$12=55</formula>
    </cfRule>
  </conditionalFormatting>
  <conditionalFormatting sqref="I55">
    <cfRule type="expression" dxfId="25" priority="21">
      <formula>$I$12=65</formula>
    </cfRule>
  </conditionalFormatting>
  <conditionalFormatting sqref="L55">
    <cfRule type="expression" dxfId="24" priority="20">
      <formula>$I$12=90</formula>
    </cfRule>
  </conditionalFormatting>
  <conditionalFormatting sqref="E57">
    <cfRule type="expression" dxfId="23" priority="19">
      <formula>$I$36=5</formula>
    </cfRule>
  </conditionalFormatting>
  <conditionalFormatting sqref="H57">
    <cfRule type="expression" dxfId="22" priority="18">
      <formula>$I$36=25</formula>
    </cfRule>
  </conditionalFormatting>
  <conditionalFormatting sqref="J57:K57">
    <cfRule type="expression" dxfId="21" priority="17">
      <formula>$I$36=35</formula>
    </cfRule>
  </conditionalFormatting>
  <conditionalFormatting sqref="F58">
    <cfRule type="expression" dxfId="20" priority="16">
      <formula>$U$12=15</formula>
    </cfRule>
  </conditionalFormatting>
  <conditionalFormatting sqref="H58">
    <cfRule type="expression" dxfId="19" priority="15">
      <formula>$U$12=25</formula>
    </cfRule>
  </conditionalFormatting>
  <conditionalFormatting sqref="J58:K58">
    <cfRule type="expression" dxfId="18" priority="14">
      <formula>$U$12=35</formula>
    </cfRule>
  </conditionalFormatting>
  <conditionalFormatting sqref="D57">
    <cfRule type="expression" dxfId="17" priority="13">
      <formula>$I$36=0</formula>
    </cfRule>
  </conditionalFormatting>
  <conditionalFormatting sqref="D58">
    <cfRule type="expression" dxfId="16" priority="12">
      <formula>$U$12=0</formula>
    </cfRule>
  </conditionalFormatting>
  <conditionalFormatting sqref="D56">
    <cfRule type="expression" dxfId="15" priority="27">
      <formula>$I$22=-20</formula>
    </cfRule>
  </conditionalFormatting>
  <conditionalFormatting sqref="F56">
    <cfRule type="expression" dxfId="14" priority="28">
      <formula>$I$22=20</formula>
    </cfRule>
  </conditionalFormatting>
  <conditionalFormatting sqref="H56">
    <cfRule type="expression" dxfId="13" priority="29">
      <formula>$I$22=50</formula>
    </cfRule>
  </conditionalFormatting>
  <conditionalFormatting sqref="J56:K56">
    <cfRule type="expression" dxfId="12" priority="30">
      <formula>#REF!=40</formula>
    </cfRule>
  </conditionalFormatting>
  <conditionalFormatting sqref="E59">
    <cfRule type="expression" dxfId="11" priority="31">
      <formula>$U$35=10</formula>
    </cfRule>
  </conditionalFormatting>
  <conditionalFormatting sqref="F57">
    <cfRule type="expression" dxfId="10" priority="11">
      <formula>$I$36=15</formula>
    </cfRule>
  </conditionalFormatting>
  <conditionalFormatting sqref="E60">
    <cfRule type="expression" dxfId="9" priority="10">
      <formula>U40=-50</formula>
    </cfRule>
  </conditionalFormatting>
  <conditionalFormatting sqref="E58">
    <cfRule type="expression" dxfId="8" priority="9">
      <formula>$U$12=5</formula>
    </cfRule>
  </conditionalFormatting>
  <conditionalFormatting sqref="D59">
    <cfRule type="expression" dxfId="7" priority="8">
      <formula>$U$35=0</formula>
    </cfRule>
  </conditionalFormatting>
  <conditionalFormatting sqref="D60">
    <cfRule type="expression" dxfId="6" priority="7">
      <formula>$U$40=0</formula>
    </cfRule>
  </conditionalFormatting>
  <conditionalFormatting sqref="D61">
    <cfRule type="expression" dxfId="5" priority="6">
      <formula>$U$45=0</formula>
    </cfRule>
  </conditionalFormatting>
  <conditionalFormatting sqref="E61">
    <cfRule type="expression" dxfId="4" priority="5">
      <formula>$U$45=10</formula>
    </cfRule>
  </conditionalFormatting>
  <conditionalFormatting sqref="E56">
    <cfRule type="expression" dxfId="3" priority="4">
      <formula>$I$22=-10</formula>
    </cfRule>
  </conditionalFormatting>
  <conditionalFormatting sqref="G56">
    <cfRule type="expression" dxfId="2" priority="3">
      <formula>$I$22=40</formula>
    </cfRule>
  </conditionalFormatting>
  <conditionalFormatting sqref="I56">
    <cfRule type="expression" dxfId="1" priority="2">
      <formula>$I$22=60</formula>
    </cfRule>
  </conditionalFormatting>
  <conditionalFormatting sqref="K55">
    <cfRule type="expression" dxfId="0" priority="1">
      <formula>$I$12=80</formula>
    </cfRule>
  </conditionalFormatting>
  <dataValidations count="1">
    <dataValidation type="list" allowBlank="1" showInputMessage="1" showErrorMessage="1" sqref="H12:H19 H39 H41 H43 H45 H47 H49 H51 T30 H37 T15 T19 T17 T27 T21 T24 T13 T45 H22:H33 T40 T35">
      <formula1>"　,○"</formula1>
    </dataValidation>
  </dataValidations>
  <pageMargins left="0.23622047244094491" right="0.23622047244094491" top="0.74803149606299213" bottom="0.74803149606299213" header="0.31496062992125984" footer="0.31496062992125984"/>
  <pageSetup paperSize="9" scale="39" fitToHeight="0" orientation="portrait" r:id="rId1"/>
  <drawing r:id="rId2"/>
</worksheet>
</file>

<file path=xl/worksheets/sheet5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A1:KI308"/>
  <sheetViews>
    <sheetView view="pageBreakPreview" topLeftCell="B13" zoomScaleNormal="100" zoomScaleSheetLayoutView="100" workbookViewId="0">
      <selection activeCell="B25" sqref="B25:AR25"/>
    </sheetView>
  </sheetViews>
  <sheetFormatPr defaultColWidth="10" defaultRowHeight="12" x14ac:dyDescent="0.2"/>
  <cols>
    <col min="1" max="1" width="2.6640625" style="997" customWidth="1"/>
    <col min="2" max="44" width="3.21875" style="997" customWidth="1"/>
    <col min="45" max="124" width="2.6640625" style="964" customWidth="1"/>
    <col min="125" max="295" width="10" style="964"/>
    <col min="296" max="16384" width="10" style="997"/>
  </cols>
  <sheetData>
    <row r="1" spans="2:45" s="964" customFormat="1" ht="13.2" x14ac:dyDescent="0.2">
      <c r="B1" s="398" t="s">
        <v>1697</v>
      </c>
      <c r="C1" s="399"/>
      <c r="D1" s="1008"/>
      <c r="E1" s="1008"/>
      <c r="F1" s="1008"/>
      <c r="AO1" s="2756" t="s">
        <v>1652</v>
      </c>
      <c r="AP1" s="2757"/>
      <c r="AQ1" s="2757"/>
      <c r="AR1" s="2757"/>
      <c r="AS1" s="2758"/>
    </row>
    <row r="2" spans="2:45" s="964" customFormat="1" ht="3" customHeight="1" x14ac:dyDescent="0.2">
      <c r="AO2" s="965"/>
      <c r="AP2" s="965"/>
      <c r="AQ2" s="965"/>
      <c r="AR2" s="965"/>
      <c r="AS2" s="965"/>
    </row>
    <row r="3" spans="2:45" ht="16.2" x14ac:dyDescent="0.2">
      <c r="B3" s="2759" t="s">
        <v>1653</v>
      </c>
      <c r="C3" s="2759"/>
      <c r="D3" s="2759"/>
      <c r="E3" s="2759"/>
      <c r="F3" s="2759"/>
      <c r="G3" s="2759"/>
      <c r="H3" s="2759"/>
      <c r="I3" s="2759"/>
      <c r="J3" s="2759"/>
      <c r="K3" s="2759"/>
      <c r="L3" s="2759"/>
      <c r="M3" s="2759"/>
      <c r="N3" s="2759"/>
      <c r="O3" s="2759"/>
      <c r="P3" s="2759"/>
      <c r="Q3" s="2759"/>
      <c r="R3" s="2759"/>
      <c r="S3" s="2759"/>
      <c r="T3" s="2759"/>
      <c r="U3" s="2759"/>
      <c r="V3" s="2759"/>
      <c r="W3" s="2759"/>
      <c r="X3" s="2759"/>
      <c r="Y3" s="2759"/>
      <c r="Z3" s="2759"/>
      <c r="AA3" s="2759"/>
      <c r="AB3" s="2759"/>
      <c r="AC3" s="2759"/>
      <c r="AD3" s="2759"/>
      <c r="AE3" s="2759"/>
      <c r="AF3" s="2759"/>
      <c r="AG3" s="2759"/>
      <c r="AH3" s="2759"/>
      <c r="AI3" s="2759"/>
      <c r="AJ3" s="2759"/>
      <c r="AK3" s="2759"/>
      <c r="AL3" s="2759"/>
      <c r="AM3" s="2759"/>
      <c r="AN3" s="2759"/>
      <c r="AO3" s="2759"/>
      <c r="AP3" s="2759"/>
      <c r="AQ3" s="2759"/>
      <c r="AR3" s="2759"/>
    </row>
    <row r="4" spans="2:45" s="964" customFormat="1" x14ac:dyDescent="0.2">
      <c r="B4" s="966"/>
      <c r="C4" s="966"/>
      <c r="D4" s="966"/>
      <c r="E4" s="966"/>
      <c r="F4" s="966"/>
      <c r="G4" s="966"/>
      <c r="H4" s="966"/>
      <c r="I4" s="966"/>
      <c r="J4" s="966"/>
      <c r="K4" s="966"/>
      <c r="L4" s="966"/>
      <c r="M4" s="966"/>
      <c r="N4" s="966"/>
      <c r="O4" s="966"/>
      <c r="P4" s="966"/>
      <c r="Q4" s="966"/>
      <c r="R4" s="966"/>
      <c r="S4" s="966"/>
      <c r="T4" s="966"/>
      <c r="U4" s="966"/>
      <c r="V4" s="966"/>
      <c r="W4" s="966"/>
      <c r="X4" s="966"/>
      <c r="Y4" s="966"/>
      <c r="Z4" s="966"/>
      <c r="AA4" s="966"/>
      <c r="AB4" s="966"/>
      <c r="AC4" s="966"/>
      <c r="AD4" s="966"/>
      <c r="AE4" s="966"/>
      <c r="AF4" s="966"/>
      <c r="AG4" s="966"/>
      <c r="AH4" s="966"/>
      <c r="AI4" s="966"/>
      <c r="AJ4" s="966"/>
      <c r="AK4" s="966"/>
      <c r="AL4" s="966"/>
      <c r="AM4" s="966"/>
      <c r="AN4" s="966"/>
      <c r="AO4" s="966"/>
      <c r="AP4" s="966"/>
      <c r="AQ4" s="966"/>
      <c r="AR4" s="966"/>
    </row>
    <row r="5" spans="2:45" ht="12" customHeight="1" x14ac:dyDescent="0.2">
      <c r="B5" s="2760" t="s">
        <v>1654</v>
      </c>
      <c r="C5" s="2761"/>
      <c r="D5" s="2761"/>
      <c r="E5" s="2761"/>
      <c r="F5" s="2761"/>
      <c r="G5" s="2761"/>
      <c r="H5" s="2761"/>
      <c r="I5" s="2761"/>
      <c r="J5" s="2761"/>
      <c r="K5" s="2761"/>
      <c r="L5" s="2761"/>
      <c r="M5" s="2761"/>
      <c r="N5" s="2761"/>
      <c r="O5" s="2761"/>
      <c r="P5" s="2761"/>
      <c r="Q5" s="2761"/>
      <c r="R5" s="2761"/>
      <c r="S5" s="2761"/>
      <c r="T5" s="2761"/>
      <c r="U5" s="2761"/>
      <c r="V5" s="2761"/>
      <c r="W5" s="2761"/>
      <c r="X5" s="2761"/>
      <c r="Y5" s="2761"/>
      <c r="Z5" s="2761"/>
      <c r="AA5" s="2761"/>
      <c r="AB5" s="2761"/>
      <c r="AC5" s="2761"/>
      <c r="AD5" s="2761"/>
      <c r="AE5" s="2761"/>
      <c r="AF5" s="2761"/>
      <c r="AG5" s="2761"/>
      <c r="AH5" s="2761"/>
      <c r="AI5" s="2761"/>
      <c r="AJ5" s="2761"/>
      <c r="AK5" s="2761"/>
      <c r="AL5" s="2761"/>
      <c r="AM5" s="2761"/>
      <c r="AN5" s="2761"/>
      <c r="AO5" s="2761"/>
      <c r="AP5" s="2761"/>
      <c r="AQ5" s="2761"/>
      <c r="AR5" s="2762"/>
    </row>
    <row r="6" spans="2:45" s="964" customFormat="1" ht="5.25" customHeight="1" x14ac:dyDescent="0.2">
      <c r="B6" s="967"/>
      <c r="C6" s="965"/>
      <c r="D6" s="965"/>
      <c r="E6" s="965"/>
      <c r="F6" s="965"/>
      <c r="G6" s="965"/>
      <c r="H6" s="965"/>
      <c r="I6" s="965"/>
      <c r="J6" s="965"/>
      <c r="K6" s="965"/>
      <c r="L6" s="965"/>
      <c r="M6" s="965"/>
      <c r="N6" s="965"/>
      <c r="O6" s="965"/>
      <c r="P6" s="965"/>
      <c r="Q6" s="965"/>
      <c r="R6" s="965"/>
      <c r="S6" s="965"/>
      <c r="T6" s="965"/>
      <c r="U6" s="965"/>
      <c r="V6" s="965"/>
      <c r="W6" s="965"/>
      <c r="X6" s="965"/>
      <c r="Y6" s="965"/>
      <c r="Z6" s="965"/>
      <c r="AA6" s="965"/>
      <c r="AB6" s="965"/>
      <c r="AC6" s="965"/>
      <c r="AD6" s="965"/>
      <c r="AE6" s="965"/>
      <c r="AF6" s="965"/>
      <c r="AG6" s="965"/>
      <c r="AH6" s="965"/>
      <c r="AI6" s="965"/>
      <c r="AJ6" s="965"/>
      <c r="AK6" s="965"/>
      <c r="AL6" s="965"/>
      <c r="AM6" s="965"/>
      <c r="AN6" s="965"/>
      <c r="AO6" s="965"/>
      <c r="AP6" s="965"/>
      <c r="AQ6" s="965"/>
      <c r="AR6" s="968"/>
    </row>
    <row r="7" spans="2:45" s="964" customFormat="1" ht="13.5" customHeight="1" x14ac:dyDescent="0.2">
      <c r="B7" s="967"/>
      <c r="C7" s="965" t="s">
        <v>995</v>
      </c>
      <c r="D7" s="965"/>
      <c r="E7" s="965"/>
      <c r="F7" s="965"/>
      <c r="G7" s="965"/>
      <c r="H7" s="965"/>
      <c r="I7" s="965"/>
      <c r="J7" s="965"/>
      <c r="K7" s="965"/>
      <c r="L7" s="965"/>
      <c r="M7" s="965"/>
      <c r="N7" s="965"/>
      <c r="O7" s="965"/>
      <c r="P7" s="965"/>
      <c r="Q7" s="965"/>
      <c r="R7" s="965"/>
      <c r="S7" s="965"/>
      <c r="T7" s="965"/>
      <c r="U7" s="965"/>
      <c r="V7" s="965"/>
      <c r="W7" s="965"/>
      <c r="X7" s="965"/>
      <c r="Y7" s="965"/>
      <c r="Z7" s="965"/>
      <c r="AA7" s="965"/>
      <c r="AB7" s="965"/>
      <c r="AC7" s="965"/>
      <c r="AD7" s="965"/>
      <c r="AE7" s="965"/>
      <c r="AF7" s="965"/>
      <c r="AG7" s="965"/>
      <c r="AH7" s="965"/>
      <c r="AI7" s="965"/>
      <c r="AJ7" s="965"/>
      <c r="AK7" s="965"/>
      <c r="AL7" s="965"/>
      <c r="AM7" s="965"/>
      <c r="AN7" s="965"/>
      <c r="AO7" s="965"/>
      <c r="AP7" s="965"/>
      <c r="AQ7" s="965"/>
      <c r="AR7" s="968"/>
    </row>
    <row r="8" spans="2:45" s="964" customFormat="1" ht="11.25" customHeight="1" x14ac:dyDescent="0.2">
      <c r="B8" s="967"/>
      <c r="C8" s="2763" t="s">
        <v>996</v>
      </c>
      <c r="D8" s="2763"/>
      <c r="E8" s="2763"/>
      <c r="F8" s="2763"/>
      <c r="G8" s="2763"/>
      <c r="H8" s="2763"/>
      <c r="I8" s="2763"/>
      <c r="J8" s="2748"/>
      <c r="K8" s="2748"/>
      <c r="L8" s="2748"/>
      <c r="M8" s="2748"/>
      <c r="N8" s="2748"/>
      <c r="O8" s="2748"/>
      <c r="P8" s="2748"/>
      <c r="Q8" s="965"/>
      <c r="R8" s="965"/>
      <c r="S8" s="2766" t="s">
        <v>997</v>
      </c>
      <c r="T8" s="2766"/>
      <c r="U8" s="2766"/>
      <c r="V8" s="2766"/>
      <c r="W8" s="2766"/>
      <c r="X8" s="2766"/>
      <c r="Y8" s="2748"/>
      <c r="Z8" s="2748"/>
      <c r="AA8" s="2748"/>
      <c r="AB8" s="2748"/>
      <c r="AC8" s="2748"/>
      <c r="AD8" s="2748"/>
      <c r="AE8" s="969"/>
      <c r="AF8" s="970"/>
      <c r="AG8" s="2743" t="s">
        <v>998</v>
      </c>
      <c r="AH8" s="2743"/>
      <c r="AI8" s="2743"/>
      <c r="AJ8" s="2744"/>
      <c r="AK8" s="2769"/>
      <c r="AL8" s="2769"/>
      <c r="AM8" s="2769"/>
      <c r="AN8" s="2769"/>
      <c r="AO8" s="2769"/>
      <c r="AP8" s="2769"/>
      <c r="AQ8" s="965"/>
      <c r="AR8" s="968"/>
    </row>
    <row r="9" spans="2:45" s="964" customFormat="1" ht="11.25" customHeight="1" x14ac:dyDescent="0.2">
      <c r="B9" s="967"/>
      <c r="C9" s="2764"/>
      <c r="D9" s="2764"/>
      <c r="E9" s="2764"/>
      <c r="F9" s="2764"/>
      <c r="G9" s="2764"/>
      <c r="H9" s="2764"/>
      <c r="I9" s="2764"/>
      <c r="J9" s="2748"/>
      <c r="K9" s="2748"/>
      <c r="L9" s="2748"/>
      <c r="M9" s="2748"/>
      <c r="N9" s="2748"/>
      <c r="O9" s="2748"/>
      <c r="P9" s="2748"/>
      <c r="Q9" s="965"/>
      <c r="R9" s="969"/>
      <c r="S9" s="2766"/>
      <c r="T9" s="2766"/>
      <c r="U9" s="2766"/>
      <c r="V9" s="2766"/>
      <c r="W9" s="2766"/>
      <c r="X9" s="2766"/>
      <c r="Y9" s="2748"/>
      <c r="Z9" s="2748"/>
      <c r="AA9" s="2748"/>
      <c r="AB9" s="2748"/>
      <c r="AC9" s="2748"/>
      <c r="AD9" s="2748"/>
      <c r="AE9" s="969"/>
      <c r="AF9" s="970"/>
      <c r="AG9" s="2767"/>
      <c r="AH9" s="2767"/>
      <c r="AI9" s="2767"/>
      <c r="AJ9" s="2768"/>
      <c r="AK9" s="2769"/>
      <c r="AL9" s="2769"/>
      <c r="AM9" s="2769"/>
      <c r="AN9" s="2769"/>
      <c r="AO9" s="2769"/>
      <c r="AP9" s="2769"/>
      <c r="AQ9" s="965"/>
      <c r="AR9" s="968"/>
    </row>
    <row r="10" spans="2:45" s="964" customFormat="1" ht="11.25" customHeight="1" x14ac:dyDescent="0.2">
      <c r="B10" s="967"/>
      <c r="C10" s="2765"/>
      <c r="D10" s="2765"/>
      <c r="E10" s="2765"/>
      <c r="F10" s="2765"/>
      <c r="G10" s="2765"/>
      <c r="H10" s="2765"/>
      <c r="I10" s="2765"/>
      <c r="J10" s="2748"/>
      <c r="K10" s="2748"/>
      <c r="L10" s="2748"/>
      <c r="M10" s="2748"/>
      <c r="N10" s="2748"/>
      <c r="O10" s="2748"/>
      <c r="P10" s="2748"/>
      <c r="Q10" s="965" t="s">
        <v>999</v>
      </c>
      <c r="R10" s="969"/>
      <c r="S10" s="2766"/>
      <c r="T10" s="2766"/>
      <c r="U10" s="2766"/>
      <c r="V10" s="2766"/>
      <c r="W10" s="2766"/>
      <c r="X10" s="2766"/>
      <c r="Y10" s="2748"/>
      <c r="Z10" s="2748"/>
      <c r="AA10" s="2748"/>
      <c r="AB10" s="2748"/>
      <c r="AC10" s="2748"/>
      <c r="AD10" s="2748"/>
      <c r="AE10" s="965" t="s">
        <v>950</v>
      </c>
      <c r="AF10" s="970"/>
      <c r="AG10" s="2746"/>
      <c r="AH10" s="2746"/>
      <c r="AI10" s="2746"/>
      <c r="AJ10" s="2747"/>
      <c r="AK10" s="2769"/>
      <c r="AL10" s="2769"/>
      <c r="AM10" s="2769"/>
      <c r="AN10" s="2769"/>
      <c r="AO10" s="2769"/>
      <c r="AP10" s="2769"/>
      <c r="AQ10" s="965" t="s">
        <v>999</v>
      </c>
      <c r="AR10" s="968"/>
    </row>
    <row r="11" spans="2:45" s="964" customFormat="1" ht="6" customHeight="1" x14ac:dyDescent="0.2">
      <c r="B11" s="967"/>
      <c r="C11" s="965"/>
      <c r="D11" s="965"/>
      <c r="E11" s="965"/>
      <c r="F11" s="965"/>
      <c r="G11" s="965"/>
      <c r="H11" s="965"/>
      <c r="I11" s="965"/>
      <c r="J11" s="965"/>
      <c r="K11" s="965"/>
      <c r="L11" s="965"/>
      <c r="M11" s="965"/>
      <c r="N11" s="965"/>
      <c r="O11" s="965"/>
      <c r="P11" s="965"/>
      <c r="Q11" s="965"/>
      <c r="R11" s="965"/>
      <c r="S11" s="965"/>
      <c r="T11" s="965"/>
      <c r="U11" s="965"/>
      <c r="V11" s="965"/>
      <c r="W11" s="965"/>
      <c r="X11" s="965"/>
      <c r="Y11" s="965"/>
      <c r="Z11" s="965"/>
      <c r="AA11" s="965"/>
      <c r="AB11" s="965"/>
      <c r="AC11" s="965"/>
      <c r="AD11" s="965"/>
      <c r="AE11" s="965"/>
      <c r="AF11" s="965"/>
      <c r="AG11" s="965"/>
      <c r="AH11" s="965"/>
      <c r="AI11" s="965"/>
      <c r="AJ11" s="965"/>
      <c r="AK11" s="965"/>
      <c r="AL11" s="965"/>
      <c r="AM11" s="965"/>
      <c r="AN11" s="965"/>
      <c r="AO11" s="965"/>
      <c r="AP11" s="965"/>
      <c r="AQ11" s="965"/>
      <c r="AR11" s="968"/>
    </row>
    <row r="12" spans="2:45" ht="13.5" customHeight="1" x14ac:dyDescent="0.2">
      <c r="B12" s="2738" t="s">
        <v>1655</v>
      </c>
      <c r="C12" s="2739"/>
      <c r="D12" s="2739"/>
      <c r="E12" s="2739"/>
      <c r="F12" s="2739"/>
      <c r="G12" s="2739"/>
      <c r="H12" s="2739"/>
      <c r="I12" s="2739"/>
      <c r="J12" s="2739"/>
      <c r="K12" s="2739"/>
      <c r="L12" s="2739"/>
      <c r="M12" s="2739"/>
      <c r="N12" s="2739"/>
      <c r="O12" s="2739"/>
      <c r="P12" s="2739"/>
      <c r="Q12" s="2739"/>
      <c r="R12" s="2739"/>
      <c r="S12" s="2739"/>
      <c r="T12" s="2739"/>
      <c r="U12" s="2739"/>
      <c r="V12" s="2739"/>
      <c r="W12" s="2739"/>
      <c r="X12" s="2739"/>
      <c r="Y12" s="2739"/>
      <c r="Z12" s="2739"/>
      <c r="AA12" s="2739"/>
      <c r="AB12" s="2739"/>
      <c r="AC12" s="2739"/>
      <c r="AD12" s="2739"/>
      <c r="AE12" s="2739"/>
      <c r="AF12" s="2739"/>
      <c r="AG12" s="2739"/>
      <c r="AH12" s="2739"/>
      <c r="AI12" s="2739"/>
      <c r="AJ12" s="2739"/>
      <c r="AK12" s="2739"/>
      <c r="AL12" s="2739"/>
      <c r="AM12" s="2739"/>
      <c r="AN12" s="2739"/>
      <c r="AO12" s="2739"/>
      <c r="AP12" s="2739"/>
      <c r="AQ12" s="2739"/>
      <c r="AR12" s="2740"/>
    </row>
    <row r="13" spans="2:45" s="964" customFormat="1" ht="17.25" customHeight="1" x14ac:dyDescent="0.2">
      <c r="B13" s="967" t="s">
        <v>1656</v>
      </c>
      <c r="C13" s="965" t="s">
        <v>1000</v>
      </c>
      <c r="D13" s="965"/>
      <c r="E13" s="965"/>
      <c r="F13" s="965"/>
      <c r="G13" s="965"/>
      <c r="H13" s="965"/>
      <c r="I13" s="965"/>
      <c r="J13" s="965"/>
      <c r="K13" s="965"/>
      <c r="L13" s="965"/>
      <c r="M13" s="965"/>
      <c r="N13" s="965"/>
      <c r="O13" s="965"/>
      <c r="P13" s="965"/>
      <c r="Q13" s="965"/>
      <c r="R13" s="965"/>
      <c r="S13" s="965"/>
      <c r="T13" s="965"/>
      <c r="U13" s="965"/>
      <c r="V13" s="965"/>
      <c r="W13" s="965"/>
      <c r="X13" s="965"/>
      <c r="Y13" s="965"/>
      <c r="Z13" s="965"/>
      <c r="AA13" s="965"/>
      <c r="AB13" s="965"/>
      <c r="AC13" s="965"/>
      <c r="AD13" s="965"/>
      <c r="AE13" s="965"/>
      <c r="AF13" s="965"/>
      <c r="AG13" s="965"/>
      <c r="AH13" s="965"/>
      <c r="AI13" s="965"/>
      <c r="AJ13" s="965"/>
      <c r="AK13" s="965"/>
      <c r="AL13" s="965"/>
      <c r="AM13" s="965"/>
      <c r="AN13" s="965"/>
      <c r="AO13" s="965"/>
      <c r="AP13" s="965"/>
      <c r="AQ13" s="965"/>
      <c r="AR13" s="968"/>
    </row>
    <row r="14" spans="2:45" s="964" customFormat="1" ht="13.5" customHeight="1" x14ac:dyDescent="0.2">
      <c r="B14" s="967"/>
      <c r="C14" s="965" t="s">
        <v>1657</v>
      </c>
      <c r="D14" s="965"/>
      <c r="E14" s="965"/>
      <c r="F14" s="965"/>
      <c r="G14" s="965"/>
      <c r="H14" s="965"/>
      <c r="I14" s="965"/>
      <c r="J14" s="965"/>
      <c r="K14" s="965"/>
      <c r="L14" s="965"/>
      <c r="M14" s="965"/>
      <c r="N14" s="965"/>
      <c r="O14" s="965"/>
      <c r="P14" s="965"/>
      <c r="Q14" s="965"/>
      <c r="R14" s="965"/>
      <c r="S14" s="965"/>
      <c r="T14" s="971"/>
      <c r="U14" s="971"/>
      <c r="V14" s="965"/>
      <c r="W14" s="965"/>
      <c r="X14" s="965"/>
      <c r="Y14" s="965"/>
      <c r="Z14" s="965"/>
      <c r="AA14" s="965"/>
      <c r="AB14" s="965"/>
      <c r="AC14" s="965"/>
      <c r="AD14" s="965"/>
      <c r="AE14" s="965"/>
      <c r="AF14" s="965"/>
      <c r="AG14" s="965"/>
      <c r="AH14" s="965"/>
      <c r="AI14" s="965"/>
      <c r="AJ14" s="965"/>
      <c r="AK14" s="965"/>
      <c r="AL14" s="965"/>
      <c r="AM14" s="965"/>
      <c r="AN14" s="965"/>
      <c r="AO14" s="965"/>
      <c r="AP14" s="965"/>
      <c r="AQ14" s="965"/>
      <c r="AR14" s="968"/>
    </row>
    <row r="15" spans="2:45" s="964" customFormat="1" ht="13.5" customHeight="1" x14ac:dyDescent="0.2">
      <c r="B15" s="967"/>
      <c r="C15" s="2742" t="s">
        <v>1002</v>
      </c>
      <c r="D15" s="2743"/>
      <c r="E15" s="2743"/>
      <c r="F15" s="2743"/>
      <c r="G15" s="2744"/>
      <c r="H15" s="2748"/>
      <c r="I15" s="2748"/>
      <c r="J15" s="2748"/>
      <c r="K15" s="2748"/>
      <c r="L15" s="2748"/>
      <c r="M15" s="2748"/>
      <c r="N15" s="2748"/>
      <c r="O15" s="2748"/>
      <c r="P15" s="2748"/>
      <c r="Q15" s="971"/>
      <c r="R15" s="965"/>
      <c r="S15" s="2742" t="s">
        <v>1003</v>
      </c>
      <c r="T15" s="2743"/>
      <c r="U15" s="2743"/>
      <c r="V15" s="2743"/>
      <c r="W15" s="2744"/>
      <c r="X15" s="2749"/>
      <c r="Y15" s="2750"/>
      <c r="Z15" s="2750"/>
      <c r="AA15" s="2750"/>
      <c r="AB15" s="2750"/>
      <c r="AC15" s="2750"/>
      <c r="AD15" s="2751"/>
      <c r="AE15" s="965"/>
      <c r="AF15" s="965"/>
      <c r="AG15" s="2755" t="s">
        <v>1004</v>
      </c>
      <c r="AH15" s="2755"/>
      <c r="AI15" s="2741"/>
      <c r="AJ15" s="2741"/>
      <c r="AK15" s="2741"/>
      <c r="AL15" s="2741"/>
      <c r="AM15" s="2741"/>
      <c r="AN15" s="2741"/>
      <c r="AO15" s="2741"/>
      <c r="AP15" s="2741"/>
      <c r="AQ15" s="965"/>
      <c r="AR15" s="968"/>
    </row>
    <row r="16" spans="2:45" s="964" customFormat="1" ht="13.5" customHeight="1" x14ac:dyDescent="0.2">
      <c r="B16" s="967"/>
      <c r="C16" s="2745"/>
      <c r="D16" s="2746"/>
      <c r="E16" s="2746"/>
      <c r="F16" s="2746"/>
      <c r="G16" s="2747"/>
      <c r="H16" s="2748"/>
      <c r="I16" s="2748"/>
      <c r="J16" s="2748"/>
      <c r="K16" s="2748"/>
      <c r="L16" s="2748"/>
      <c r="M16" s="2748"/>
      <c r="N16" s="2748"/>
      <c r="O16" s="2748"/>
      <c r="P16" s="2748"/>
      <c r="Q16" s="972" t="s">
        <v>1005</v>
      </c>
      <c r="R16" s="965"/>
      <c r="S16" s="2745"/>
      <c r="T16" s="2746"/>
      <c r="U16" s="2746"/>
      <c r="V16" s="2746"/>
      <c r="W16" s="2747"/>
      <c r="X16" s="2752"/>
      <c r="Y16" s="2753"/>
      <c r="Z16" s="2753"/>
      <c r="AA16" s="2753"/>
      <c r="AB16" s="2753"/>
      <c r="AC16" s="2753"/>
      <c r="AD16" s="2754"/>
      <c r="AE16" s="971" t="s">
        <v>1005</v>
      </c>
      <c r="AF16" s="965"/>
      <c r="AG16" s="2755"/>
      <c r="AH16" s="2755"/>
      <c r="AI16" s="2741"/>
      <c r="AJ16" s="2741"/>
      <c r="AK16" s="2741"/>
      <c r="AL16" s="2741"/>
      <c r="AM16" s="2741"/>
      <c r="AN16" s="2741"/>
      <c r="AO16" s="2741"/>
      <c r="AP16" s="2741"/>
      <c r="AQ16" s="965" t="s">
        <v>1005</v>
      </c>
      <c r="AR16" s="968"/>
    </row>
    <row r="17" spans="2:44" s="964" customFormat="1" ht="4.5" customHeight="1" x14ac:dyDescent="0.2">
      <c r="B17" s="967"/>
      <c r="C17" s="965"/>
      <c r="D17" s="965"/>
      <c r="E17" s="965"/>
      <c r="F17" s="965"/>
      <c r="G17" s="965"/>
      <c r="H17" s="965"/>
      <c r="I17" s="973"/>
      <c r="J17" s="965"/>
      <c r="K17" s="965"/>
      <c r="L17" s="965"/>
      <c r="M17" s="965"/>
      <c r="N17" s="965"/>
      <c r="O17" s="965"/>
      <c r="P17" s="965"/>
      <c r="Q17" s="965"/>
      <c r="R17" s="965"/>
      <c r="S17" s="973"/>
      <c r="T17" s="973"/>
      <c r="U17" s="973"/>
      <c r="V17" s="973"/>
      <c r="W17" s="965"/>
      <c r="X17" s="965"/>
      <c r="Y17" s="965"/>
      <c r="Z17" s="965"/>
      <c r="AA17" s="965"/>
      <c r="AB17" s="965"/>
      <c r="AC17" s="965"/>
      <c r="AD17" s="965"/>
      <c r="AE17" s="965"/>
      <c r="AF17" s="965"/>
      <c r="AG17" s="965"/>
      <c r="AH17" s="965"/>
      <c r="AI17" s="965"/>
      <c r="AJ17" s="965"/>
      <c r="AK17" s="965"/>
      <c r="AL17" s="965"/>
      <c r="AM17" s="965"/>
      <c r="AN17" s="965"/>
      <c r="AO17" s="965"/>
      <c r="AP17" s="965"/>
      <c r="AQ17" s="965"/>
      <c r="AR17" s="968"/>
    </row>
    <row r="18" spans="2:44" s="964" customFormat="1" ht="13.5" customHeight="1" x14ac:dyDescent="0.2">
      <c r="B18" s="967"/>
      <c r="C18" s="965" t="s">
        <v>1001</v>
      </c>
      <c r="D18" s="965"/>
      <c r="E18" s="965"/>
      <c r="F18" s="965"/>
      <c r="G18" s="965"/>
      <c r="H18" s="965"/>
      <c r="I18" s="965"/>
      <c r="J18" s="965"/>
      <c r="K18" s="965"/>
      <c r="L18" s="965"/>
      <c r="M18" s="965"/>
      <c r="N18" s="965"/>
      <c r="O18" s="965"/>
      <c r="P18" s="965"/>
      <c r="Q18" s="965"/>
      <c r="R18" s="965"/>
      <c r="S18" s="965"/>
      <c r="T18" s="971"/>
      <c r="U18" s="971"/>
      <c r="V18" s="965"/>
      <c r="W18" s="965"/>
      <c r="X18" s="965"/>
      <c r="Y18" s="965"/>
      <c r="Z18" s="965"/>
      <c r="AA18" s="965"/>
      <c r="AB18" s="965"/>
      <c r="AC18" s="965"/>
      <c r="AD18" s="965"/>
      <c r="AE18" s="965"/>
      <c r="AF18" s="965"/>
      <c r="AG18" s="965"/>
      <c r="AH18" s="965"/>
      <c r="AI18" s="965"/>
      <c r="AJ18" s="965"/>
      <c r="AK18" s="965"/>
      <c r="AL18" s="965"/>
      <c r="AM18" s="965"/>
      <c r="AN18" s="965"/>
      <c r="AO18" s="965"/>
      <c r="AP18" s="965"/>
      <c r="AQ18" s="965"/>
      <c r="AR18" s="968"/>
    </row>
    <row r="19" spans="2:44" s="964" customFormat="1" ht="13.5" customHeight="1" x14ac:dyDescent="0.2">
      <c r="B19" s="967"/>
      <c r="C19" s="2742" t="s">
        <v>1002</v>
      </c>
      <c r="D19" s="2743"/>
      <c r="E19" s="2743"/>
      <c r="F19" s="2743"/>
      <c r="G19" s="2744"/>
      <c r="H19" s="2748"/>
      <c r="I19" s="2748"/>
      <c r="J19" s="2748"/>
      <c r="K19" s="2748"/>
      <c r="L19" s="2748"/>
      <c r="M19" s="2748"/>
      <c r="N19" s="2748"/>
      <c r="O19" s="2748"/>
      <c r="P19" s="2748"/>
      <c r="Q19" s="971"/>
      <c r="R19" s="965"/>
      <c r="S19" s="2742" t="s">
        <v>1003</v>
      </c>
      <c r="T19" s="2743"/>
      <c r="U19" s="2743"/>
      <c r="V19" s="2743"/>
      <c r="W19" s="2744"/>
      <c r="X19" s="2749"/>
      <c r="Y19" s="2750"/>
      <c r="Z19" s="2750"/>
      <c r="AA19" s="2750"/>
      <c r="AB19" s="2750"/>
      <c r="AC19" s="2750"/>
      <c r="AD19" s="2751"/>
      <c r="AE19" s="965"/>
      <c r="AF19" s="965"/>
      <c r="AG19" s="2755" t="s">
        <v>1004</v>
      </c>
      <c r="AH19" s="2755"/>
      <c r="AI19" s="2741"/>
      <c r="AJ19" s="2741"/>
      <c r="AK19" s="2741"/>
      <c r="AL19" s="2741"/>
      <c r="AM19" s="2741"/>
      <c r="AN19" s="2741"/>
      <c r="AO19" s="2741"/>
      <c r="AP19" s="2741"/>
      <c r="AQ19" s="965"/>
      <c r="AR19" s="968"/>
    </row>
    <row r="20" spans="2:44" s="964" customFormat="1" ht="13.5" customHeight="1" x14ac:dyDescent="0.2">
      <c r="B20" s="967"/>
      <c r="C20" s="2745"/>
      <c r="D20" s="2746"/>
      <c r="E20" s="2746"/>
      <c r="F20" s="2746"/>
      <c r="G20" s="2747"/>
      <c r="H20" s="2748"/>
      <c r="I20" s="2748"/>
      <c r="J20" s="2748"/>
      <c r="K20" s="2748"/>
      <c r="L20" s="2748"/>
      <c r="M20" s="2748"/>
      <c r="N20" s="2748"/>
      <c r="O20" s="2748"/>
      <c r="P20" s="2748"/>
      <c r="Q20" s="972" t="s">
        <v>1005</v>
      </c>
      <c r="R20" s="965"/>
      <c r="S20" s="2745"/>
      <c r="T20" s="2746"/>
      <c r="U20" s="2746"/>
      <c r="V20" s="2746"/>
      <c r="W20" s="2747"/>
      <c r="X20" s="2752"/>
      <c r="Y20" s="2753"/>
      <c r="Z20" s="2753"/>
      <c r="AA20" s="2753"/>
      <c r="AB20" s="2753"/>
      <c r="AC20" s="2753"/>
      <c r="AD20" s="2754"/>
      <c r="AE20" s="971" t="s">
        <v>1005</v>
      </c>
      <c r="AF20" s="965"/>
      <c r="AG20" s="2755"/>
      <c r="AH20" s="2755"/>
      <c r="AI20" s="2741"/>
      <c r="AJ20" s="2741"/>
      <c r="AK20" s="2741"/>
      <c r="AL20" s="2741"/>
      <c r="AM20" s="2741"/>
      <c r="AN20" s="2741"/>
      <c r="AO20" s="2741"/>
      <c r="AP20" s="2741"/>
      <c r="AQ20" s="965" t="s">
        <v>1005</v>
      </c>
      <c r="AR20" s="968"/>
    </row>
    <row r="21" spans="2:44" s="964" customFormat="1" ht="13.5" customHeight="1" x14ac:dyDescent="0.2">
      <c r="B21" s="967"/>
      <c r="C21" s="965" t="s">
        <v>1006</v>
      </c>
      <c r="D21" s="965"/>
      <c r="E21" s="965"/>
      <c r="F21" s="965"/>
      <c r="G21" s="965"/>
      <c r="H21" s="965"/>
      <c r="I21" s="965"/>
      <c r="J21" s="965"/>
      <c r="K21" s="965"/>
      <c r="L21" s="965"/>
      <c r="M21" s="965"/>
      <c r="N21" s="965"/>
      <c r="O21" s="965"/>
      <c r="P21" s="965"/>
      <c r="Q21" s="965"/>
      <c r="R21" s="965"/>
      <c r="S21" s="973"/>
      <c r="T21" s="973"/>
      <c r="U21" s="973"/>
      <c r="V21" s="973"/>
      <c r="W21" s="965"/>
      <c r="X21" s="965"/>
      <c r="Y21" s="965"/>
      <c r="Z21" s="965"/>
      <c r="AA21" s="965"/>
      <c r="AB21" s="965"/>
      <c r="AC21" s="965"/>
      <c r="AD21" s="965"/>
      <c r="AE21" s="965"/>
      <c r="AF21" s="965"/>
      <c r="AG21" s="965"/>
      <c r="AH21" s="965"/>
      <c r="AI21" s="965"/>
      <c r="AJ21" s="965"/>
      <c r="AK21" s="965"/>
      <c r="AL21" s="965"/>
      <c r="AM21" s="965"/>
      <c r="AN21" s="965"/>
      <c r="AO21" s="965"/>
      <c r="AP21" s="965"/>
      <c r="AQ21" s="965"/>
      <c r="AR21" s="968"/>
    </row>
    <row r="22" spans="2:44" s="964" customFormat="1" ht="13.5" customHeight="1" x14ac:dyDescent="0.2">
      <c r="B22" s="967"/>
      <c r="C22" s="2742" t="s">
        <v>1002</v>
      </c>
      <c r="D22" s="2743"/>
      <c r="E22" s="2743"/>
      <c r="F22" s="2743"/>
      <c r="G22" s="2744"/>
      <c r="H22" s="2748"/>
      <c r="I22" s="2748"/>
      <c r="J22" s="2748"/>
      <c r="K22" s="2748"/>
      <c r="L22" s="2748"/>
      <c r="M22" s="2748"/>
      <c r="N22" s="2748"/>
      <c r="O22" s="2748"/>
      <c r="P22" s="2748"/>
      <c r="Q22" s="971"/>
      <c r="R22" s="970"/>
      <c r="S22" s="2742" t="s">
        <v>1003</v>
      </c>
      <c r="T22" s="2743"/>
      <c r="U22" s="2743"/>
      <c r="V22" s="2743"/>
      <c r="W22" s="2744"/>
      <c r="X22" s="2749"/>
      <c r="Y22" s="2750"/>
      <c r="Z22" s="2750"/>
      <c r="AA22" s="2750"/>
      <c r="AB22" s="2750"/>
      <c r="AC22" s="2750"/>
      <c r="AD22" s="2751"/>
      <c r="AE22" s="974"/>
      <c r="AF22" s="974"/>
      <c r="AG22" s="2755" t="s">
        <v>1004</v>
      </c>
      <c r="AH22" s="2755"/>
      <c r="AI22" s="2741"/>
      <c r="AJ22" s="2741"/>
      <c r="AK22" s="2741"/>
      <c r="AL22" s="2741"/>
      <c r="AM22" s="2741"/>
      <c r="AN22" s="2741"/>
      <c r="AO22" s="2741"/>
      <c r="AP22" s="2741"/>
      <c r="AQ22" s="965"/>
      <c r="AR22" s="968"/>
    </row>
    <row r="23" spans="2:44" s="964" customFormat="1" ht="13.5" customHeight="1" x14ac:dyDescent="0.2">
      <c r="B23" s="967"/>
      <c r="C23" s="2745"/>
      <c r="D23" s="2746"/>
      <c r="E23" s="2746"/>
      <c r="F23" s="2746"/>
      <c r="G23" s="2747"/>
      <c r="H23" s="2748"/>
      <c r="I23" s="2748"/>
      <c r="J23" s="2748"/>
      <c r="K23" s="2748"/>
      <c r="L23" s="2748"/>
      <c r="M23" s="2748"/>
      <c r="N23" s="2748"/>
      <c r="O23" s="2748"/>
      <c r="P23" s="2748"/>
      <c r="Q23" s="972" t="s">
        <v>1005</v>
      </c>
      <c r="R23" s="970"/>
      <c r="S23" s="2745"/>
      <c r="T23" s="2746"/>
      <c r="U23" s="2746"/>
      <c r="V23" s="2746"/>
      <c r="W23" s="2747"/>
      <c r="X23" s="2752"/>
      <c r="Y23" s="2753"/>
      <c r="Z23" s="2753"/>
      <c r="AA23" s="2753"/>
      <c r="AB23" s="2753"/>
      <c r="AC23" s="2753"/>
      <c r="AD23" s="2754"/>
      <c r="AE23" s="971" t="s">
        <v>1005</v>
      </c>
      <c r="AF23" s="974"/>
      <c r="AG23" s="2755"/>
      <c r="AH23" s="2755"/>
      <c r="AI23" s="2741"/>
      <c r="AJ23" s="2741"/>
      <c r="AK23" s="2741"/>
      <c r="AL23" s="2741"/>
      <c r="AM23" s="2741"/>
      <c r="AN23" s="2741"/>
      <c r="AO23" s="2741"/>
      <c r="AP23" s="2741"/>
      <c r="AQ23" s="965" t="s">
        <v>1005</v>
      </c>
      <c r="AR23" s="968"/>
    </row>
    <row r="24" spans="2:44" s="964" customFormat="1" ht="6" customHeight="1" x14ac:dyDescent="0.2">
      <c r="B24" s="975"/>
      <c r="C24" s="966"/>
      <c r="D24" s="966"/>
      <c r="E24" s="966"/>
      <c r="F24" s="966"/>
      <c r="G24" s="966"/>
      <c r="H24" s="966"/>
      <c r="I24" s="966"/>
      <c r="J24" s="966"/>
      <c r="K24" s="966"/>
      <c r="L24" s="966"/>
      <c r="M24" s="966"/>
      <c r="N24" s="966"/>
      <c r="O24" s="966"/>
      <c r="P24" s="966"/>
      <c r="Q24" s="966"/>
      <c r="R24" s="966"/>
      <c r="S24" s="966"/>
      <c r="T24" s="966"/>
      <c r="U24" s="966"/>
      <c r="V24" s="966"/>
      <c r="W24" s="966"/>
      <c r="X24" s="966"/>
      <c r="Y24" s="966"/>
      <c r="Z24" s="966"/>
      <c r="AA24" s="966"/>
      <c r="AB24" s="966"/>
      <c r="AC24" s="966"/>
      <c r="AD24" s="966"/>
      <c r="AE24" s="966"/>
      <c r="AF24" s="966"/>
      <c r="AG24" s="966"/>
      <c r="AH24" s="966"/>
      <c r="AI24" s="966"/>
      <c r="AJ24" s="966"/>
      <c r="AK24" s="966"/>
      <c r="AL24" s="966"/>
      <c r="AM24" s="966"/>
      <c r="AN24" s="966"/>
      <c r="AO24" s="966"/>
      <c r="AP24" s="966"/>
      <c r="AQ24" s="966"/>
      <c r="AR24" s="976"/>
    </row>
    <row r="25" spans="2:44" ht="13.5" customHeight="1" x14ac:dyDescent="0.2">
      <c r="B25" s="2738" t="s">
        <v>1007</v>
      </c>
      <c r="C25" s="2739"/>
      <c r="D25" s="2739"/>
      <c r="E25" s="2739"/>
      <c r="F25" s="2739"/>
      <c r="G25" s="2739"/>
      <c r="H25" s="2739"/>
      <c r="I25" s="2739"/>
      <c r="J25" s="2739"/>
      <c r="K25" s="2739"/>
      <c r="L25" s="2739"/>
      <c r="M25" s="2739"/>
      <c r="N25" s="2739"/>
      <c r="O25" s="2739"/>
      <c r="P25" s="2739"/>
      <c r="Q25" s="2739"/>
      <c r="R25" s="2739"/>
      <c r="S25" s="2739"/>
      <c r="T25" s="2739"/>
      <c r="U25" s="2739"/>
      <c r="V25" s="2739"/>
      <c r="W25" s="2739"/>
      <c r="X25" s="2739"/>
      <c r="Y25" s="2739"/>
      <c r="Z25" s="2739"/>
      <c r="AA25" s="2739"/>
      <c r="AB25" s="2739"/>
      <c r="AC25" s="2739"/>
      <c r="AD25" s="2739"/>
      <c r="AE25" s="2739"/>
      <c r="AF25" s="2739"/>
      <c r="AG25" s="2739"/>
      <c r="AH25" s="2739"/>
      <c r="AI25" s="2739"/>
      <c r="AJ25" s="2739"/>
      <c r="AK25" s="2739"/>
      <c r="AL25" s="2739"/>
      <c r="AM25" s="2739"/>
      <c r="AN25" s="2739"/>
      <c r="AO25" s="2739"/>
      <c r="AP25" s="2739"/>
      <c r="AQ25" s="2739"/>
      <c r="AR25" s="2740"/>
    </row>
    <row r="26" spans="2:44" s="964" customFormat="1" ht="6.75" customHeight="1" x14ac:dyDescent="0.2">
      <c r="B26" s="977"/>
      <c r="C26" s="978"/>
      <c r="D26" s="978"/>
      <c r="E26" s="978"/>
      <c r="F26" s="978"/>
      <c r="G26" s="978"/>
      <c r="H26" s="978"/>
      <c r="I26" s="978"/>
      <c r="J26" s="978"/>
      <c r="K26" s="978"/>
      <c r="L26" s="978"/>
      <c r="M26" s="978"/>
      <c r="N26" s="978"/>
      <c r="O26" s="978"/>
      <c r="P26" s="978"/>
      <c r="Q26" s="978"/>
      <c r="R26" s="978"/>
      <c r="S26" s="978"/>
      <c r="T26" s="978"/>
      <c r="U26" s="978"/>
      <c r="V26" s="978"/>
      <c r="W26" s="978"/>
      <c r="X26" s="978"/>
      <c r="Y26" s="978"/>
      <c r="Z26" s="978"/>
      <c r="AA26" s="978"/>
      <c r="AB26" s="978"/>
      <c r="AC26" s="978"/>
      <c r="AD26" s="978"/>
      <c r="AE26" s="978"/>
      <c r="AF26" s="978"/>
      <c r="AG26" s="978"/>
      <c r="AH26" s="978"/>
      <c r="AI26" s="978"/>
      <c r="AJ26" s="978"/>
      <c r="AK26" s="978"/>
      <c r="AL26" s="978"/>
      <c r="AM26" s="978"/>
      <c r="AN26" s="978"/>
      <c r="AO26" s="978"/>
      <c r="AP26" s="978"/>
      <c r="AQ26" s="978"/>
      <c r="AR26" s="979"/>
    </row>
    <row r="27" spans="2:44" s="964" customFormat="1" ht="13.5" customHeight="1" x14ac:dyDescent="0.2">
      <c r="B27" s="967"/>
      <c r="C27" s="965" t="s">
        <v>1658</v>
      </c>
      <c r="D27" s="965"/>
      <c r="E27" s="965"/>
      <c r="F27" s="965"/>
      <c r="G27" s="965"/>
      <c r="H27" s="965"/>
      <c r="I27" s="965"/>
      <c r="J27" s="965"/>
      <c r="K27" s="965"/>
      <c r="L27" s="965"/>
      <c r="M27" s="965"/>
      <c r="N27" s="965"/>
      <c r="O27" s="965"/>
      <c r="P27" s="965"/>
      <c r="Q27" s="965"/>
      <c r="R27" s="965"/>
      <c r="S27" s="965"/>
      <c r="T27" s="965"/>
      <c r="U27" s="965"/>
      <c r="V27" s="965"/>
      <c r="W27" s="965"/>
      <c r="X27" s="965"/>
      <c r="Y27" s="965"/>
      <c r="Z27" s="965"/>
      <c r="AA27" s="965"/>
      <c r="AB27" s="965"/>
      <c r="AC27" s="965"/>
      <c r="AD27" s="965"/>
      <c r="AR27" s="968"/>
    </row>
    <row r="28" spans="2:44" s="964" customFormat="1" ht="10.5" customHeight="1" x14ac:dyDescent="0.2">
      <c r="B28" s="967"/>
      <c r="C28" s="965"/>
      <c r="D28" s="965"/>
      <c r="E28" s="965"/>
      <c r="F28" s="965"/>
      <c r="G28" s="965"/>
      <c r="H28" s="965"/>
      <c r="I28" s="965"/>
      <c r="J28" s="965"/>
      <c r="K28" s="965"/>
      <c r="L28" s="965"/>
      <c r="M28" s="965"/>
      <c r="N28" s="965"/>
      <c r="O28" s="965"/>
      <c r="P28" s="965"/>
      <c r="Q28" s="965"/>
      <c r="R28" s="965"/>
      <c r="S28" s="965"/>
      <c r="T28" s="965"/>
      <c r="U28" s="965"/>
      <c r="V28" s="965"/>
      <c r="W28" s="965"/>
      <c r="X28" s="965"/>
      <c r="Y28" s="965"/>
      <c r="Z28" s="965"/>
      <c r="AA28" s="965"/>
      <c r="AB28" s="965"/>
      <c r="AC28" s="965"/>
      <c r="AD28" s="965"/>
      <c r="AR28" s="968"/>
    </row>
    <row r="29" spans="2:44" s="964" customFormat="1" ht="13.5" customHeight="1" x14ac:dyDescent="0.2">
      <c r="B29" s="967"/>
      <c r="C29" s="2737" t="s">
        <v>1008</v>
      </c>
      <c r="D29" s="2737"/>
      <c r="E29" s="2737"/>
      <c r="F29" s="2737"/>
      <c r="G29" s="2737"/>
      <c r="H29" s="2737"/>
      <c r="I29" s="2737"/>
      <c r="J29" s="2737"/>
      <c r="K29" s="2737"/>
      <c r="L29" s="2737"/>
      <c r="M29" s="2737"/>
      <c r="N29" s="2737"/>
      <c r="O29" s="2737"/>
      <c r="P29" s="965"/>
      <c r="Q29" s="2737" t="s">
        <v>1659</v>
      </c>
      <c r="R29" s="2737"/>
      <c r="S29" s="2737"/>
      <c r="T29" s="2737"/>
      <c r="U29" s="2737"/>
      <c r="V29" s="2737"/>
      <c r="W29" s="2737"/>
      <c r="X29" s="2737"/>
      <c r="Y29" s="2737"/>
      <c r="Z29" s="2737"/>
      <c r="AA29" s="2737"/>
      <c r="AB29" s="2737"/>
      <c r="AC29" s="2737"/>
      <c r="AD29" s="965"/>
      <c r="AE29" s="2737" t="s">
        <v>1660</v>
      </c>
      <c r="AF29" s="2737"/>
      <c r="AG29" s="2737"/>
      <c r="AH29" s="2737"/>
      <c r="AI29" s="2737"/>
      <c r="AJ29" s="2737"/>
      <c r="AK29" s="2737"/>
      <c r="AL29" s="2737"/>
      <c r="AM29" s="2737"/>
      <c r="AN29" s="2737"/>
      <c r="AO29" s="2737"/>
      <c r="AP29" s="2737"/>
      <c r="AQ29" s="2737"/>
      <c r="AR29" s="968"/>
    </row>
    <row r="30" spans="2:44" s="964" customFormat="1" ht="13.5" customHeight="1" x14ac:dyDescent="0.2">
      <c r="B30" s="967"/>
      <c r="C30" s="980" t="s">
        <v>1009</v>
      </c>
      <c r="D30" s="981"/>
      <c r="E30" s="981"/>
      <c r="F30" s="981"/>
      <c r="G30" s="981"/>
      <c r="H30" s="981"/>
      <c r="I30" s="981"/>
      <c r="J30" s="981"/>
      <c r="K30" s="981"/>
      <c r="L30" s="981"/>
      <c r="M30" s="981"/>
      <c r="N30" s="981"/>
      <c r="O30" s="982"/>
      <c r="P30" s="965"/>
      <c r="Q30" s="983" t="s">
        <v>1661</v>
      </c>
      <c r="R30" s="981"/>
      <c r="S30" s="981"/>
      <c r="T30" s="981"/>
      <c r="U30" s="981"/>
      <c r="V30" s="981"/>
      <c r="W30" s="981"/>
      <c r="X30" s="981"/>
      <c r="Y30" s="981"/>
      <c r="Z30" s="981"/>
      <c r="AA30" s="981"/>
      <c r="AB30" s="981"/>
      <c r="AC30" s="982"/>
      <c r="AD30" s="965"/>
      <c r="AE30" s="980" t="s">
        <v>1662</v>
      </c>
      <c r="AF30" s="981"/>
      <c r="AG30" s="981"/>
      <c r="AH30" s="981"/>
      <c r="AI30" s="981"/>
      <c r="AJ30" s="981"/>
      <c r="AK30" s="981"/>
      <c r="AL30" s="981"/>
      <c r="AM30" s="981"/>
      <c r="AN30" s="981"/>
      <c r="AO30" s="981"/>
      <c r="AP30" s="981"/>
      <c r="AQ30" s="982"/>
      <c r="AR30" s="968"/>
    </row>
    <row r="31" spans="2:44" s="964" customFormat="1" ht="13.5" customHeight="1" x14ac:dyDescent="0.2">
      <c r="B31" s="967"/>
      <c r="C31" s="984" t="s">
        <v>1663</v>
      </c>
      <c r="D31" s="985"/>
      <c r="E31" s="985"/>
      <c r="F31" s="985"/>
      <c r="G31" s="985"/>
      <c r="H31" s="985"/>
      <c r="I31" s="985"/>
      <c r="J31" s="985"/>
      <c r="K31" s="985"/>
      <c r="L31" s="985"/>
      <c r="M31" s="985"/>
      <c r="N31" s="985"/>
      <c r="O31" s="986"/>
      <c r="P31" s="965"/>
      <c r="Q31" s="987" t="s">
        <v>1664</v>
      </c>
      <c r="R31" s="985"/>
      <c r="S31" s="985"/>
      <c r="T31" s="985"/>
      <c r="U31" s="985"/>
      <c r="V31" s="985"/>
      <c r="W31" s="985"/>
      <c r="X31" s="985"/>
      <c r="Y31" s="985"/>
      <c r="Z31" s="985"/>
      <c r="AA31" s="985"/>
      <c r="AB31" s="985"/>
      <c r="AC31" s="986"/>
      <c r="AD31" s="965"/>
      <c r="AE31" s="984" t="s">
        <v>1665</v>
      </c>
      <c r="AF31" s="985"/>
      <c r="AG31" s="985"/>
      <c r="AH31" s="985"/>
      <c r="AI31" s="985"/>
      <c r="AJ31" s="985"/>
      <c r="AK31" s="985"/>
      <c r="AL31" s="985"/>
      <c r="AM31" s="985"/>
      <c r="AN31" s="985"/>
      <c r="AO31" s="985"/>
      <c r="AP31" s="985"/>
      <c r="AQ31" s="986"/>
      <c r="AR31" s="968"/>
    </row>
    <row r="32" spans="2:44" s="964" customFormat="1" ht="13.5" customHeight="1" x14ac:dyDescent="0.2">
      <c r="B32" s="967"/>
      <c r="C32" s="988"/>
      <c r="D32" s="989"/>
      <c r="E32" s="989"/>
      <c r="F32" s="989"/>
      <c r="G32" s="989"/>
      <c r="H32" s="989"/>
      <c r="I32" s="989"/>
      <c r="J32" s="989"/>
      <c r="K32" s="989"/>
      <c r="L32" s="989"/>
      <c r="M32" s="989"/>
      <c r="N32" s="989"/>
      <c r="O32" s="990"/>
      <c r="P32" s="965"/>
      <c r="Q32" s="988"/>
      <c r="R32" s="989"/>
      <c r="S32" s="989"/>
      <c r="T32" s="989"/>
      <c r="U32" s="989"/>
      <c r="V32" s="989"/>
      <c r="W32" s="989"/>
      <c r="X32" s="989"/>
      <c r="Y32" s="989"/>
      <c r="Z32" s="989"/>
      <c r="AA32" s="989"/>
      <c r="AB32" s="989"/>
      <c r="AC32" s="990"/>
      <c r="AD32" s="965"/>
      <c r="AE32" s="988"/>
      <c r="AF32" s="989"/>
      <c r="AG32" s="991"/>
      <c r="AH32" s="991"/>
      <c r="AI32" s="991"/>
      <c r="AJ32" s="989"/>
      <c r="AK32" s="991"/>
      <c r="AL32" s="991"/>
      <c r="AM32" s="991"/>
      <c r="AN32" s="991"/>
      <c r="AO32" s="991"/>
      <c r="AP32" s="991"/>
      <c r="AQ32" s="992"/>
      <c r="AR32" s="968"/>
    </row>
    <row r="33" spans="1:44" s="964" customFormat="1" ht="13.5" customHeight="1" x14ac:dyDescent="0.2">
      <c r="B33" s="967"/>
      <c r="C33" s="965"/>
      <c r="D33" s="965"/>
      <c r="E33" s="965"/>
      <c r="F33" s="965"/>
      <c r="G33" s="965"/>
      <c r="H33" s="965"/>
      <c r="I33" s="965"/>
      <c r="J33" s="965"/>
      <c r="K33" s="965"/>
      <c r="L33" s="965"/>
      <c r="M33" s="965"/>
      <c r="N33" s="965"/>
      <c r="O33" s="965"/>
      <c r="P33" s="965"/>
      <c r="Q33" s="965"/>
      <c r="R33" s="965"/>
      <c r="S33" s="965"/>
      <c r="T33" s="965"/>
      <c r="U33" s="965"/>
      <c r="V33" s="965"/>
      <c r="W33" s="965"/>
      <c r="X33" s="965"/>
      <c r="Y33" s="965"/>
      <c r="Z33" s="965"/>
      <c r="AA33" s="965"/>
      <c r="AB33" s="965"/>
      <c r="AC33" s="965"/>
      <c r="AD33" s="965"/>
      <c r="AE33" s="965"/>
      <c r="AF33" s="965"/>
      <c r="AG33" s="965"/>
      <c r="AH33" s="965"/>
      <c r="AI33" s="965"/>
      <c r="AJ33" s="965"/>
      <c r="AK33" s="965"/>
      <c r="AL33" s="965"/>
      <c r="AM33" s="965"/>
      <c r="AN33" s="965"/>
      <c r="AO33" s="965"/>
      <c r="AP33" s="965"/>
      <c r="AQ33" s="965"/>
      <c r="AR33" s="968"/>
    </row>
    <row r="34" spans="1:44" s="964" customFormat="1" ht="13.5" customHeight="1" x14ac:dyDescent="0.2">
      <c r="B34" s="967"/>
      <c r="C34" s="2737" t="s">
        <v>1011</v>
      </c>
      <c r="D34" s="2737"/>
      <c r="E34" s="2737"/>
      <c r="F34" s="2737"/>
      <c r="G34" s="2737"/>
      <c r="H34" s="2737"/>
      <c r="I34" s="2737"/>
      <c r="J34" s="2737"/>
      <c r="K34" s="2737"/>
      <c r="L34" s="2737"/>
      <c r="M34" s="2737"/>
      <c r="N34" s="2737"/>
      <c r="O34" s="2737"/>
      <c r="P34" s="965"/>
      <c r="Q34" s="2737" t="s">
        <v>1012</v>
      </c>
      <c r="R34" s="2737"/>
      <c r="S34" s="2737"/>
      <c r="T34" s="2737"/>
      <c r="U34" s="2737"/>
      <c r="V34" s="2737"/>
      <c r="W34" s="2737"/>
      <c r="X34" s="2737"/>
      <c r="Y34" s="2737"/>
      <c r="Z34" s="2737"/>
      <c r="AA34" s="2737"/>
      <c r="AB34" s="2737"/>
      <c r="AC34" s="2737"/>
      <c r="AD34" s="965"/>
      <c r="AE34" s="2737" t="s">
        <v>1013</v>
      </c>
      <c r="AF34" s="2737"/>
      <c r="AG34" s="2737"/>
      <c r="AH34" s="2737"/>
      <c r="AI34" s="2737"/>
      <c r="AJ34" s="2737"/>
      <c r="AK34" s="2737"/>
      <c r="AL34" s="2737"/>
      <c r="AM34" s="2737"/>
      <c r="AN34" s="2737"/>
      <c r="AO34" s="2737"/>
      <c r="AP34" s="2737"/>
      <c r="AQ34" s="2737"/>
      <c r="AR34" s="968"/>
    </row>
    <row r="35" spans="1:44" s="964" customFormat="1" ht="13.5" customHeight="1" x14ac:dyDescent="0.2">
      <c r="A35" s="965"/>
      <c r="B35" s="967"/>
      <c r="C35" s="993" t="s">
        <v>1666</v>
      </c>
      <c r="D35" s="981"/>
      <c r="E35" s="981"/>
      <c r="F35" s="981"/>
      <c r="G35" s="981"/>
      <c r="H35" s="981"/>
      <c r="I35" s="981"/>
      <c r="J35" s="981"/>
      <c r="K35" s="981"/>
      <c r="L35" s="981"/>
      <c r="M35" s="981"/>
      <c r="N35" s="981"/>
      <c r="O35" s="982"/>
      <c r="P35" s="965"/>
      <c r="Q35" s="980" t="s">
        <v>1667</v>
      </c>
      <c r="R35" s="981"/>
      <c r="S35" s="981"/>
      <c r="T35" s="981"/>
      <c r="U35" s="981"/>
      <c r="V35" s="981"/>
      <c r="W35" s="981"/>
      <c r="X35" s="981"/>
      <c r="Y35" s="981"/>
      <c r="Z35" s="981"/>
      <c r="AA35" s="981"/>
      <c r="AB35" s="981"/>
      <c r="AC35" s="982"/>
      <c r="AD35" s="965"/>
      <c r="AE35" s="980" t="s">
        <v>1668</v>
      </c>
      <c r="AF35" s="981"/>
      <c r="AG35" s="981"/>
      <c r="AH35" s="981"/>
      <c r="AI35" s="981"/>
      <c r="AJ35" s="981"/>
      <c r="AK35" s="981"/>
      <c r="AL35" s="981"/>
      <c r="AM35" s="981"/>
      <c r="AN35" s="981"/>
      <c r="AO35" s="981"/>
      <c r="AP35" s="981"/>
      <c r="AQ35" s="982"/>
      <c r="AR35" s="968"/>
    </row>
    <row r="36" spans="1:44" s="964" customFormat="1" ht="13.5" customHeight="1" x14ac:dyDescent="0.2">
      <c r="A36" s="965"/>
      <c r="B36" s="967"/>
      <c r="C36" s="994" t="s">
        <v>1669</v>
      </c>
      <c r="D36" s="985"/>
      <c r="E36" s="985"/>
      <c r="F36" s="985"/>
      <c r="G36" s="985"/>
      <c r="H36" s="985"/>
      <c r="I36" s="985"/>
      <c r="J36" s="985"/>
      <c r="K36" s="985"/>
      <c r="L36" s="985"/>
      <c r="M36" s="985"/>
      <c r="N36" s="985"/>
      <c r="O36" s="986"/>
      <c r="P36" s="965"/>
      <c r="Q36" s="984" t="s">
        <v>1669</v>
      </c>
      <c r="R36" s="985"/>
      <c r="S36" s="985"/>
      <c r="T36" s="985"/>
      <c r="U36" s="985"/>
      <c r="V36" s="985"/>
      <c r="W36" s="985"/>
      <c r="X36" s="985"/>
      <c r="Y36" s="985"/>
      <c r="Z36" s="985"/>
      <c r="AA36" s="985"/>
      <c r="AB36" s="985"/>
      <c r="AC36" s="986"/>
      <c r="AD36" s="965"/>
      <c r="AE36" s="984" t="s">
        <v>1669</v>
      </c>
      <c r="AF36" s="985"/>
      <c r="AG36" s="985"/>
      <c r="AH36" s="985"/>
      <c r="AI36" s="985"/>
      <c r="AJ36" s="985"/>
      <c r="AK36" s="985"/>
      <c r="AL36" s="985"/>
      <c r="AM36" s="985"/>
      <c r="AN36" s="985"/>
      <c r="AO36" s="985"/>
      <c r="AP36" s="985"/>
      <c r="AQ36" s="986"/>
      <c r="AR36" s="968"/>
    </row>
    <row r="37" spans="1:44" s="964" customFormat="1" ht="13.5" customHeight="1" x14ac:dyDescent="0.2">
      <c r="A37" s="965"/>
      <c r="B37" s="967"/>
      <c r="C37" s="988"/>
      <c r="D37" s="989"/>
      <c r="E37" s="991"/>
      <c r="F37" s="991"/>
      <c r="G37" s="991"/>
      <c r="H37" s="991"/>
      <c r="I37" s="991"/>
      <c r="J37" s="991"/>
      <c r="K37" s="991"/>
      <c r="L37" s="991"/>
      <c r="M37" s="991"/>
      <c r="N37" s="991"/>
      <c r="O37" s="992"/>
      <c r="P37" s="965"/>
      <c r="Q37" s="988"/>
      <c r="R37" s="989"/>
      <c r="S37" s="989"/>
      <c r="T37" s="989"/>
      <c r="U37" s="989"/>
      <c r="V37" s="989"/>
      <c r="W37" s="989"/>
      <c r="X37" s="989"/>
      <c r="Y37" s="989"/>
      <c r="Z37" s="989"/>
      <c r="AA37" s="989"/>
      <c r="AB37" s="989"/>
      <c r="AC37" s="990"/>
      <c r="AD37" s="965"/>
      <c r="AE37" s="988"/>
      <c r="AF37" s="989"/>
      <c r="AG37" s="989"/>
      <c r="AH37" s="989"/>
      <c r="AI37" s="989"/>
      <c r="AJ37" s="989"/>
      <c r="AK37" s="989"/>
      <c r="AL37" s="989"/>
      <c r="AM37" s="989"/>
      <c r="AN37" s="989"/>
      <c r="AO37" s="989"/>
      <c r="AP37" s="989"/>
      <c r="AQ37" s="990"/>
      <c r="AR37" s="968"/>
    </row>
    <row r="38" spans="1:44" s="964" customFormat="1" ht="13.5" customHeight="1" x14ac:dyDescent="0.2">
      <c r="A38" s="965"/>
      <c r="B38" s="967"/>
      <c r="C38" s="965"/>
      <c r="D38" s="965"/>
      <c r="E38" s="965"/>
      <c r="F38" s="965"/>
      <c r="G38" s="965"/>
      <c r="H38" s="965"/>
      <c r="I38" s="965"/>
      <c r="J38" s="965"/>
      <c r="K38" s="965"/>
      <c r="L38" s="965"/>
      <c r="M38" s="965"/>
      <c r="N38" s="965"/>
      <c r="O38" s="965"/>
      <c r="P38" s="965"/>
      <c r="Q38" s="965"/>
      <c r="R38" s="965"/>
      <c r="S38" s="965"/>
      <c r="T38" s="965"/>
      <c r="U38" s="965"/>
      <c r="V38" s="965"/>
      <c r="W38" s="965"/>
      <c r="X38" s="965"/>
      <c r="Y38" s="965"/>
      <c r="Z38" s="965"/>
      <c r="AA38" s="965"/>
      <c r="AB38" s="965"/>
      <c r="AC38" s="965"/>
      <c r="AD38" s="965"/>
      <c r="AE38" s="965"/>
      <c r="AF38" s="965"/>
      <c r="AG38" s="965"/>
      <c r="AH38" s="965"/>
      <c r="AI38" s="965"/>
      <c r="AJ38" s="965"/>
      <c r="AK38" s="965"/>
      <c r="AL38" s="965"/>
      <c r="AM38" s="965"/>
      <c r="AN38" s="965"/>
      <c r="AO38" s="965"/>
      <c r="AP38" s="965"/>
      <c r="AQ38" s="965"/>
      <c r="AR38" s="968"/>
    </row>
    <row r="39" spans="1:44" s="964" customFormat="1" ht="13.5" customHeight="1" x14ac:dyDescent="0.2">
      <c r="A39" s="965"/>
      <c r="B39" s="967"/>
      <c r="C39" s="2737" t="s">
        <v>1014</v>
      </c>
      <c r="D39" s="2737"/>
      <c r="E39" s="2737"/>
      <c r="F39" s="2737"/>
      <c r="G39" s="2737"/>
      <c r="H39" s="2737"/>
      <c r="I39" s="2737"/>
      <c r="J39" s="2737"/>
      <c r="K39" s="2737"/>
      <c r="L39" s="2737"/>
      <c r="M39" s="2737"/>
      <c r="N39" s="2737"/>
      <c r="O39" s="2737"/>
      <c r="P39" s="965"/>
      <c r="Q39" s="2737" t="s">
        <v>1015</v>
      </c>
      <c r="R39" s="2737"/>
      <c r="S39" s="2737"/>
      <c r="T39" s="2737"/>
      <c r="U39" s="2737"/>
      <c r="V39" s="2737"/>
      <c r="W39" s="2737"/>
      <c r="X39" s="2737"/>
      <c r="Y39" s="2737"/>
      <c r="Z39" s="2737"/>
      <c r="AA39" s="2737"/>
      <c r="AB39" s="2737"/>
      <c r="AC39" s="2737"/>
      <c r="AD39" s="965"/>
      <c r="AR39" s="968"/>
    </row>
    <row r="40" spans="1:44" s="964" customFormat="1" ht="13.5" customHeight="1" x14ac:dyDescent="0.2">
      <c r="A40" s="965"/>
      <c r="B40" s="967"/>
      <c r="C40" s="995" t="s">
        <v>1670</v>
      </c>
      <c r="D40" s="981"/>
      <c r="E40" s="981"/>
      <c r="F40" s="981"/>
      <c r="G40" s="981"/>
      <c r="H40" s="981"/>
      <c r="I40" s="981"/>
      <c r="J40" s="981"/>
      <c r="K40" s="981"/>
      <c r="L40" s="981"/>
      <c r="M40" s="981"/>
      <c r="N40" s="981"/>
      <c r="O40" s="982"/>
      <c r="P40" s="965"/>
      <c r="Q40" s="980" t="s">
        <v>1671</v>
      </c>
      <c r="R40" s="981"/>
      <c r="S40" s="981"/>
      <c r="T40" s="981"/>
      <c r="U40" s="981"/>
      <c r="V40" s="981"/>
      <c r="W40" s="981"/>
      <c r="X40" s="981"/>
      <c r="Y40" s="981"/>
      <c r="Z40" s="981"/>
      <c r="AA40" s="981"/>
      <c r="AB40" s="981"/>
      <c r="AC40" s="982"/>
      <c r="AD40" s="965"/>
      <c r="AR40" s="968"/>
    </row>
    <row r="41" spans="1:44" s="964" customFormat="1" ht="13.5" customHeight="1" x14ac:dyDescent="0.2">
      <c r="B41" s="967"/>
      <c r="C41" s="984" t="s">
        <v>1672</v>
      </c>
      <c r="D41" s="985"/>
      <c r="E41" s="985"/>
      <c r="F41" s="985"/>
      <c r="G41" s="985"/>
      <c r="H41" s="985"/>
      <c r="I41" s="985"/>
      <c r="J41" s="985"/>
      <c r="K41" s="985"/>
      <c r="L41" s="985"/>
      <c r="M41" s="985"/>
      <c r="N41" s="985"/>
      <c r="O41" s="986"/>
      <c r="P41" s="965"/>
      <c r="Q41" s="984" t="s">
        <v>1669</v>
      </c>
      <c r="R41" s="985"/>
      <c r="S41" s="985"/>
      <c r="T41" s="985"/>
      <c r="U41" s="985"/>
      <c r="V41" s="985"/>
      <c r="W41" s="985"/>
      <c r="X41" s="985"/>
      <c r="Y41" s="985"/>
      <c r="Z41" s="985"/>
      <c r="AA41" s="985"/>
      <c r="AB41" s="985"/>
      <c r="AC41" s="986"/>
      <c r="AD41" s="965"/>
      <c r="AR41" s="968"/>
    </row>
    <row r="42" spans="1:44" s="964" customFormat="1" ht="13.5" customHeight="1" x14ac:dyDescent="0.2">
      <c r="B42" s="967"/>
      <c r="C42" s="988"/>
      <c r="D42" s="989"/>
      <c r="E42" s="989"/>
      <c r="F42" s="989"/>
      <c r="G42" s="989"/>
      <c r="H42" s="989"/>
      <c r="I42" s="989"/>
      <c r="J42" s="989"/>
      <c r="K42" s="989"/>
      <c r="L42" s="989"/>
      <c r="M42" s="989"/>
      <c r="N42" s="989"/>
      <c r="O42" s="990"/>
      <c r="P42" s="965"/>
      <c r="Q42" s="988"/>
      <c r="R42" s="989"/>
      <c r="S42" s="989"/>
      <c r="T42" s="989"/>
      <c r="U42" s="989"/>
      <c r="V42" s="989"/>
      <c r="W42" s="989"/>
      <c r="X42" s="989"/>
      <c r="Y42" s="989"/>
      <c r="Z42" s="989"/>
      <c r="AA42" s="989"/>
      <c r="AB42" s="989"/>
      <c r="AC42" s="990"/>
      <c r="AD42" s="965"/>
      <c r="AE42" s="996"/>
      <c r="AR42" s="968"/>
    </row>
    <row r="43" spans="1:44" s="964" customFormat="1" ht="13.5" customHeight="1" x14ac:dyDescent="0.2">
      <c r="B43" s="975"/>
      <c r="C43" s="966"/>
      <c r="D43" s="966"/>
      <c r="E43" s="966"/>
      <c r="F43" s="966"/>
      <c r="G43" s="966"/>
      <c r="H43" s="966"/>
      <c r="I43" s="966"/>
      <c r="J43" s="966"/>
      <c r="K43" s="966"/>
      <c r="L43" s="966"/>
      <c r="M43" s="966"/>
      <c r="N43" s="966"/>
      <c r="O43" s="966"/>
      <c r="P43" s="966"/>
      <c r="Q43" s="966"/>
      <c r="R43" s="966"/>
      <c r="S43" s="966"/>
      <c r="T43" s="966"/>
      <c r="U43" s="966"/>
      <c r="V43" s="966"/>
      <c r="W43" s="966"/>
      <c r="X43" s="966"/>
      <c r="Y43" s="966"/>
      <c r="Z43" s="966"/>
      <c r="AA43" s="966"/>
      <c r="AB43" s="966"/>
      <c r="AC43" s="966"/>
      <c r="AD43" s="966"/>
      <c r="AE43" s="966"/>
      <c r="AF43" s="966"/>
      <c r="AG43" s="966"/>
      <c r="AH43" s="966"/>
      <c r="AI43" s="966"/>
      <c r="AJ43" s="966"/>
      <c r="AK43" s="966"/>
      <c r="AL43" s="966"/>
      <c r="AM43" s="966"/>
      <c r="AN43" s="966"/>
      <c r="AO43" s="966"/>
      <c r="AP43" s="966"/>
      <c r="AQ43" s="966"/>
      <c r="AR43" s="976"/>
    </row>
    <row r="44" spans="1:44" ht="13.5" customHeight="1" x14ac:dyDescent="0.2">
      <c r="B44" s="2738" t="s">
        <v>1673</v>
      </c>
      <c r="C44" s="2739"/>
      <c r="D44" s="2739"/>
      <c r="E44" s="2739"/>
      <c r="F44" s="2739"/>
      <c r="G44" s="2739"/>
      <c r="H44" s="2739"/>
      <c r="I44" s="2739"/>
      <c r="J44" s="2739"/>
      <c r="K44" s="2739"/>
      <c r="L44" s="2739"/>
      <c r="M44" s="2739"/>
      <c r="N44" s="2739"/>
      <c r="O44" s="2739"/>
      <c r="P44" s="2739"/>
      <c r="Q44" s="2739"/>
      <c r="R44" s="2739"/>
      <c r="S44" s="2739"/>
      <c r="T44" s="2739"/>
      <c r="U44" s="2739"/>
      <c r="V44" s="2739"/>
      <c r="W44" s="2739"/>
      <c r="X44" s="2739"/>
      <c r="Y44" s="2739"/>
      <c r="Z44" s="2739"/>
      <c r="AA44" s="2739"/>
      <c r="AB44" s="2739"/>
      <c r="AC44" s="2739"/>
      <c r="AD44" s="2739"/>
      <c r="AE44" s="2739"/>
      <c r="AF44" s="2739"/>
      <c r="AG44" s="2739"/>
      <c r="AH44" s="2739"/>
      <c r="AI44" s="2739"/>
      <c r="AJ44" s="2739"/>
      <c r="AK44" s="2739"/>
      <c r="AL44" s="2739"/>
      <c r="AM44" s="2739"/>
      <c r="AN44" s="2739"/>
      <c r="AO44" s="2739"/>
      <c r="AP44" s="2739"/>
      <c r="AQ44" s="2739"/>
      <c r="AR44" s="2740"/>
    </row>
    <row r="45" spans="1:44" s="964" customFormat="1" ht="6.75" customHeight="1" x14ac:dyDescent="0.2">
      <c r="B45" s="977"/>
      <c r="C45" s="978"/>
      <c r="D45" s="978"/>
      <c r="E45" s="978"/>
      <c r="F45" s="978"/>
      <c r="G45" s="978"/>
      <c r="H45" s="978"/>
      <c r="I45" s="978"/>
      <c r="J45" s="978"/>
      <c r="K45" s="978"/>
      <c r="L45" s="978"/>
      <c r="M45" s="978"/>
      <c r="N45" s="978"/>
      <c r="O45" s="978"/>
      <c r="P45" s="978"/>
      <c r="Q45" s="978"/>
      <c r="R45" s="978"/>
      <c r="S45" s="978"/>
      <c r="T45" s="978"/>
      <c r="U45" s="978"/>
      <c r="V45" s="978"/>
      <c r="W45" s="978"/>
      <c r="X45" s="978"/>
      <c r="Y45" s="978"/>
      <c r="Z45" s="978"/>
      <c r="AA45" s="978"/>
      <c r="AB45" s="978"/>
      <c r="AC45" s="978"/>
      <c r="AD45" s="978"/>
      <c r="AE45" s="978"/>
      <c r="AF45" s="978"/>
      <c r="AG45" s="978"/>
      <c r="AH45" s="978"/>
      <c r="AI45" s="978"/>
      <c r="AJ45" s="978"/>
      <c r="AK45" s="978"/>
      <c r="AL45" s="978"/>
      <c r="AM45" s="978"/>
      <c r="AN45" s="978"/>
      <c r="AO45" s="978"/>
      <c r="AP45" s="978"/>
      <c r="AQ45" s="978"/>
      <c r="AR45" s="979"/>
    </row>
    <row r="46" spans="1:44" s="964" customFormat="1" ht="13.5" customHeight="1" x14ac:dyDescent="0.2">
      <c r="B46" s="967"/>
      <c r="C46" s="965" t="s">
        <v>1674</v>
      </c>
      <c r="D46" s="965"/>
      <c r="E46" s="965"/>
      <c r="F46" s="965"/>
      <c r="G46" s="965"/>
      <c r="H46" s="965"/>
      <c r="I46" s="965"/>
      <c r="J46" s="965"/>
      <c r="K46" s="965"/>
      <c r="L46" s="965"/>
      <c r="M46" s="965"/>
      <c r="N46" s="965"/>
      <c r="O46" s="965"/>
      <c r="P46" s="965"/>
      <c r="Q46" s="965"/>
      <c r="R46" s="965"/>
      <c r="S46" s="965"/>
      <c r="T46" s="965"/>
      <c r="U46" s="965"/>
      <c r="V46" s="965"/>
      <c r="W46" s="965"/>
      <c r="X46" s="965"/>
      <c r="Y46" s="965"/>
      <c r="Z46" s="965"/>
      <c r="AA46" s="965"/>
      <c r="AB46" s="965"/>
      <c r="AC46" s="965"/>
      <c r="AD46" s="965"/>
      <c r="AE46" s="965"/>
      <c r="AF46" s="965"/>
      <c r="AG46" s="965"/>
      <c r="AH46" s="965"/>
      <c r="AI46" s="965"/>
      <c r="AJ46" s="965"/>
      <c r="AK46" s="965"/>
      <c r="AL46" s="965"/>
      <c r="AM46" s="965"/>
      <c r="AN46" s="965"/>
      <c r="AO46" s="965"/>
      <c r="AP46" s="965"/>
      <c r="AQ46" s="965"/>
      <c r="AR46" s="968"/>
    </row>
    <row r="47" spans="1:44" s="964" customFormat="1" ht="13.5" customHeight="1" x14ac:dyDescent="0.2">
      <c r="B47" s="967"/>
      <c r="C47" s="965"/>
      <c r="D47" s="965"/>
      <c r="E47" s="965"/>
      <c r="F47" s="965"/>
      <c r="G47" s="965"/>
      <c r="H47" s="965"/>
      <c r="I47" s="965"/>
      <c r="J47" s="965"/>
      <c r="K47" s="965"/>
      <c r="L47" s="965"/>
      <c r="M47" s="965"/>
      <c r="N47" s="965"/>
      <c r="O47" s="965"/>
      <c r="P47" s="965"/>
      <c r="Q47" s="965"/>
      <c r="R47" s="965"/>
      <c r="S47" s="965"/>
      <c r="T47" s="965"/>
      <c r="U47" s="965"/>
      <c r="V47" s="965"/>
      <c r="W47" s="965"/>
      <c r="X47" s="965"/>
      <c r="Y47" s="965"/>
      <c r="Z47" s="965"/>
      <c r="AA47" s="965"/>
      <c r="AB47" s="965"/>
      <c r="AC47" s="965"/>
      <c r="AD47" s="965"/>
      <c r="AE47" s="965"/>
      <c r="AF47" s="965"/>
      <c r="AG47" s="965"/>
      <c r="AH47" s="965"/>
      <c r="AI47" s="965"/>
      <c r="AJ47" s="965"/>
      <c r="AK47" s="965"/>
      <c r="AL47" s="965"/>
      <c r="AM47" s="965"/>
      <c r="AN47" s="965"/>
      <c r="AO47" s="965"/>
      <c r="AP47" s="965"/>
      <c r="AQ47" s="965"/>
      <c r="AR47" s="968"/>
    </row>
    <row r="48" spans="1:44" s="964" customFormat="1" ht="13.5" customHeight="1" x14ac:dyDescent="0.2">
      <c r="B48" s="967"/>
      <c r="C48" s="2737" t="s">
        <v>1016</v>
      </c>
      <c r="D48" s="2737"/>
      <c r="E48" s="2737"/>
      <c r="F48" s="2737"/>
      <c r="G48" s="2737"/>
      <c r="H48" s="2737"/>
      <c r="I48" s="2737"/>
      <c r="J48" s="2737"/>
      <c r="K48" s="2737"/>
      <c r="L48" s="2737"/>
      <c r="M48" s="2737"/>
      <c r="N48" s="2737"/>
      <c r="O48" s="2737"/>
      <c r="P48" s="965"/>
      <c r="Q48" s="2737" t="s">
        <v>1675</v>
      </c>
      <c r="R48" s="2737"/>
      <c r="S48" s="2737"/>
      <c r="T48" s="2737"/>
      <c r="U48" s="2737"/>
      <c r="V48" s="2737"/>
      <c r="W48" s="2737"/>
      <c r="X48" s="2737"/>
      <c r="Y48" s="2737"/>
      <c r="Z48" s="2737"/>
      <c r="AA48" s="2737"/>
      <c r="AB48" s="2737"/>
      <c r="AC48" s="2737"/>
      <c r="AD48" s="965"/>
      <c r="AE48" s="2737" t="s">
        <v>1017</v>
      </c>
      <c r="AF48" s="2737"/>
      <c r="AG48" s="2737"/>
      <c r="AH48" s="2737"/>
      <c r="AI48" s="2737"/>
      <c r="AJ48" s="2737"/>
      <c r="AK48" s="2737"/>
      <c r="AL48" s="2737"/>
      <c r="AM48" s="2737"/>
      <c r="AN48" s="2737"/>
      <c r="AO48" s="2737"/>
      <c r="AP48" s="2737"/>
      <c r="AQ48" s="2737"/>
      <c r="AR48" s="968"/>
    </row>
    <row r="49" spans="2:44" s="964" customFormat="1" ht="13.5" customHeight="1" x14ac:dyDescent="0.2">
      <c r="B49" s="967"/>
      <c r="C49" s="998" t="s">
        <v>1018</v>
      </c>
      <c r="D49" s="999"/>
      <c r="E49" s="999"/>
      <c r="F49" s="999"/>
      <c r="G49" s="999"/>
      <c r="H49" s="999"/>
      <c r="I49" s="999"/>
      <c r="J49" s="999"/>
      <c r="K49" s="999"/>
      <c r="L49" s="999"/>
      <c r="M49" s="999"/>
      <c r="N49" s="999"/>
      <c r="O49" s="1000"/>
      <c r="P49" s="965"/>
      <c r="Q49" s="980" t="s">
        <v>1019</v>
      </c>
      <c r="R49" s="981"/>
      <c r="S49" s="981"/>
      <c r="T49" s="981"/>
      <c r="U49" s="981"/>
      <c r="V49" s="981"/>
      <c r="W49" s="981"/>
      <c r="X49" s="981"/>
      <c r="Y49" s="981"/>
      <c r="Z49" s="981"/>
      <c r="AA49" s="981"/>
      <c r="AB49" s="981"/>
      <c r="AC49" s="982"/>
      <c r="AD49" s="965"/>
      <c r="AE49" s="1001" t="s">
        <v>1020</v>
      </c>
      <c r="AF49" s="981"/>
      <c r="AG49" s="981"/>
      <c r="AH49" s="981"/>
      <c r="AI49" s="981"/>
      <c r="AJ49" s="981"/>
      <c r="AK49" s="981"/>
      <c r="AL49" s="981"/>
      <c r="AM49" s="981"/>
      <c r="AN49" s="981"/>
      <c r="AO49" s="981"/>
      <c r="AP49" s="981"/>
      <c r="AQ49" s="982"/>
      <c r="AR49" s="968"/>
    </row>
    <row r="50" spans="2:44" s="964" customFormat="1" ht="13.5" customHeight="1" x14ac:dyDescent="0.2">
      <c r="B50" s="967"/>
      <c r="C50" s="984" t="s">
        <v>1676</v>
      </c>
      <c r="D50" s="985"/>
      <c r="E50" s="985"/>
      <c r="F50" s="985"/>
      <c r="G50" s="985"/>
      <c r="H50" s="1002"/>
      <c r="I50" s="985"/>
      <c r="J50" s="985"/>
      <c r="K50" s="985"/>
      <c r="L50" s="985"/>
      <c r="M50" s="985"/>
      <c r="N50" s="985"/>
      <c r="O50" s="986"/>
      <c r="P50" s="965"/>
      <c r="Q50" s="984" t="s">
        <v>1677</v>
      </c>
      <c r="R50" s="985"/>
      <c r="S50" s="985"/>
      <c r="T50" s="985"/>
      <c r="U50" s="985"/>
      <c r="V50" s="985"/>
      <c r="W50" s="985"/>
      <c r="X50" s="985"/>
      <c r="Y50" s="985"/>
      <c r="Z50" s="985"/>
      <c r="AA50" s="985"/>
      <c r="AB50" s="985"/>
      <c r="AC50" s="986"/>
      <c r="AD50" s="965"/>
      <c r="AE50" s="1003" t="s">
        <v>1678</v>
      </c>
      <c r="AF50" s="985"/>
      <c r="AG50" s="985"/>
      <c r="AH50" s="985"/>
      <c r="AI50" s="985"/>
      <c r="AJ50" s="985"/>
      <c r="AK50" s="985"/>
      <c r="AL50" s="985"/>
      <c r="AM50" s="985"/>
      <c r="AN50" s="985"/>
      <c r="AO50" s="985"/>
      <c r="AP50" s="985"/>
      <c r="AQ50" s="986"/>
      <c r="AR50" s="968"/>
    </row>
    <row r="51" spans="2:44" s="964" customFormat="1" ht="13.5" customHeight="1" x14ac:dyDescent="0.2">
      <c r="B51" s="967"/>
      <c r="C51" s="984" t="s">
        <v>1679</v>
      </c>
      <c r="D51" s="985"/>
      <c r="E51" s="985"/>
      <c r="F51" s="985"/>
      <c r="G51" s="985"/>
      <c r="H51" s="985"/>
      <c r="I51" s="985"/>
      <c r="J51" s="985"/>
      <c r="K51" s="985"/>
      <c r="L51" s="985"/>
      <c r="M51" s="985"/>
      <c r="N51" s="985"/>
      <c r="O51" s="986"/>
      <c r="P51" s="965"/>
      <c r="Q51" s="1004" t="s">
        <v>1021</v>
      </c>
      <c r="R51" s="985"/>
      <c r="S51" s="1005"/>
      <c r="T51" s="1005"/>
      <c r="U51" s="1005"/>
      <c r="V51" s="1005"/>
      <c r="W51" s="985"/>
      <c r="X51" s="1005"/>
      <c r="Y51" s="1005"/>
      <c r="Z51" s="1005"/>
      <c r="AA51" s="1005"/>
      <c r="AB51" s="1005"/>
      <c r="AC51" s="1006"/>
      <c r="AD51" s="965"/>
      <c r="AE51" s="1004" t="s">
        <v>1022</v>
      </c>
      <c r="AF51" s="985"/>
      <c r="AG51" s="1005"/>
      <c r="AH51" s="1005"/>
      <c r="AI51" s="1005"/>
      <c r="AJ51" s="1005"/>
      <c r="AK51" s="985"/>
      <c r="AL51" s="1005"/>
      <c r="AM51" s="1005"/>
      <c r="AN51" s="1005"/>
      <c r="AO51" s="1005"/>
      <c r="AP51" s="1005"/>
      <c r="AQ51" s="1006"/>
      <c r="AR51" s="968"/>
    </row>
    <row r="52" spans="2:44" s="964" customFormat="1" ht="13.5" customHeight="1" x14ac:dyDescent="0.2">
      <c r="B52" s="967"/>
      <c r="C52" s="1003"/>
      <c r="D52" s="985"/>
      <c r="E52" s="985"/>
      <c r="F52" s="985"/>
      <c r="G52" s="985"/>
      <c r="H52" s="985"/>
      <c r="I52" s="985" t="s">
        <v>1680</v>
      </c>
      <c r="J52" s="985"/>
      <c r="K52" s="985"/>
      <c r="L52" s="985"/>
      <c r="M52" s="985"/>
      <c r="N52" s="985"/>
      <c r="O52" s="986"/>
      <c r="P52" s="965"/>
      <c r="Q52" s="984" t="s">
        <v>1023</v>
      </c>
      <c r="R52" s="985"/>
      <c r="S52" s="1005"/>
      <c r="T52" s="1005"/>
      <c r="U52" s="1005"/>
      <c r="V52" s="1005"/>
      <c r="W52" s="1005"/>
      <c r="X52" s="1005" t="s">
        <v>1024</v>
      </c>
      <c r="Y52" s="1005"/>
      <c r="Z52" s="1005" t="s">
        <v>1025</v>
      </c>
      <c r="AA52" s="1005"/>
      <c r="AB52" s="1005"/>
      <c r="AC52" s="1006"/>
      <c r="AD52" s="965"/>
      <c r="AE52" s="987" t="s">
        <v>1026</v>
      </c>
      <c r="AF52" s="985"/>
      <c r="AG52" s="1005"/>
      <c r="AH52" s="1005"/>
      <c r="AI52" s="1005"/>
      <c r="AJ52" s="1005"/>
      <c r="AK52" s="1005"/>
      <c r="AL52" s="1005" t="s">
        <v>1024</v>
      </c>
      <c r="AM52" s="1005"/>
      <c r="AN52" s="1005" t="s">
        <v>1025</v>
      </c>
      <c r="AO52" s="1005"/>
      <c r="AP52" s="1005"/>
      <c r="AQ52" s="1006" t="s">
        <v>950</v>
      </c>
      <c r="AR52" s="968"/>
    </row>
    <row r="53" spans="2:44" s="964" customFormat="1" ht="13.5" customHeight="1" x14ac:dyDescent="0.2">
      <c r="B53" s="967"/>
      <c r="C53" s="984" t="s">
        <v>1681</v>
      </c>
      <c r="D53" s="985"/>
      <c r="E53" s="985"/>
      <c r="F53" s="985"/>
      <c r="G53" s="985"/>
      <c r="H53" s="985"/>
      <c r="I53" s="985"/>
      <c r="J53" s="985"/>
      <c r="K53" s="985"/>
      <c r="L53" s="985"/>
      <c r="M53" s="985"/>
      <c r="N53" s="985"/>
      <c r="O53" s="986"/>
      <c r="P53" s="965"/>
      <c r="Q53" s="984" t="s">
        <v>1027</v>
      </c>
      <c r="R53" s="985"/>
      <c r="S53" s="1005"/>
      <c r="T53" s="1005"/>
      <c r="U53" s="1005"/>
      <c r="V53" s="1005"/>
      <c r="W53" s="985"/>
      <c r="X53" s="1005"/>
      <c r="Y53" s="1005"/>
      <c r="Z53" s="1005"/>
      <c r="AA53" s="1005"/>
      <c r="AB53" s="1005"/>
      <c r="AC53" s="1006"/>
      <c r="AD53" s="965"/>
      <c r="AE53" s="1004" t="s">
        <v>1028</v>
      </c>
      <c r="AF53" s="985"/>
      <c r="AG53" s="1005"/>
      <c r="AH53" s="1005"/>
      <c r="AI53" s="1005"/>
      <c r="AJ53" s="1005"/>
      <c r="AK53" s="985"/>
      <c r="AL53" s="1005"/>
      <c r="AM53" s="1005"/>
      <c r="AN53" s="1005"/>
      <c r="AO53" s="1005"/>
      <c r="AP53" s="1005"/>
      <c r="AQ53" s="1006"/>
      <c r="AR53" s="968"/>
    </row>
    <row r="54" spans="2:44" s="964" customFormat="1" ht="13.5" customHeight="1" x14ac:dyDescent="0.2">
      <c r="B54" s="967"/>
      <c r="C54" s="987" t="s">
        <v>1682</v>
      </c>
      <c r="D54" s="985"/>
      <c r="E54" s="985"/>
      <c r="F54" s="985"/>
      <c r="G54" s="985"/>
      <c r="H54" s="985"/>
      <c r="I54" s="985"/>
      <c r="J54" s="985"/>
      <c r="K54" s="985"/>
      <c r="L54" s="985"/>
      <c r="M54" s="985"/>
      <c r="N54" s="985"/>
      <c r="O54" s="986"/>
      <c r="P54" s="965"/>
      <c r="Q54" s="984" t="s">
        <v>1029</v>
      </c>
      <c r="R54" s="985"/>
      <c r="S54" s="1005"/>
      <c r="T54" s="1005"/>
      <c r="U54" s="1005"/>
      <c r="V54" s="1005"/>
      <c r="W54" s="1005"/>
      <c r="X54" s="1005" t="s">
        <v>1024</v>
      </c>
      <c r="Y54" s="1005"/>
      <c r="Z54" s="1005" t="s">
        <v>1025</v>
      </c>
      <c r="AA54" s="1005"/>
      <c r="AB54" s="1005"/>
      <c r="AC54" s="1006"/>
      <c r="AD54" s="965"/>
      <c r="AE54" s="987" t="s">
        <v>1026</v>
      </c>
      <c r="AF54" s="985"/>
      <c r="AG54" s="1005"/>
      <c r="AH54" s="1005"/>
      <c r="AI54" s="1005"/>
      <c r="AJ54" s="1005"/>
      <c r="AK54" s="1005"/>
      <c r="AL54" s="1005" t="s">
        <v>1024</v>
      </c>
      <c r="AM54" s="1005"/>
      <c r="AN54" s="1005" t="s">
        <v>1025</v>
      </c>
      <c r="AO54" s="1005"/>
      <c r="AP54" s="1005"/>
      <c r="AQ54" s="1006" t="s">
        <v>950</v>
      </c>
      <c r="AR54" s="968"/>
    </row>
    <row r="55" spans="2:44" s="964" customFormat="1" ht="13.5" customHeight="1" x14ac:dyDescent="0.2">
      <c r="B55" s="967"/>
      <c r="C55" s="988" t="s">
        <v>1683</v>
      </c>
      <c r="D55" s="989"/>
      <c r="E55" s="989"/>
      <c r="F55" s="989"/>
      <c r="G55" s="989"/>
      <c r="H55" s="989"/>
      <c r="I55" s="989"/>
      <c r="J55" s="989" t="s">
        <v>1024</v>
      </c>
      <c r="K55" s="989"/>
      <c r="L55" s="989" t="s">
        <v>1025</v>
      </c>
      <c r="M55" s="989"/>
      <c r="N55" s="989"/>
      <c r="O55" s="990" t="s">
        <v>950</v>
      </c>
      <c r="P55" s="965"/>
      <c r="Q55" s="988" t="s">
        <v>1030</v>
      </c>
      <c r="R55" s="989"/>
      <c r="S55" s="991"/>
      <c r="T55" s="991"/>
      <c r="U55" s="991"/>
      <c r="V55" s="991"/>
      <c r="W55" s="985"/>
      <c r="X55" s="991"/>
      <c r="Y55" s="991"/>
      <c r="Z55" s="991"/>
      <c r="AA55" s="991"/>
      <c r="AB55" s="991"/>
      <c r="AC55" s="992"/>
      <c r="AD55" s="965"/>
      <c r="AE55" s="988"/>
      <c r="AF55" s="989"/>
      <c r="AG55" s="991"/>
      <c r="AH55" s="991"/>
      <c r="AI55" s="991"/>
      <c r="AJ55" s="991"/>
      <c r="AK55" s="991"/>
      <c r="AL55" s="991"/>
      <c r="AM55" s="991"/>
      <c r="AN55" s="991"/>
      <c r="AO55" s="991"/>
      <c r="AP55" s="991"/>
      <c r="AQ55" s="992"/>
      <c r="AR55" s="968"/>
    </row>
    <row r="56" spans="2:44" s="964" customFormat="1" ht="13.5" customHeight="1" x14ac:dyDescent="0.2">
      <c r="B56" s="967"/>
      <c r="C56" s="965"/>
      <c r="D56" s="965"/>
      <c r="E56" s="965"/>
      <c r="F56" s="965"/>
      <c r="G56" s="965"/>
      <c r="H56" s="965"/>
      <c r="I56" s="965"/>
      <c r="J56" s="965"/>
      <c r="K56" s="965"/>
      <c r="L56" s="965"/>
      <c r="M56" s="965"/>
      <c r="N56" s="965"/>
      <c r="O56" s="965"/>
      <c r="P56" s="965"/>
      <c r="Q56" s="965"/>
      <c r="R56" s="965"/>
      <c r="S56" s="965"/>
      <c r="T56" s="965"/>
      <c r="U56" s="965"/>
      <c r="V56" s="965"/>
      <c r="W56" s="965"/>
      <c r="X56" s="965"/>
      <c r="Y56" s="965"/>
      <c r="Z56" s="965"/>
      <c r="AA56" s="965"/>
      <c r="AB56" s="965"/>
      <c r="AC56" s="965"/>
      <c r="AD56" s="965"/>
      <c r="AE56" s="965"/>
      <c r="AF56" s="965"/>
      <c r="AG56" s="965"/>
      <c r="AH56" s="965"/>
      <c r="AI56" s="965"/>
      <c r="AJ56" s="965"/>
      <c r="AK56" s="965"/>
      <c r="AL56" s="965"/>
      <c r="AM56" s="965"/>
      <c r="AN56" s="965"/>
      <c r="AO56" s="965"/>
      <c r="AP56" s="965"/>
      <c r="AQ56" s="965"/>
      <c r="AR56" s="968"/>
    </row>
    <row r="57" spans="2:44" s="964" customFormat="1" ht="13.5" customHeight="1" x14ac:dyDescent="0.2">
      <c r="B57" s="967"/>
      <c r="C57" s="2737" t="s">
        <v>1031</v>
      </c>
      <c r="D57" s="2737"/>
      <c r="E57" s="2737"/>
      <c r="F57" s="2737"/>
      <c r="G57" s="2737"/>
      <c r="H57" s="2737"/>
      <c r="I57" s="2737"/>
      <c r="J57" s="2737"/>
      <c r="K57" s="2737"/>
      <c r="L57" s="2737"/>
      <c r="M57" s="2737"/>
      <c r="N57" s="2737"/>
      <c r="O57" s="2737"/>
      <c r="P57" s="965"/>
      <c r="Q57" s="2737" t="s">
        <v>1032</v>
      </c>
      <c r="R57" s="2737"/>
      <c r="S57" s="2737"/>
      <c r="T57" s="2737"/>
      <c r="U57" s="2737"/>
      <c r="V57" s="2737"/>
      <c r="W57" s="2737"/>
      <c r="X57" s="2737"/>
      <c r="Y57" s="2737"/>
      <c r="Z57" s="2737"/>
      <c r="AA57" s="2737"/>
      <c r="AB57" s="2737"/>
      <c r="AC57" s="2737"/>
      <c r="AD57" s="965"/>
      <c r="AE57" s="2737" t="s">
        <v>1033</v>
      </c>
      <c r="AF57" s="2737"/>
      <c r="AG57" s="2737"/>
      <c r="AH57" s="2737"/>
      <c r="AI57" s="2737"/>
      <c r="AJ57" s="2737"/>
      <c r="AK57" s="2737"/>
      <c r="AL57" s="2737"/>
      <c r="AM57" s="2737"/>
      <c r="AN57" s="2737"/>
      <c r="AO57" s="2737"/>
      <c r="AP57" s="2737"/>
      <c r="AQ57" s="2737"/>
      <c r="AR57" s="968"/>
    </row>
    <row r="58" spans="2:44" s="964" customFormat="1" ht="13.5" customHeight="1" x14ac:dyDescent="0.2">
      <c r="B58" s="967"/>
      <c r="C58" s="980" t="s">
        <v>1684</v>
      </c>
      <c r="D58" s="981"/>
      <c r="E58" s="981"/>
      <c r="F58" s="981"/>
      <c r="G58" s="981"/>
      <c r="H58" s="981"/>
      <c r="I58" s="981"/>
      <c r="J58" s="981"/>
      <c r="K58" s="981"/>
      <c r="L58" s="981"/>
      <c r="M58" s="981"/>
      <c r="N58" s="981"/>
      <c r="O58" s="982"/>
      <c r="P58" s="965"/>
      <c r="Q58" s="980" t="s">
        <v>1034</v>
      </c>
      <c r="R58" s="981"/>
      <c r="S58" s="981"/>
      <c r="T58" s="981"/>
      <c r="U58" s="981"/>
      <c r="V58" s="981"/>
      <c r="W58" s="981"/>
      <c r="X58" s="981"/>
      <c r="Y58" s="981"/>
      <c r="Z58" s="981"/>
      <c r="AA58" s="981"/>
      <c r="AB58" s="981"/>
      <c r="AC58" s="982"/>
      <c r="AD58" s="965"/>
      <c r="AE58" s="995" t="s">
        <v>1035</v>
      </c>
      <c r="AF58" s="981"/>
      <c r="AG58" s="981"/>
      <c r="AH58" s="981"/>
      <c r="AI58" s="981"/>
      <c r="AJ58" s="981"/>
      <c r="AK58" s="981"/>
      <c r="AL58" s="981"/>
      <c r="AM58" s="981"/>
      <c r="AN58" s="981"/>
      <c r="AO58" s="981"/>
      <c r="AP58" s="981"/>
      <c r="AQ58" s="982"/>
      <c r="AR58" s="968"/>
    </row>
    <row r="59" spans="2:44" s="964" customFormat="1" ht="13.5" customHeight="1" x14ac:dyDescent="0.2">
      <c r="B59" s="967"/>
      <c r="C59" s="984" t="s">
        <v>1685</v>
      </c>
      <c r="D59" s="985"/>
      <c r="E59" s="985"/>
      <c r="F59" s="985"/>
      <c r="G59" s="985"/>
      <c r="H59" s="985"/>
      <c r="I59" s="985"/>
      <c r="J59" s="985"/>
      <c r="K59" s="985"/>
      <c r="L59" s="985"/>
      <c r="M59" s="985"/>
      <c r="N59" s="985" t="s">
        <v>1686</v>
      </c>
      <c r="O59" s="986" t="s">
        <v>1686</v>
      </c>
      <c r="P59" s="965"/>
      <c r="Q59" s="984" t="s">
        <v>1036</v>
      </c>
      <c r="R59" s="985"/>
      <c r="S59" s="985"/>
      <c r="T59" s="985"/>
      <c r="U59" s="985"/>
      <c r="V59" s="985"/>
      <c r="W59" s="985"/>
      <c r="X59" s="985"/>
      <c r="Y59" s="985"/>
      <c r="Z59" s="985"/>
      <c r="AA59" s="985"/>
      <c r="AB59" s="985"/>
      <c r="AC59" s="986"/>
      <c r="AD59" s="965"/>
      <c r="AE59" s="987" t="s">
        <v>1037</v>
      </c>
      <c r="AF59" s="985"/>
      <c r="AG59" s="985"/>
      <c r="AH59" s="985"/>
      <c r="AI59" s="985"/>
      <c r="AJ59" s="985"/>
      <c r="AK59" s="985"/>
      <c r="AL59" s="985"/>
      <c r="AM59" s="985"/>
      <c r="AN59" s="985"/>
      <c r="AO59" s="985"/>
      <c r="AP59" s="985"/>
      <c r="AQ59" s="986"/>
      <c r="AR59" s="968"/>
    </row>
    <row r="60" spans="2:44" s="964" customFormat="1" ht="13.5" customHeight="1" x14ac:dyDescent="0.2">
      <c r="B60" s="967"/>
      <c r="C60" s="1004" t="s">
        <v>1038</v>
      </c>
      <c r="D60" s="985"/>
      <c r="E60" s="985"/>
      <c r="F60" s="985"/>
      <c r="G60" s="985"/>
      <c r="H60" s="985"/>
      <c r="I60" s="985"/>
      <c r="J60" s="985"/>
      <c r="K60" s="985"/>
      <c r="L60" s="985"/>
      <c r="M60" s="985"/>
      <c r="N60" s="985"/>
      <c r="O60" s="986"/>
      <c r="P60" s="965"/>
      <c r="Q60" s="984" t="s">
        <v>1039</v>
      </c>
      <c r="R60" s="985"/>
      <c r="S60" s="985"/>
      <c r="T60" s="985"/>
      <c r="U60" s="985"/>
      <c r="V60" s="985"/>
      <c r="W60" s="985"/>
      <c r="X60" s="985"/>
      <c r="Y60" s="985" t="s">
        <v>1040</v>
      </c>
      <c r="Z60" s="985"/>
      <c r="AA60" s="985" t="s">
        <v>1024</v>
      </c>
      <c r="AB60" s="985"/>
      <c r="AC60" s="986" t="s">
        <v>1025</v>
      </c>
      <c r="AD60" s="965"/>
      <c r="AE60" s="984" t="s">
        <v>1041</v>
      </c>
      <c r="AF60" s="985"/>
      <c r="AG60" s="985"/>
      <c r="AH60" s="985"/>
      <c r="AI60" s="985"/>
      <c r="AJ60" s="985"/>
      <c r="AK60" s="985"/>
      <c r="AL60" s="985"/>
      <c r="AM60" s="985"/>
      <c r="AN60" s="985"/>
      <c r="AO60" s="985"/>
      <c r="AP60" s="985"/>
      <c r="AQ60" s="986"/>
      <c r="AR60" s="968"/>
    </row>
    <row r="61" spans="2:44" s="964" customFormat="1" ht="13.5" customHeight="1" x14ac:dyDescent="0.2">
      <c r="B61" s="967"/>
      <c r="C61" s="984" t="s">
        <v>1042</v>
      </c>
      <c r="D61" s="985"/>
      <c r="E61" s="985"/>
      <c r="F61" s="985"/>
      <c r="G61" s="985"/>
      <c r="H61" s="985"/>
      <c r="I61" s="985"/>
      <c r="J61" s="985"/>
      <c r="K61" s="985"/>
      <c r="L61" s="985"/>
      <c r="M61" s="985"/>
      <c r="N61" s="985"/>
      <c r="O61" s="986"/>
      <c r="P61" s="965"/>
      <c r="Q61" s="984" t="s">
        <v>1043</v>
      </c>
      <c r="R61" s="985"/>
      <c r="S61" s="985"/>
      <c r="T61" s="985"/>
      <c r="U61" s="985"/>
      <c r="V61" s="985"/>
      <c r="W61" s="985"/>
      <c r="X61" s="985"/>
      <c r="Y61" s="985"/>
      <c r="Z61" s="985"/>
      <c r="AA61" s="985"/>
      <c r="AB61" s="985"/>
      <c r="AC61" s="986" t="s">
        <v>1010</v>
      </c>
      <c r="AD61" s="965"/>
      <c r="AE61" s="1004" t="s">
        <v>1044</v>
      </c>
      <c r="AF61" s="985"/>
      <c r="AG61" s="985"/>
      <c r="AH61" s="985"/>
      <c r="AI61" s="985"/>
      <c r="AJ61" s="985"/>
      <c r="AK61" s="985"/>
      <c r="AL61" s="985"/>
      <c r="AM61" s="985"/>
      <c r="AN61" s="985"/>
      <c r="AO61" s="985"/>
      <c r="AP61" s="985"/>
      <c r="AQ61" s="986"/>
      <c r="AR61" s="968"/>
    </row>
    <row r="62" spans="2:44" s="964" customFormat="1" ht="13.5" customHeight="1" x14ac:dyDescent="0.2">
      <c r="B62" s="967"/>
      <c r="C62" s="984" t="s">
        <v>1045</v>
      </c>
      <c r="D62" s="985"/>
      <c r="E62" s="985"/>
      <c r="F62" s="985"/>
      <c r="G62" s="985"/>
      <c r="H62" s="985"/>
      <c r="I62" s="985"/>
      <c r="J62" s="985" t="s">
        <v>1024</v>
      </c>
      <c r="K62" s="985"/>
      <c r="L62" s="985" t="s">
        <v>1025</v>
      </c>
      <c r="M62" s="985"/>
      <c r="N62" s="985"/>
      <c r="O62" s="986"/>
      <c r="P62" s="965"/>
      <c r="Q62" s="984" t="s">
        <v>1046</v>
      </c>
      <c r="R62" s="985"/>
      <c r="S62" s="985"/>
      <c r="T62" s="985"/>
      <c r="U62" s="985"/>
      <c r="V62" s="985"/>
      <c r="W62" s="985"/>
      <c r="X62" s="985"/>
      <c r="Y62" s="985"/>
      <c r="Z62" s="985"/>
      <c r="AA62" s="985"/>
      <c r="AB62" s="985"/>
      <c r="AC62" s="986" t="s">
        <v>1010</v>
      </c>
      <c r="AD62" s="965"/>
      <c r="AE62" s="984" t="s">
        <v>1047</v>
      </c>
      <c r="AF62" s="985"/>
      <c r="AG62" s="985"/>
      <c r="AH62" s="985"/>
      <c r="AI62" s="985"/>
      <c r="AJ62" s="985"/>
      <c r="AK62" s="985"/>
      <c r="AL62" s="985"/>
      <c r="AM62" s="985"/>
      <c r="AN62" s="985"/>
      <c r="AO62" s="985"/>
      <c r="AP62" s="985"/>
      <c r="AQ62" s="986"/>
      <c r="AR62" s="968"/>
    </row>
    <row r="63" spans="2:44" s="964" customFormat="1" ht="13.5" customHeight="1" x14ac:dyDescent="0.2">
      <c r="B63" s="967"/>
      <c r="C63" s="984" t="s">
        <v>1048</v>
      </c>
      <c r="D63" s="985"/>
      <c r="E63" s="985"/>
      <c r="F63" s="985"/>
      <c r="G63" s="985"/>
      <c r="H63" s="985"/>
      <c r="I63" s="985"/>
      <c r="J63" s="985"/>
      <c r="K63" s="985"/>
      <c r="L63" s="985"/>
      <c r="M63" s="985"/>
      <c r="N63" s="985"/>
      <c r="O63" s="986"/>
      <c r="P63" s="965"/>
      <c r="Q63" s="984" t="s">
        <v>1049</v>
      </c>
      <c r="R63" s="985"/>
      <c r="S63" s="985"/>
      <c r="T63" s="985"/>
      <c r="U63" s="985"/>
      <c r="V63" s="985"/>
      <c r="W63" s="985"/>
      <c r="X63" s="985"/>
      <c r="Y63" s="985"/>
      <c r="Z63" s="985"/>
      <c r="AA63" s="985"/>
      <c r="AB63" s="985"/>
      <c r="AC63" s="986"/>
      <c r="AD63" s="965"/>
      <c r="AE63" s="984" t="s">
        <v>1050</v>
      </c>
      <c r="AF63" s="985"/>
      <c r="AG63" s="985"/>
      <c r="AH63" s="985"/>
      <c r="AI63" s="985"/>
      <c r="AJ63" s="985"/>
      <c r="AK63" s="985"/>
      <c r="AL63" s="985"/>
      <c r="AM63" s="985"/>
      <c r="AN63" s="985"/>
      <c r="AO63" s="985"/>
      <c r="AP63" s="985"/>
      <c r="AQ63" s="986"/>
      <c r="AR63" s="968"/>
    </row>
    <row r="64" spans="2:44" s="964" customFormat="1" ht="13.5" customHeight="1" x14ac:dyDescent="0.2">
      <c r="B64" s="967"/>
      <c r="C64" s="988"/>
      <c r="D64" s="989"/>
      <c r="E64" s="989"/>
      <c r="F64" s="989"/>
      <c r="G64" s="989"/>
      <c r="H64" s="989"/>
      <c r="I64" s="989"/>
      <c r="J64" s="989"/>
      <c r="K64" s="989"/>
      <c r="L64" s="989"/>
      <c r="M64" s="989"/>
      <c r="N64" s="989"/>
      <c r="O64" s="990"/>
      <c r="P64" s="965"/>
      <c r="Q64" s="988"/>
      <c r="R64" s="989"/>
      <c r="S64" s="989"/>
      <c r="T64" s="989"/>
      <c r="U64" s="989"/>
      <c r="V64" s="989"/>
      <c r="W64" s="989"/>
      <c r="X64" s="989"/>
      <c r="Y64" s="989"/>
      <c r="Z64" s="989"/>
      <c r="AA64" s="989"/>
      <c r="AB64" s="989"/>
      <c r="AC64" s="990"/>
      <c r="AD64" s="965"/>
      <c r="AE64" s="988"/>
      <c r="AF64" s="989"/>
      <c r="AG64" s="989"/>
      <c r="AH64" s="989"/>
      <c r="AI64" s="989"/>
      <c r="AJ64" s="989"/>
      <c r="AK64" s="989"/>
      <c r="AL64" s="989"/>
      <c r="AM64" s="989"/>
      <c r="AN64" s="989"/>
      <c r="AO64" s="989"/>
      <c r="AP64" s="989"/>
      <c r="AQ64" s="990"/>
      <c r="AR64" s="968"/>
    </row>
    <row r="65" spans="2:45" s="964" customFormat="1" ht="13.5" customHeight="1" x14ac:dyDescent="0.2">
      <c r="B65" s="967"/>
      <c r="C65" s="965"/>
      <c r="D65" s="965"/>
      <c r="E65" s="965"/>
      <c r="F65" s="965"/>
      <c r="G65" s="965"/>
      <c r="H65" s="965"/>
      <c r="I65" s="965"/>
      <c r="J65" s="965"/>
      <c r="K65" s="965"/>
      <c r="L65" s="965"/>
      <c r="M65" s="965"/>
      <c r="N65" s="965"/>
      <c r="O65" s="965"/>
      <c r="P65" s="965"/>
      <c r="Q65" s="965"/>
      <c r="R65" s="965"/>
      <c r="S65" s="965"/>
      <c r="T65" s="965"/>
      <c r="U65" s="965"/>
      <c r="V65" s="965"/>
      <c r="W65" s="965"/>
      <c r="X65" s="965"/>
      <c r="Y65" s="965"/>
      <c r="Z65" s="965"/>
      <c r="AA65" s="965"/>
      <c r="AB65" s="965"/>
      <c r="AC65" s="965"/>
      <c r="AD65" s="965"/>
      <c r="AE65" s="965"/>
      <c r="AF65" s="965"/>
      <c r="AG65" s="965"/>
      <c r="AH65" s="965"/>
      <c r="AI65" s="965"/>
      <c r="AJ65" s="965"/>
      <c r="AK65" s="965"/>
      <c r="AL65" s="965"/>
      <c r="AM65" s="965"/>
      <c r="AN65" s="965"/>
      <c r="AO65" s="965"/>
      <c r="AP65" s="965"/>
      <c r="AQ65" s="965"/>
      <c r="AR65" s="968"/>
    </row>
    <row r="66" spans="2:45" s="964" customFormat="1" ht="13.5" customHeight="1" x14ac:dyDescent="0.2">
      <c r="B66" s="967"/>
      <c r="C66" s="2737" t="s">
        <v>1051</v>
      </c>
      <c r="D66" s="2737"/>
      <c r="E66" s="2737"/>
      <c r="F66" s="2737"/>
      <c r="G66" s="2737"/>
      <c r="H66" s="2737"/>
      <c r="I66" s="2737"/>
      <c r="J66" s="2737"/>
      <c r="K66" s="2737"/>
      <c r="L66" s="2737"/>
      <c r="M66" s="2737"/>
      <c r="N66" s="2737"/>
      <c r="O66" s="2737"/>
      <c r="P66" s="965"/>
      <c r="Q66" s="2736" t="s">
        <v>1687</v>
      </c>
      <c r="R66" s="2736"/>
      <c r="S66" s="2736"/>
      <c r="T66" s="2736"/>
      <c r="U66" s="2736"/>
      <c r="V66" s="2736"/>
      <c r="W66" s="2736"/>
      <c r="X66" s="2736"/>
      <c r="Y66" s="2736"/>
      <c r="Z66" s="2736"/>
      <c r="AA66" s="2736"/>
      <c r="AB66" s="2736"/>
      <c r="AC66" s="2736"/>
      <c r="AD66" s="965"/>
      <c r="AE66" s="965"/>
      <c r="AF66" s="965"/>
      <c r="AG66" s="965"/>
      <c r="AH66" s="965"/>
      <c r="AI66" s="965"/>
      <c r="AJ66" s="965"/>
      <c r="AK66" s="965"/>
      <c r="AL66" s="965"/>
      <c r="AM66" s="965"/>
      <c r="AN66" s="965"/>
      <c r="AO66" s="965"/>
      <c r="AP66" s="965"/>
      <c r="AQ66" s="965"/>
      <c r="AR66" s="968"/>
    </row>
    <row r="67" spans="2:45" s="964" customFormat="1" ht="13.5" customHeight="1" x14ac:dyDescent="0.2">
      <c r="B67" s="967"/>
      <c r="C67" s="980" t="s">
        <v>1052</v>
      </c>
      <c r="D67" s="981"/>
      <c r="E67" s="981"/>
      <c r="F67" s="981"/>
      <c r="G67" s="981"/>
      <c r="H67" s="981"/>
      <c r="I67" s="981"/>
      <c r="J67" s="981"/>
      <c r="K67" s="981"/>
      <c r="L67" s="981"/>
      <c r="M67" s="981"/>
      <c r="N67" s="981"/>
      <c r="O67" s="982"/>
      <c r="P67" s="965"/>
      <c r="Q67" s="980" t="s">
        <v>1053</v>
      </c>
      <c r="R67" s="981"/>
      <c r="S67" s="981"/>
      <c r="T67" s="981"/>
      <c r="U67" s="981"/>
      <c r="V67" s="981"/>
      <c r="W67" s="981"/>
      <c r="X67" s="981"/>
      <c r="Y67" s="981"/>
      <c r="Z67" s="981"/>
      <c r="AA67" s="981"/>
      <c r="AB67" s="981"/>
      <c r="AC67" s="982"/>
      <c r="AD67" s="965"/>
      <c r="AE67" s="965"/>
      <c r="AF67" s="965"/>
      <c r="AG67" s="965"/>
      <c r="AH67" s="965"/>
      <c r="AI67" s="965"/>
      <c r="AJ67" s="965"/>
      <c r="AK67" s="965"/>
      <c r="AL67" s="965"/>
      <c r="AM67" s="965"/>
      <c r="AN67" s="965"/>
      <c r="AO67" s="965"/>
      <c r="AP67" s="965"/>
      <c r="AQ67" s="965"/>
      <c r="AR67" s="968"/>
    </row>
    <row r="68" spans="2:45" s="964" customFormat="1" ht="13.5" customHeight="1" x14ac:dyDescent="0.2">
      <c r="B68" s="967"/>
      <c r="C68" s="984" t="s">
        <v>1054</v>
      </c>
      <c r="D68" s="985"/>
      <c r="E68" s="985"/>
      <c r="F68" s="985"/>
      <c r="G68" s="985"/>
      <c r="H68" s="985"/>
      <c r="I68" s="985"/>
      <c r="J68" s="985"/>
      <c r="K68" s="985"/>
      <c r="L68" s="985"/>
      <c r="M68" s="985"/>
      <c r="N68" s="985"/>
      <c r="O68" s="986"/>
      <c r="P68" s="965"/>
      <c r="Q68" s="984" t="s">
        <v>1055</v>
      </c>
      <c r="R68" s="985"/>
      <c r="S68" s="985"/>
      <c r="T68" s="985"/>
      <c r="U68" s="985"/>
      <c r="V68" s="985"/>
      <c r="W68" s="985"/>
      <c r="X68" s="985"/>
      <c r="Y68" s="985"/>
      <c r="Z68" s="985"/>
      <c r="AA68" s="985"/>
      <c r="AB68" s="985"/>
      <c r="AC68" s="986"/>
      <c r="AD68" s="965"/>
      <c r="AE68" s="965"/>
      <c r="AF68" s="965"/>
      <c r="AG68" s="965"/>
      <c r="AH68" s="965"/>
      <c r="AI68" s="965"/>
      <c r="AJ68" s="965"/>
      <c r="AK68" s="965"/>
      <c r="AL68" s="965"/>
      <c r="AM68" s="965"/>
      <c r="AN68" s="965"/>
      <c r="AO68" s="965"/>
      <c r="AP68" s="965"/>
      <c r="AQ68" s="965"/>
      <c r="AR68" s="968"/>
    </row>
    <row r="69" spans="2:45" s="964" customFormat="1" ht="13.5" customHeight="1" x14ac:dyDescent="0.2">
      <c r="B69" s="967"/>
      <c r="C69" s="984"/>
      <c r="D69" s="985"/>
      <c r="E69" s="985"/>
      <c r="F69" s="985"/>
      <c r="G69" s="985"/>
      <c r="H69" s="985"/>
      <c r="I69" s="985"/>
      <c r="J69" s="985"/>
      <c r="K69" s="985"/>
      <c r="L69" s="985"/>
      <c r="M69" s="985"/>
      <c r="N69" s="985"/>
      <c r="O69" s="986"/>
      <c r="P69" s="965"/>
      <c r="Q69" s="984"/>
      <c r="R69" s="985"/>
      <c r="S69" s="985"/>
      <c r="T69" s="985"/>
      <c r="U69" s="985"/>
      <c r="V69" s="985"/>
      <c r="W69" s="985"/>
      <c r="X69" s="985"/>
      <c r="Y69" s="985"/>
      <c r="Z69" s="985"/>
      <c r="AA69" s="985"/>
      <c r="AB69" s="985"/>
      <c r="AC69" s="986"/>
      <c r="AD69" s="965"/>
      <c r="AE69" s="965"/>
      <c r="AF69" s="965"/>
      <c r="AG69" s="965"/>
      <c r="AH69" s="965"/>
      <c r="AI69" s="965"/>
      <c r="AJ69" s="965"/>
      <c r="AK69" s="965"/>
      <c r="AL69" s="965"/>
      <c r="AM69" s="965"/>
      <c r="AN69" s="965"/>
      <c r="AO69" s="965"/>
      <c r="AP69" s="965"/>
      <c r="AQ69" s="965"/>
      <c r="AR69" s="968"/>
    </row>
    <row r="70" spans="2:45" s="964" customFormat="1" ht="13.5" customHeight="1" x14ac:dyDescent="0.2">
      <c r="B70" s="967"/>
      <c r="C70" s="984" t="s">
        <v>1056</v>
      </c>
      <c r="D70" s="985"/>
      <c r="E70" s="985"/>
      <c r="F70" s="985"/>
      <c r="G70" s="985"/>
      <c r="H70" s="985"/>
      <c r="I70" s="985"/>
      <c r="J70" s="985" t="s">
        <v>1024</v>
      </c>
      <c r="K70" s="985"/>
      <c r="L70" s="985" t="s">
        <v>1025</v>
      </c>
      <c r="M70" s="985"/>
      <c r="N70" s="985"/>
      <c r="O70" s="986" t="s">
        <v>1688</v>
      </c>
      <c r="P70" s="965"/>
      <c r="Q70" s="984" t="s">
        <v>1057</v>
      </c>
      <c r="R70" s="985"/>
      <c r="S70" s="985"/>
      <c r="T70" s="985"/>
      <c r="U70" s="985"/>
      <c r="V70" s="985"/>
      <c r="W70" s="985"/>
      <c r="X70" s="985" t="s">
        <v>1024</v>
      </c>
      <c r="Y70" s="985"/>
      <c r="Z70" s="985" t="s">
        <v>1025</v>
      </c>
      <c r="AA70" s="985"/>
      <c r="AB70" s="985"/>
      <c r="AC70" s="986" t="s">
        <v>1686</v>
      </c>
      <c r="AD70" s="965"/>
      <c r="AE70" s="965"/>
      <c r="AF70" s="965"/>
      <c r="AG70" s="965"/>
      <c r="AH70" s="965"/>
      <c r="AI70" s="965"/>
      <c r="AJ70" s="965"/>
      <c r="AK70" s="965"/>
      <c r="AL70" s="965"/>
      <c r="AM70" s="965"/>
      <c r="AN70" s="965"/>
      <c r="AO70" s="965"/>
      <c r="AP70" s="965"/>
      <c r="AQ70" s="965"/>
      <c r="AR70" s="968"/>
    </row>
    <row r="71" spans="2:45" s="964" customFormat="1" ht="13.5" customHeight="1" x14ac:dyDescent="0.2">
      <c r="B71" s="967"/>
      <c r="C71" s="984" t="s">
        <v>1058</v>
      </c>
      <c r="D71" s="985"/>
      <c r="E71" s="985"/>
      <c r="F71" s="985"/>
      <c r="G71" s="985"/>
      <c r="H71" s="985"/>
      <c r="I71" s="985"/>
      <c r="J71" s="985"/>
      <c r="K71" s="985"/>
      <c r="L71" s="985"/>
      <c r="M71" s="985"/>
      <c r="N71" s="985"/>
      <c r="O71" s="986"/>
      <c r="P71" s="965"/>
      <c r="Q71" s="984" t="s">
        <v>1059</v>
      </c>
      <c r="R71" s="985"/>
      <c r="S71" s="985"/>
      <c r="T71" s="985"/>
      <c r="U71" s="985"/>
      <c r="V71" s="985"/>
      <c r="W71" s="985"/>
      <c r="X71" s="985"/>
      <c r="Y71" s="985"/>
      <c r="Z71" s="985"/>
      <c r="AA71" s="985"/>
      <c r="AB71" s="985"/>
      <c r="AC71" s="986"/>
      <c r="AD71" s="965"/>
      <c r="AE71" s="965"/>
      <c r="AF71" s="965"/>
      <c r="AG71" s="965"/>
      <c r="AH71" s="965"/>
      <c r="AI71" s="965"/>
      <c r="AJ71" s="965"/>
      <c r="AK71" s="965"/>
      <c r="AL71" s="965"/>
      <c r="AM71" s="965"/>
      <c r="AN71" s="965"/>
      <c r="AO71" s="965"/>
      <c r="AP71" s="965"/>
      <c r="AQ71" s="965"/>
      <c r="AR71" s="968"/>
    </row>
    <row r="72" spans="2:45" s="964" customFormat="1" ht="13.5" customHeight="1" x14ac:dyDescent="0.2">
      <c r="B72" s="967"/>
      <c r="C72" s="988"/>
      <c r="D72" s="989"/>
      <c r="E72" s="989"/>
      <c r="F72" s="989"/>
      <c r="G72" s="989"/>
      <c r="H72" s="989"/>
      <c r="I72" s="989"/>
      <c r="J72" s="989"/>
      <c r="K72" s="989"/>
      <c r="L72" s="989"/>
      <c r="M72" s="989"/>
      <c r="N72" s="989"/>
      <c r="O72" s="990"/>
      <c r="P72" s="965"/>
      <c r="Q72" s="988"/>
      <c r="R72" s="989"/>
      <c r="S72" s="989"/>
      <c r="T72" s="989"/>
      <c r="U72" s="989"/>
      <c r="V72" s="989"/>
      <c r="W72" s="989"/>
      <c r="X72" s="989"/>
      <c r="Y72" s="989"/>
      <c r="Z72" s="989"/>
      <c r="AA72" s="989"/>
      <c r="AB72" s="989"/>
      <c r="AC72" s="990"/>
      <c r="AD72" s="965"/>
      <c r="AE72" s="996"/>
      <c r="AF72" s="996"/>
      <c r="AG72" s="965"/>
      <c r="AH72" s="965"/>
      <c r="AI72" s="965"/>
      <c r="AJ72" s="965"/>
      <c r="AK72" s="965"/>
      <c r="AL72" s="965"/>
      <c r="AM72" s="965"/>
      <c r="AN72" s="965"/>
      <c r="AO72" s="965"/>
      <c r="AP72" s="965"/>
      <c r="AQ72" s="965"/>
      <c r="AR72" s="968"/>
    </row>
    <row r="73" spans="2:45" s="964" customFormat="1" ht="13.5" customHeight="1" x14ac:dyDescent="0.2">
      <c r="B73" s="967"/>
      <c r="C73" s="966"/>
      <c r="D73" s="966"/>
      <c r="E73" s="966"/>
      <c r="F73" s="966"/>
      <c r="G73" s="966"/>
      <c r="H73" s="966"/>
      <c r="I73" s="966"/>
      <c r="J73" s="966"/>
      <c r="K73" s="966"/>
      <c r="L73" s="966"/>
      <c r="M73" s="966"/>
      <c r="N73" s="966"/>
      <c r="O73" s="966"/>
      <c r="P73" s="965"/>
      <c r="Q73" s="966"/>
      <c r="R73" s="966"/>
      <c r="S73" s="966"/>
      <c r="T73" s="966"/>
      <c r="U73" s="966"/>
      <c r="V73" s="966"/>
      <c r="W73" s="966"/>
      <c r="X73" s="966"/>
      <c r="Y73" s="966"/>
      <c r="Z73" s="966"/>
      <c r="AA73" s="966"/>
      <c r="AB73" s="966"/>
      <c r="AC73" s="966"/>
      <c r="AD73" s="965"/>
      <c r="AE73" s="996"/>
      <c r="AF73" s="996"/>
      <c r="AG73" s="965"/>
      <c r="AH73" s="965"/>
      <c r="AI73" s="965"/>
      <c r="AJ73" s="965"/>
      <c r="AK73" s="965"/>
      <c r="AL73" s="965"/>
      <c r="AM73" s="965"/>
      <c r="AN73" s="965"/>
      <c r="AO73" s="965"/>
      <c r="AP73" s="965"/>
      <c r="AQ73" s="965"/>
      <c r="AR73" s="968"/>
    </row>
    <row r="74" spans="2:45" s="964" customFormat="1" ht="13.5" customHeight="1" x14ac:dyDescent="0.2">
      <c r="B74" s="2738" t="s">
        <v>1689</v>
      </c>
      <c r="C74" s="2739"/>
      <c r="D74" s="2739"/>
      <c r="E74" s="2739"/>
      <c r="F74" s="2739"/>
      <c r="G74" s="2739"/>
      <c r="H74" s="2739"/>
      <c r="I74" s="2739"/>
      <c r="J74" s="2739"/>
      <c r="K74" s="2739"/>
      <c r="L74" s="2739"/>
      <c r="M74" s="2739"/>
      <c r="N74" s="2739"/>
      <c r="O74" s="2739"/>
      <c r="P74" s="2739"/>
      <c r="Q74" s="2739"/>
      <c r="R74" s="2739"/>
      <c r="S74" s="2739"/>
      <c r="T74" s="2739"/>
      <c r="U74" s="2739"/>
      <c r="V74" s="2739"/>
      <c r="W74" s="2739"/>
      <c r="X74" s="2739"/>
      <c r="Y74" s="2739"/>
      <c r="Z74" s="2739"/>
      <c r="AA74" s="2739"/>
      <c r="AB74" s="2739"/>
      <c r="AC74" s="2739"/>
      <c r="AD74" s="2739"/>
      <c r="AE74" s="2739"/>
      <c r="AF74" s="2739"/>
      <c r="AG74" s="2739"/>
      <c r="AH74" s="2739"/>
      <c r="AI74" s="2739"/>
      <c r="AJ74" s="2739"/>
      <c r="AK74" s="2739"/>
      <c r="AL74" s="2739"/>
      <c r="AM74" s="2739"/>
      <c r="AN74" s="2739"/>
      <c r="AO74" s="2739"/>
      <c r="AP74" s="2739"/>
      <c r="AQ74" s="2739"/>
      <c r="AR74" s="2740"/>
    </row>
    <row r="75" spans="2:45" s="964" customFormat="1" ht="13.5" customHeight="1" x14ac:dyDescent="0.2">
      <c r="B75" s="977"/>
      <c r="C75" s="2736"/>
      <c r="D75" s="2736"/>
      <c r="E75" s="2736"/>
      <c r="F75" s="2736"/>
      <c r="G75" s="2736"/>
      <c r="H75" s="2736"/>
      <c r="I75" s="2737"/>
      <c r="J75" s="2737"/>
      <c r="K75" s="2737"/>
      <c r="L75" s="2737"/>
      <c r="M75" s="2737"/>
      <c r="N75" s="2737"/>
      <c r="O75" s="2737"/>
      <c r="P75" s="978"/>
      <c r="Q75" s="978"/>
      <c r="R75" s="978"/>
      <c r="S75" s="978"/>
      <c r="T75" s="978"/>
      <c r="U75" s="978"/>
      <c r="V75" s="978"/>
      <c r="W75" s="978"/>
      <c r="X75" s="978"/>
      <c r="Y75" s="978"/>
      <c r="Z75" s="978"/>
      <c r="AA75" s="2736"/>
      <c r="AB75" s="2736"/>
      <c r="AC75" s="2736"/>
      <c r="AD75" s="2736"/>
      <c r="AE75" s="2736"/>
      <c r="AF75" s="2736"/>
      <c r="AG75" s="2736"/>
      <c r="AH75" s="2736"/>
      <c r="AI75" s="2736"/>
      <c r="AJ75" s="2736"/>
      <c r="AK75" s="2736"/>
      <c r="AL75" s="2736"/>
      <c r="AM75" s="2736"/>
      <c r="AN75" s="978"/>
      <c r="AO75" s="978"/>
      <c r="AP75" s="978"/>
      <c r="AQ75" s="978"/>
      <c r="AR75" s="979"/>
    </row>
    <row r="76" spans="2:45" s="964" customFormat="1" ht="13.5" customHeight="1" x14ac:dyDescent="0.2">
      <c r="B76" s="977"/>
      <c r="C76" s="980" t="s">
        <v>1690</v>
      </c>
      <c r="D76" s="981"/>
      <c r="E76" s="981"/>
      <c r="F76" s="981"/>
      <c r="G76" s="981"/>
      <c r="H76" s="981"/>
      <c r="I76" s="981"/>
      <c r="J76" s="981"/>
      <c r="K76" s="981"/>
      <c r="L76" s="981"/>
      <c r="M76" s="981"/>
      <c r="N76" s="981"/>
      <c r="O76" s="981"/>
      <c r="P76" s="981"/>
      <c r="Q76" s="981"/>
      <c r="R76" s="982"/>
      <c r="S76" s="978"/>
      <c r="T76" s="978"/>
      <c r="U76" s="978"/>
      <c r="V76" s="978"/>
      <c r="W76" s="978"/>
      <c r="X76" s="965"/>
      <c r="Y76" s="965"/>
      <c r="Z76" s="965"/>
      <c r="AA76" s="965"/>
      <c r="AB76" s="965"/>
      <c r="AC76" s="965"/>
      <c r="AD76" s="965"/>
      <c r="AE76" s="965"/>
      <c r="AF76" s="965"/>
      <c r="AG76" s="965"/>
      <c r="AH76" s="965"/>
      <c r="AI76" s="965"/>
      <c r="AJ76" s="965"/>
      <c r="AK76" s="965"/>
      <c r="AL76" s="965"/>
      <c r="AM76" s="965"/>
      <c r="AN76" s="965"/>
      <c r="AO76" s="965"/>
      <c r="AP76" s="965"/>
      <c r="AQ76" s="965"/>
      <c r="AR76" s="968"/>
      <c r="AS76" s="979"/>
    </row>
    <row r="77" spans="2:45" s="964" customFormat="1" ht="13.5" customHeight="1" x14ac:dyDescent="0.2">
      <c r="B77" s="977"/>
      <c r="C77" s="984" t="s">
        <v>1691</v>
      </c>
      <c r="D77" s="985"/>
      <c r="E77" s="985"/>
      <c r="F77" s="985"/>
      <c r="G77" s="985"/>
      <c r="H77" s="985"/>
      <c r="I77" s="985"/>
      <c r="J77" s="985"/>
      <c r="K77" s="985"/>
      <c r="L77" s="985"/>
      <c r="M77" s="985"/>
      <c r="N77" s="985"/>
      <c r="O77" s="985"/>
      <c r="P77" s="985"/>
      <c r="Q77" s="985"/>
      <c r="R77" s="986"/>
      <c r="S77" s="978"/>
      <c r="T77" s="978"/>
      <c r="U77" s="978"/>
      <c r="V77" s="978"/>
      <c r="W77" s="978"/>
      <c r="X77" s="965"/>
      <c r="Y77" s="965"/>
      <c r="Z77" s="965"/>
      <c r="AA77" s="965"/>
      <c r="AB77" s="965"/>
      <c r="AC77" s="965"/>
      <c r="AD77" s="965"/>
      <c r="AE77" s="965"/>
      <c r="AF77" s="965"/>
      <c r="AG77" s="965"/>
      <c r="AH77" s="965"/>
      <c r="AI77" s="965"/>
      <c r="AJ77" s="965"/>
      <c r="AK77" s="965"/>
      <c r="AL77" s="965"/>
      <c r="AM77" s="965"/>
      <c r="AN77" s="965"/>
      <c r="AO77" s="965"/>
      <c r="AP77" s="965"/>
      <c r="AQ77" s="965"/>
      <c r="AR77" s="968"/>
      <c r="AS77" s="979"/>
    </row>
    <row r="78" spans="2:45" s="964" customFormat="1" ht="13.5" customHeight="1" x14ac:dyDescent="0.2">
      <c r="B78" s="977"/>
      <c r="C78" s="984"/>
      <c r="D78" s="985"/>
      <c r="E78" s="985"/>
      <c r="F78" s="985"/>
      <c r="G78" s="985"/>
      <c r="H78" s="985"/>
      <c r="I78" s="985"/>
      <c r="J78" s="985"/>
      <c r="K78" s="985"/>
      <c r="L78" s="985"/>
      <c r="M78" s="985"/>
      <c r="N78" s="985"/>
      <c r="O78" s="985"/>
      <c r="P78" s="985"/>
      <c r="Q78" s="985"/>
      <c r="R78" s="986"/>
      <c r="S78" s="978"/>
      <c r="T78" s="978"/>
      <c r="U78" s="978"/>
      <c r="V78" s="978"/>
      <c r="W78" s="978"/>
      <c r="X78" s="965"/>
      <c r="Y78" s="965"/>
      <c r="Z78" s="965"/>
      <c r="AA78" s="965"/>
      <c r="AB78" s="965"/>
      <c r="AC78" s="965"/>
      <c r="AD78" s="965"/>
      <c r="AE78" s="965"/>
      <c r="AF78" s="965"/>
      <c r="AG78" s="965"/>
      <c r="AH78" s="965"/>
      <c r="AI78" s="965"/>
      <c r="AJ78" s="965"/>
      <c r="AK78" s="965"/>
      <c r="AL78" s="965"/>
      <c r="AM78" s="965"/>
      <c r="AN78" s="965"/>
      <c r="AO78" s="965"/>
      <c r="AP78" s="965"/>
      <c r="AQ78" s="965"/>
      <c r="AR78" s="968"/>
      <c r="AS78" s="979"/>
    </row>
    <row r="79" spans="2:45" s="964" customFormat="1" ht="13.5" customHeight="1" x14ac:dyDescent="0.2">
      <c r="B79" s="977"/>
      <c r="C79" s="984" t="s">
        <v>1692</v>
      </c>
      <c r="D79" s="985"/>
      <c r="E79" s="985"/>
      <c r="F79" s="985"/>
      <c r="G79" s="985"/>
      <c r="H79" s="985"/>
      <c r="I79" s="985"/>
      <c r="J79" s="985" t="s">
        <v>1040</v>
      </c>
      <c r="K79" s="985"/>
      <c r="L79" s="985" t="s">
        <v>1693</v>
      </c>
      <c r="M79" s="985"/>
      <c r="N79" s="985" t="s">
        <v>1694</v>
      </c>
      <c r="O79" s="985"/>
      <c r="P79" s="985"/>
      <c r="Q79" s="985"/>
      <c r="R79" s="986" t="s">
        <v>1695</v>
      </c>
      <c r="S79" s="978"/>
      <c r="T79" s="978"/>
      <c r="U79" s="978"/>
      <c r="V79" s="978"/>
      <c r="W79" s="978"/>
      <c r="X79" s="965"/>
      <c r="Y79" s="965"/>
      <c r="Z79" s="965"/>
      <c r="AA79" s="965"/>
      <c r="AB79" s="965"/>
      <c r="AC79" s="965"/>
      <c r="AD79" s="965"/>
      <c r="AE79" s="965"/>
      <c r="AF79" s="965"/>
      <c r="AG79" s="965"/>
      <c r="AH79" s="965"/>
      <c r="AI79" s="965"/>
      <c r="AJ79" s="965"/>
      <c r="AK79" s="965"/>
      <c r="AL79" s="965"/>
      <c r="AM79" s="965"/>
      <c r="AN79" s="965"/>
      <c r="AO79" s="965"/>
      <c r="AP79" s="965"/>
      <c r="AQ79" s="965"/>
      <c r="AR79" s="968"/>
      <c r="AS79" s="979"/>
    </row>
    <row r="80" spans="2:45" s="964" customFormat="1" ht="13.5" customHeight="1" x14ac:dyDescent="0.2">
      <c r="B80" s="977"/>
      <c r="C80" s="988"/>
      <c r="D80" s="989"/>
      <c r="E80" s="989"/>
      <c r="F80" s="989"/>
      <c r="G80" s="989"/>
      <c r="H80" s="989"/>
      <c r="I80" s="989"/>
      <c r="J80" s="989"/>
      <c r="K80" s="989"/>
      <c r="L80" s="989"/>
      <c r="M80" s="989"/>
      <c r="N80" s="989"/>
      <c r="O80" s="989"/>
      <c r="P80" s="989"/>
      <c r="Q80" s="989"/>
      <c r="R80" s="990"/>
      <c r="S80" s="978"/>
      <c r="T80" s="978"/>
      <c r="U80" s="978"/>
      <c r="V80" s="978"/>
      <c r="W80" s="978"/>
      <c r="X80" s="965"/>
      <c r="Y80" s="965"/>
      <c r="Z80" s="965"/>
      <c r="AA80" s="965"/>
      <c r="AB80" s="965"/>
      <c r="AC80" s="965"/>
      <c r="AD80" s="965"/>
      <c r="AE80" s="965"/>
      <c r="AF80" s="965"/>
      <c r="AG80" s="965"/>
      <c r="AH80" s="965"/>
      <c r="AI80" s="965"/>
      <c r="AJ80" s="965"/>
      <c r="AK80" s="965"/>
      <c r="AL80" s="965"/>
      <c r="AM80" s="965"/>
      <c r="AN80" s="965"/>
      <c r="AO80" s="965"/>
      <c r="AP80" s="965"/>
      <c r="AQ80" s="965"/>
      <c r="AR80" s="968"/>
      <c r="AS80" s="979"/>
    </row>
    <row r="81" spans="2:45" s="964" customFormat="1" ht="13.5" customHeight="1" x14ac:dyDescent="0.2">
      <c r="B81" s="977"/>
      <c r="C81" s="978"/>
      <c r="D81" s="978"/>
      <c r="E81" s="978"/>
      <c r="F81" s="978"/>
      <c r="G81" s="978"/>
      <c r="H81" s="978"/>
      <c r="I81" s="965"/>
      <c r="J81" s="965"/>
      <c r="K81" s="965"/>
      <c r="L81" s="965"/>
      <c r="M81" s="965"/>
      <c r="N81" s="965"/>
      <c r="O81" s="965"/>
      <c r="P81" s="965"/>
      <c r="Q81" s="965"/>
      <c r="R81" s="965"/>
      <c r="S81" s="965"/>
      <c r="T81" s="965"/>
      <c r="U81" s="965"/>
      <c r="V81" s="965"/>
      <c r="W81" s="965"/>
      <c r="X81" s="965"/>
      <c r="Y81" s="978"/>
      <c r="Z81" s="978"/>
      <c r="AA81" s="978"/>
      <c r="AB81" s="978"/>
      <c r="AC81" s="978"/>
      <c r="AD81" s="965"/>
      <c r="AE81" s="965"/>
      <c r="AF81" s="965"/>
      <c r="AG81" s="965"/>
      <c r="AH81" s="965"/>
      <c r="AI81" s="965"/>
      <c r="AJ81" s="965"/>
      <c r="AK81" s="965"/>
      <c r="AL81" s="965"/>
      <c r="AM81" s="965"/>
      <c r="AN81" s="965"/>
      <c r="AO81" s="965"/>
      <c r="AP81" s="965"/>
      <c r="AQ81" s="965"/>
      <c r="AR81" s="968"/>
      <c r="AS81" s="979"/>
    </row>
    <row r="82" spans="2:45" s="964" customFormat="1" ht="13.5" customHeight="1" x14ac:dyDescent="0.2">
      <c r="B82" s="975"/>
      <c r="C82" s="966"/>
      <c r="D82" s="966"/>
      <c r="E82" s="966"/>
      <c r="F82" s="966"/>
      <c r="G82" s="966"/>
      <c r="H82" s="966"/>
      <c r="I82" s="966"/>
      <c r="J82" s="966"/>
      <c r="K82" s="966"/>
      <c r="L82" s="966"/>
      <c r="M82" s="966"/>
      <c r="N82" s="966"/>
      <c r="O82" s="966"/>
      <c r="P82" s="966"/>
      <c r="Q82" s="966"/>
      <c r="R82" s="966"/>
      <c r="S82" s="966"/>
      <c r="T82" s="966"/>
      <c r="U82" s="966"/>
      <c r="V82" s="966"/>
      <c r="W82" s="966"/>
      <c r="X82" s="966"/>
      <c r="Y82" s="966"/>
      <c r="Z82" s="966"/>
      <c r="AA82" s="966"/>
      <c r="AB82" s="966"/>
      <c r="AC82" s="966"/>
      <c r="AD82" s="966"/>
      <c r="AE82" s="966"/>
      <c r="AF82" s="966"/>
      <c r="AG82" s="966"/>
      <c r="AH82" s="966"/>
      <c r="AI82" s="966"/>
      <c r="AJ82" s="966"/>
      <c r="AK82" s="966"/>
      <c r="AL82" s="966"/>
      <c r="AM82" s="966"/>
      <c r="AN82" s="966"/>
      <c r="AO82" s="966"/>
      <c r="AP82" s="966"/>
      <c r="AQ82" s="966"/>
      <c r="AR82" s="976"/>
      <c r="AS82" s="968"/>
    </row>
    <row r="83" spans="2:45" s="964" customFormat="1" ht="13.5" customHeight="1" x14ac:dyDescent="0.2">
      <c r="AR83" s="1007" t="s">
        <v>1060</v>
      </c>
    </row>
    <row r="84" spans="2:45" s="964" customFormat="1" ht="13.5" customHeight="1" x14ac:dyDescent="0.2"/>
    <row r="85" spans="2:45" s="964" customFormat="1" ht="13.5" customHeight="1" x14ac:dyDescent="0.2"/>
    <row r="86" spans="2:45" s="964" customFormat="1" ht="13.5" customHeight="1" x14ac:dyDescent="0.2"/>
    <row r="87" spans="2:45" s="964" customFormat="1" ht="13.5" customHeight="1" x14ac:dyDescent="0.2"/>
    <row r="88" spans="2:45" s="964" customFormat="1" ht="13.5" customHeight="1" x14ac:dyDescent="0.2"/>
    <row r="89" spans="2:45" s="964" customFormat="1" ht="13.5" customHeight="1" x14ac:dyDescent="0.2"/>
    <row r="90" spans="2:45" s="964" customFormat="1" ht="13.5" customHeight="1" x14ac:dyDescent="0.2"/>
    <row r="91" spans="2:45" s="964" customFormat="1" ht="13.5" customHeight="1" x14ac:dyDescent="0.2"/>
    <row r="92" spans="2:45" s="964" customFormat="1" ht="13.5" customHeight="1" x14ac:dyDescent="0.2"/>
    <row r="93" spans="2:45" s="964" customFormat="1" ht="13.5" customHeight="1" x14ac:dyDescent="0.2"/>
    <row r="94" spans="2:45" s="964" customFormat="1" ht="13.5" customHeight="1" x14ac:dyDescent="0.2"/>
    <row r="95" spans="2:45" s="964" customFormat="1" ht="13.5" customHeight="1" x14ac:dyDescent="0.2"/>
    <row r="96" spans="2:45" s="964" customFormat="1" ht="13.5" customHeight="1" x14ac:dyDescent="0.2"/>
    <row r="97" s="964" customFormat="1" ht="13.5" customHeight="1" x14ac:dyDescent="0.2"/>
    <row r="98" s="964" customFormat="1" ht="13.5" customHeight="1" x14ac:dyDescent="0.2"/>
    <row r="99" s="964" customFormat="1" ht="13.5" customHeight="1" x14ac:dyDescent="0.2"/>
    <row r="100" s="964" customFormat="1" ht="13.5" customHeight="1" x14ac:dyDescent="0.2"/>
    <row r="101" s="964" customFormat="1" ht="13.5" customHeight="1" x14ac:dyDescent="0.2"/>
    <row r="102" s="964" customFormat="1" ht="13.5" customHeight="1" x14ac:dyDescent="0.2"/>
    <row r="103" s="964" customFormat="1" ht="13.5" customHeight="1" x14ac:dyDescent="0.2"/>
    <row r="104" s="964" customFormat="1" ht="13.5" customHeight="1" x14ac:dyDescent="0.2"/>
    <row r="105" s="964" customFormat="1" ht="13.5" customHeight="1" x14ac:dyDescent="0.2"/>
    <row r="106" s="964" customFormat="1" ht="13.5" customHeight="1" x14ac:dyDescent="0.2"/>
    <row r="107" s="964" customFormat="1" ht="13.5" customHeight="1" x14ac:dyDescent="0.2"/>
    <row r="108" s="964" customFormat="1" ht="13.5" customHeight="1" x14ac:dyDescent="0.2"/>
    <row r="109" s="964" customFormat="1" ht="13.5" customHeight="1" x14ac:dyDescent="0.2"/>
    <row r="110" s="964" customFormat="1" ht="13.5" customHeight="1" x14ac:dyDescent="0.2"/>
    <row r="111" s="964" customFormat="1" ht="13.5" customHeight="1" x14ac:dyDescent="0.2"/>
    <row r="112" s="964" customFormat="1" ht="13.5" customHeight="1" x14ac:dyDescent="0.2"/>
    <row r="113" s="964" customFormat="1" ht="13.5" customHeight="1" x14ac:dyDescent="0.2"/>
    <row r="114" s="964" customFormat="1" ht="13.5" customHeight="1" x14ac:dyDescent="0.2"/>
    <row r="115" s="964" customFormat="1" ht="13.5" customHeight="1" x14ac:dyDescent="0.2"/>
    <row r="116" s="964" customFormat="1" ht="13.5" customHeight="1" x14ac:dyDescent="0.2"/>
    <row r="117" s="964" customFormat="1" ht="13.5" customHeight="1" x14ac:dyDescent="0.2"/>
    <row r="118" s="964" customFormat="1" ht="13.5" customHeight="1" x14ac:dyDescent="0.2"/>
    <row r="119" s="964" customFormat="1" ht="13.5" customHeight="1" x14ac:dyDescent="0.2"/>
    <row r="120" s="964" customFormat="1" ht="13.5" customHeight="1" x14ac:dyDescent="0.2"/>
    <row r="121" s="964" customFormat="1" ht="13.5" customHeight="1" x14ac:dyDescent="0.2"/>
    <row r="122" s="964" customFormat="1" ht="13.5" customHeight="1" x14ac:dyDescent="0.2"/>
    <row r="123" s="964" customFormat="1" ht="13.5" customHeight="1" x14ac:dyDescent="0.2"/>
    <row r="124" s="964" customFormat="1" ht="13.5" customHeight="1" x14ac:dyDescent="0.2"/>
    <row r="125" s="964" customFormat="1" ht="13.5" customHeight="1" x14ac:dyDescent="0.2"/>
    <row r="126" s="964" customFormat="1" ht="13.5" customHeight="1" x14ac:dyDescent="0.2"/>
    <row r="127" s="964" customFormat="1" ht="13.5" customHeight="1" x14ac:dyDescent="0.2"/>
    <row r="128" s="964" customFormat="1" ht="13.5" customHeight="1" x14ac:dyDescent="0.2"/>
    <row r="129" s="964" customFormat="1" ht="13.5" customHeight="1" x14ac:dyDescent="0.2"/>
    <row r="130" s="964" customFormat="1" ht="13.5" customHeight="1" x14ac:dyDescent="0.2"/>
    <row r="131" s="964" customFormat="1" ht="13.5" customHeight="1" x14ac:dyDescent="0.2"/>
    <row r="132" s="964" customFormat="1" ht="13.5" customHeight="1" x14ac:dyDescent="0.2"/>
    <row r="133" s="964" customFormat="1" ht="13.5" customHeight="1" x14ac:dyDescent="0.2"/>
    <row r="134" s="964" customFormat="1" ht="13.5" customHeight="1" x14ac:dyDescent="0.2"/>
    <row r="135" s="964" customFormat="1" ht="13.5" customHeight="1" x14ac:dyDescent="0.2"/>
    <row r="136" ht="13.5" customHeight="1" x14ac:dyDescent="0.2"/>
    <row r="137" ht="13.5" customHeight="1" x14ac:dyDescent="0.2"/>
    <row r="138" ht="13.5" customHeight="1" x14ac:dyDescent="0.2"/>
    <row r="139" ht="13.5" customHeight="1" x14ac:dyDescent="0.2"/>
    <row r="140" ht="13.5" customHeight="1" x14ac:dyDescent="0.2"/>
    <row r="141" ht="13.5" customHeight="1" x14ac:dyDescent="0.2"/>
    <row r="142" ht="13.5" customHeight="1" x14ac:dyDescent="0.2"/>
    <row r="143" ht="13.5" customHeight="1" x14ac:dyDescent="0.2"/>
    <row r="144" ht="13.5" customHeight="1" x14ac:dyDescent="0.2"/>
    <row r="145" ht="13.5" customHeight="1" x14ac:dyDescent="0.2"/>
    <row r="146" ht="13.5" customHeight="1" x14ac:dyDescent="0.2"/>
    <row r="147" ht="13.5" customHeight="1" x14ac:dyDescent="0.2"/>
    <row r="148" ht="13.5" customHeight="1" x14ac:dyDescent="0.2"/>
    <row r="149" ht="13.5" customHeight="1" x14ac:dyDescent="0.2"/>
    <row r="150" ht="13.5" customHeight="1" x14ac:dyDescent="0.2"/>
    <row r="151" ht="13.5" customHeight="1" x14ac:dyDescent="0.2"/>
    <row r="152" ht="13.5" customHeight="1" x14ac:dyDescent="0.2"/>
    <row r="153" ht="13.5" customHeight="1" x14ac:dyDescent="0.2"/>
    <row r="154" ht="13.5" customHeight="1" x14ac:dyDescent="0.2"/>
    <row r="155" ht="13.5" customHeight="1" x14ac:dyDescent="0.2"/>
    <row r="156" ht="13.5" customHeight="1" x14ac:dyDescent="0.2"/>
    <row r="157" ht="13.5" customHeight="1" x14ac:dyDescent="0.2"/>
    <row r="158" ht="13.5" customHeight="1" x14ac:dyDescent="0.2"/>
    <row r="159" ht="13.5" customHeight="1" x14ac:dyDescent="0.2"/>
    <row r="160" ht="13.5" customHeight="1" x14ac:dyDescent="0.2"/>
    <row r="161" ht="13.5" customHeight="1" x14ac:dyDescent="0.2"/>
    <row r="162" ht="13.5" customHeight="1" x14ac:dyDescent="0.2"/>
    <row r="163" ht="13.5" customHeight="1" x14ac:dyDescent="0.2"/>
    <row r="164" ht="13.5" customHeight="1" x14ac:dyDescent="0.2"/>
    <row r="165" ht="13.5" customHeight="1" x14ac:dyDescent="0.2"/>
    <row r="166" ht="13.5" customHeight="1" x14ac:dyDescent="0.2"/>
    <row r="167" ht="13.5" customHeight="1" x14ac:dyDescent="0.2"/>
    <row r="168" ht="13.5" customHeight="1" x14ac:dyDescent="0.2"/>
    <row r="169" ht="13.5" customHeight="1" x14ac:dyDescent="0.2"/>
    <row r="170" ht="13.5" customHeight="1" x14ac:dyDescent="0.2"/>
    <row r="171" ht="13.5" customHeight="1" x14ac:dyDescent="0.2"/>
    <row r="172" ht="13.5" customHeight="1" x14ac:dyDescent="0.2"/>
    <row r="173" ht="13.5" customHeight="1" x14ac:dyDescent="0.2"/>
    <row r="174" ht="13.5" customHeight="1" x14ac:dyDescent="0.2"/>
    <row r="175" ht="13.5" customHeight="1" x14ac:dyDescent="0.2"/>
    <row r="176" ht="13.5" customHeight="1" x14ac:dyDescent="0.2"/>
    <row r="177" ht="13.5" customHeight="1" x14ac:dyDescent="0.2"/>
    <row r="178" ht="13.5" customHeight="1" x14ac:dyDescent="0.2"/>
    <row r="179" ht="13.5" customHeight="1" x14ac:dyDescent="0.2"/>
    <row r="180" ht="13.5" customHeight="1" x14ac:dyDescent="0.2"/>
    <row r="181" ht="13.5" customHeight="1" x14ac:dyDescent="0.2"/>
    <row r="182" ht="13.5" customHeight="1" x14ac:dyDescent="0.2"/>
    <row r="183" ht="13.5" customHeight="1" x14ac:dyDescent="0.2"/>
    <row r="184" ht="13.5" customHeight="1" x14ac:dyDescent="0.2"/>
    <row r="185" ht="13.5" customHeight="1" x14ac:dyDescent="0.2"/>
    <row r="186" ht="13.5" customHeight="1" x14ac:dyDescent="0.2"/>
    <row r="187" ht="13.5" customHeight="1" x14ac:dyDescent="0.2"/>
    <row r="188" ht="13.5" customHeight="1" x14ac:dyDescent="0.2"/>
    <row r="189" ht="13.5" customHeight="1" x14ac:dyDescent="0.2"/>
    <row r="190" ht="13.5" customHeight="1" x14ac:dyDescent="0.2"/>
    <row r="191" ht="13.5" customHeight="1" x14ac:dyDescent="0.2"/>
    <row r="192" ht="13.5" customHeight="1" x14ac:dyDescent="0.2"/>
    <row r="193" ht="13.5" customHeight="1" x14ac:dyDescent="0.2"/>
    <row r="194" ht="13.5" customHeight="1" x14ac:dyDescent="0.2"/>
    <row r="195" ht="13.5" customHeight="1" x14ac:dyDescent="0.2"/>
    <row r="196" ht="13.5" customHeight="1" x14ac:dyDescent="0.2"/>
    <row r="197" ht="13.5" customHeight="1" x14ac:dyDescent="0.2"/>
    <row r="198" ht="13.5" customHeight="1" x14ac:dyDescent="0.2"/>
    <row r="199" ht="13.5" customHeight="1" x14ac:dyDescent="0.2"/>
    <row r="200" ht="13.5" customHeight="1" x14ac:dyDescent="0.2"/>
    <row r="201" ht="13.5" customHeight="1" x14ac:dyDescent="0.2"/>
    <row r="202" ht="13.5" customHeight="1" x14ac:dyDescent="0.2"/>
    <row r="203" ht="13.5" customHeight="1" x14ac:dyDescent="0.2"/>
    <row r="204" ht="13.5" customHeight="1" x14ac:dyDescent="0.2"/>
    <row r="205" ht="13.5" customHeight="1" x14ac:dyDescent="0.2"/>
    <row r="206" ht="13.5" customHeight="1" x14ac:dyDescent="0.2"/>
    <row r="207" ht="13.5" customHeight="1" x14ac:dyDescent="0.2"/>
    <row r="208" ht="13.5" customHeight="1" x14ac:dyDescent="0.2"/>
    <row r="209" ht="13.5" customHeight="1" x14ac:dyDescent="0.2"/>
    <row r="210" ht="13.5" customHeight="1" x14ac:dyDescent="0.2"/>
    <row r="211" ht="13.5" customHeight="1" x14ac:dyDescent="0.2"/>
    <row r="212" ht="13.5" customHeight="1" x14ac:dyDescent="0.2"/>
    <row r="213" ht="13.5" customHeight="1" x14ac:dyDescent="0.2"/>
    <row r="214" ht="13.5" customHeight="1" x14ac:dyDescent="0.2"/>
    <row r="215" ht="13.5" customHeight="1" x14ac:dyDescent="0.2"/>
    <row r="216" ht="13.5" customHeight="1" x14ac:dyDescent="0.2"/>
    <row r="217" ht="13.5" customHeight="1" x14ac:dyDescent="0.2"/>
    <row r="218" ht="13.5" customHeight="1" x14ac:dyDescent="0.2"/>
    <row r="219" ht="13.5" customHeight="1" x14ac:dyDescent="0.2"/>
    <row r="220" ht="13.5" customHeight="1" x14ac:dyDescent="0.2"/>
    <row r="221" ht="13.5" customHeight="1" x14ac:dyDescent="0.2"/>
    <row r="222" ht="13.5" customHeight="1" x14ac:dyDescent="0.2"/>
    <row r="223" ht="13.5" customHeight="1" x14ac:dyDescent="0.2"/>
    <row r="224" ht="13.5" customHeight="1" x14ac:dyDescent="0.2"/>
    <row r="225" ht="13.5" customHeight="1" x14ac:dyDescent="0.2"/>
    <row r="226" ht="13.5" customHeight="1" x14ac:dyDescent="0.2"/>
    <row r="227" ht="13.5" customHeight="1" x14ac:dyDescent="0.2"/>
    <row r="228" ht="13.5" customHeight="1" x14ac:dyDescent="0.2"/>
    <row r="229" ht="13.5" customHeight="1" x14ac:dyDescent="0.2"/>
    <row r="230" ht="13.5" customHeight="1" x14ac:dyDescent="0.2"/>
    <row r="231" ht="13.5" customHeight="1" x14ac:dyDescent="0.2"/>
    <row r="232" ht="13.5" customHeight="1" x14ac:dyDescent="0.2"/>
    <row r="233" ht="13.5" customHeight="1" x14ac:dyDescent="0.2"/>
    <row r="234" ht="13.5" customHeight="1" x14ac:dyDescent="0.2"/>
    <row r="235" ht="13.5" customHeight="1" x14ac:dyDescent="0.2"/>
    <row r="236" ht="13.5" customHeight="1" x14ac:dyDescent="0.2"/>
    <row r="237" ht="13.5" customHeight="1" x14ac:dyDescent="0.2"/>
    <row r="238" ht="13.5" customHeight="1" x14ac:dyDescent="0.2"/>
    <row r="239" ht="13.5" customHeight="1" x14ac:dyDescent="0.2"/>
    <row r="240" ht="13.5" customHeight="1" x14ac:dyDescent="0.2"/>
    <row r="241" ht="13.5" customHeight="1" x14ac:dyDescent="0.2"/>
    <row r="242" ht="13.5" customHeight="1" x14ac:dyDescent="0.2"/>
    <row r="243" ht="13.5" customHeight="1" x14ac:dyDescent="0.2"/>
    <row r="244" ht="13.5" customHeight="1" x14ac:dyDescent="0.2"/>
    <row r="245" ht="13.5" customHeight="1" x14ac:dyDescent="0.2"/>
    <row r="246" ht="13.5" customHeight="1" x14ac:dyDescent="0.2"/>
    <row r="247" ht="13.5" customHeight="1" x14ac:dyDescent="0.2"/>
    <row r="248" ht="13.5" customHeight="1" x14ac:dyDescent="0.2"/>
    <row r="249" ht="13.5" customHeight="1" x14ac:dyDescent="0.2"/>
    <row r="250" ht="13.5" customHeight="1" x14ac:dyDescent="0.2"/>
    <row r="251" ht="13.5" customHeight="1" x14ac:dyDescent="0.2"/>
    <row r="252" ht="13.5" customHeight="1" x14ac:dyDescent="0.2"/>
    <row r="253" ht="13.5" customHeight="1" x14ac:dyDescent="0.2"/>
    <row r="254" ht="13.5" customHeight="1" x14ac:dyDescent="0.2"/>
    <row r="255" ht="13.5" customHeight="1" x14ac:dyDescent="0.2"/>
    <row r="256" ht="13.5" customHeight="1" x14ac:dyDescent="0.2"/>
    <row r="257" ht="13.5" customHeight="1" x14ac:dyDescent="0.2"/>
    <row r="258" ht="13.5" customHeight="1" x14ac:dyDescent="0.2"/>
    <row r="259" ht="13.5" customHeight="1" x14ac:dyDescent="0.2"/>
    <row r="260" ht="13.5" customHeight="1" x14ac:dyDescent="0.2"/>
    <row r="261" ht="13.5" customHeight="1" x14ac:dyDescent="0.2"/>
    <row r="262" ht="13.5" customHeight="1" x14ac:dyDescent="0.2"/>
    <row r="263" ht="13.5" customHeight="1" x14ac:dyDescent="0.2"/>
    <row r="264" ht="13.5" customHeight="1" x14ac:dyDescent="0.2"/>
    <row r="265" ht="13.5" customHeight="1" x14ac:dyDescent="0.2"/>
    <row r="266" ht="13.5" customHeight="1" x14ac:dyDescent="0.2"/>
    <row r="267" ht="13.5" customHeight="1" x14ac:dyDescent="0.2"/>
    <row r="268" ht="13.5" customHeight="1" x14ac:dyDescent="0.2"/>
    <row r="269" ht="13.5" customHeight="1" x14ac:dyDescent="0.2"/>
    <row r="270" ht="13.5" customHeight="1" x14ac:dyDescent="0.2"/>
    <row r="271" ht="13.5" customHeight="1" x14ac:dyDescent="0.2"/>
    <row r="272" ht="13.5" customHeight="1" x14ac:dyDescent="0.2"/>
    <row r="273" ht="13.5" customHeight="1" x14ac:dyDescent="0.2"/>
    <row r="274" ht="13.5" customHeight="1" x14ac:dyDescent="0.2"/>
    <row r="275" ht="13.5" customHeight="1" x14ac:dyDescent="0.2"/>
    <row r="276" ht="13.5" customHeight="1" x14ac:dyDescent="0.2"/>
    <row r="277" ht="13.5" customHeight="1" x14ac:dyDescent="0.2"/>
    <row r="278" ht="13.5" customHeight="1" x14ac:dyDescent="0.2"/>
    <row r="279" ht="13.5" customHeight="1" x14ac:dyDescent="0.2"/>
    <row r="280" ht="13.5" customHeight="1" x14ac:dyDescent="0.2"/>
    <row r="281" ht="13.5" customHeight="1" x14ac:dyDescent="0.2"/>
    <row r="282" ht="13.5" customHeight="1" x14ac:dyDescent="0.2"/>
    <row r="283" ht="13.5" customHeight="1" x14ac:dyDescent="0.2"/>
    <row r="284" ht="13.5" customHeight="1" x14ac:dyDescent="0.2"/>
    <row r="285" ht="13.5" customHeight="1" x14ac:dyDescent="0.2"/>
    <row r="286" ht="13.5" customHeight="1" x14ac:dyDescent="0.2"/>
    <row r="287" ht="13.5" customHeight="1" x14ac:dyDescent="0.2"/>
    <row r="288" ht="13.5" customHeight="1" x14ac:dyDescent="0.2"/>
    <row r="289" ht="13.5" customHeight="1" x14ac:dyDescent="0.2"/>
    <row r="290" ht="13.5" customHeight="1" x14ac:dyDescent="0.2"/>
    <row r="291" ht="13.5" customHeight="1" x14ac:dyDescent="0.2"/>
    <row r="292" ht="13.5" customHeight="1" x14ac:dyDescent="0.2"/>
    <row r="293" ht="13.5" customHeight="1" x14ac:dyDescent="0.2"/>
    <row r="294" ht="13.5" customHeight="1" x14ac:dyDescent="0.2"/>
    <row r="295" ht="13.5" customHeight="1" x14ac:dyDescent="0.2"/>
    <row r="296" ht="13.5" customHeight="1" x14ac:dyDescent="0.2"/>
    <row r="297" ht="13.5" customHeight="1" x14ac:dyDescent="0.2"/>
    <row r="298" ht="13.5" customHeight="1" x14ac:dyDescent="0.2"/>
    <row r="299" ht="13.5" customHeight="1" x14ac:dyDescent="0.2"/>
    <row r="300" ht="13.5" customHeight="1" x14ac:dyDescent="0.2"/>
    <row r="301" ht="13.5" customHeight="1" x14ac:dyDescent="0.2"/>
    <row r="302" ht="13.5" customHeight="1" x14ac:dyDescent="0.2"/>
    <row r="303" ht="13.5" customHeight="1" x14ac:dyDescent="0.2"/>
    <row r="304" ht="13.5" customHeight="1" x14ac:dyDescent="0.2"/>
    <row r="305" ht="13.5" customHeight="1" x14ac:dyDescent="0.2"/>
    <row r="306" ht="13.5" customHeight="1" x14ac:dyDescent="0.2"/>
    <row r="307" ht="13.5" customHeight="1" x14ac:dyDescent="0.2"/>
    <row r="308" ht="13.5" customHeight="1" x14ac:dyDescent="0.2"/>
  </sheetData>
  <mergeCells count="49">
    <mergeCell ref="AO1:AS1"/>
    <mergeCell ref="B3:AR3"/>
    <mergeCell ref="B5:AR5"/>
    <mergeCell ref="C8:I10"/>
    <mergeCell ref="J8:P10"/>
    <mergeCell ref="S8:X10"/>
    <mergeCell ref="Y8:AD10"/>
    <mergeCell ref="AG8:AJ10"/>
    <mergeCell ref="AK8:AP10"/>
    <mergeCell ref="B12:AR12"/>
    <mergeCell ref="C15:G16"/>
    <mergeCell ref="H15:P16"/>
    <mergeCell ref="S15:W16"/>
    <mergeCell ref="X15:AD16"/>
    <mergeCell ref="AG15:AH16"/>
    <mergeCell ref="AI15:AP16"/>
    <mergeCell ref="AI22:AP23"/>
    <mergeCell ref="C19:G20"/>
    <mergeCell ref="H19:P20"/>
    <mergeCell ref="S19:W20"/>
    <mergeCell ref="X19:AD20"/>
    <mergeCell ref="AG19:AH20"/>
    <mergeCell ref="AI19:AP20"/>
    <mergeCell ref="C22:G23"/>
    <mergeCell ref="H22:P23"/>
    <mergeCell ref="S22:W23"/>
    <mergeCell ref="X22:AD23"/>
    <mergeCell ref="AG22:AH23"/>
    <mergeCell ref="B25:AR25"/>
    <mergeCell ref="C29:O29"/>
    <mergeCell ref="Q29:AC29"/>
    <mergeCell ref="AE29:AQ29"/>
    <mergeCell ref="C34:O34"/>
    <mergeCell ref="Q34:AC34"/>
    <mergeCell ref="AE34:AQ34"/>
    <mergeCell ref="C39:O39"/>
    <mergeCell ref="Q39:AC39"/>
    <mergeCell ref="B44:AR44"/>
    <mergeCell ref="C48:O48"/>
    <mergeCell ref="Q48:AC48"/>
    <mergeCell ref="AE48:AQ48"/>
    <mergeCell ref="C75:O75"/>
    <mergeCell ref="AA75:AM75"/>
    <mergeCell ref="C57:O57"/>
    <mergeCell ref="Q57:AC57"/>
    <mergeCell ref="AE57:AQ57"/>
    <mergeCell ref="C66:O66"/>
    <mergeCell ref="Q66:AC66"/>
    <mergeCell ref="B74:AR74"/>
  </mergeCells>
  <phoneticPr fontId="6"/>
  <pageMargins left="0.25" right="0.25" top="0.75" bottom="0.75" header="0.3" footer="0.3"/>
  <pageSetup paperSize="9" scale="7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55297" r:id="rId4" name="Check Box 1">
              <controlPr defaultSize="0" autoFill="0" autoLine="0" autoPict="0">
                <anchor moveWithCells="1">
                  <from>
                    <xdr:col>27</xdr:col>
                    <xdr:colOff>213360</xdr:colOff>
                    <xdr:row>29</xdr:row>
                    <xdr:rowOff>114300</xdr:rowOff>
                  </from>
                  <to>
                    <xdr:col>29</xdr:col>
                    <xdr:colOff>144780</xdr:colOff>
                    <xdr:row>31</xdr:row>
                    <xdr:rowOff>38100</xdr:rowOff>
                  </to>
                </anchor>
              </controlPr>
            </control>
          </mc:Choice>
        </mc:AlternateContent>
        <mc:AlternateContent xmlns:mc="http://schemas.openxmlformats.org/markup-compatibility/2006">
          <mc:Choice Requires="x14">
            <control shapeId="55298" r:id="rId5" name="Check Box 2">
              <controlPr defaultSize="0" autoFill="0" autoLine="0" autoPict="0">
                <anchor moveWithCells="1">
                  <from>
                    <xdr:col>13</xdr:col>
                    <xdr:colOff>190500</xdr:colOff>
                    <xdr:row>47</xdr:row>
                    <xdr:rowOff>121920</xdr:rowOff>
                  </from>
                  <to>
                    <xdr:col>15</xdr:col>
                    <xdr:colOff>121920</xdr:colOff>
                    <xdr:row>49</xdr:row>
                    <xdr:rowOff>45720</xdr:rowOff>
                  </to>
                </anchor>
              </controlPr>
            </control>
          </mc:Choice>
        </mc:AlternateContent>
        <mc:AlternateContent xmlns:mc="http://schemas.openxmlformats.org/markup-compatibility/2006">
          <mc:Choice Requires="x14">
            <control shapeId="55299" r:id="rId6" name="Check Box 3">
              <controlPr defaultSize="0" autoFill="0" autoLine="0" autoPict="0">
                <anchor moveWithCells="1">
                  <from>
                    <xdr:col>27</xdr:col>
                    <xdr:colOff>175260</xdr:colOff>
                    <xdr:row>56</xdr:row>
                    <xdr:rowOff>121920</xdr:rowOff>
                  </from>
                  <to>
                    <xdr:col>29</xdr:col>
                    <xdr:colOff>106680</xdr:colOff>
                    <xdr:row>58</xdr:row>
                    <xdr:rowOff>45720</xdr:rowOff>
                  </to>
                </anchor>
              </controlPr>
            </control>
          </mc:Choice>
        </mc:AlternateContent>
        <mc:AlternateContent xmlns:mc="http://schemas.openxmlformats.org/markup-compatibility/2006">
          <mc:Choice Requires="x14">
            <control shapeId="55300" r:id="rId7" name="Check Box 4">
              <controlPr defaultSize="0" autoFill="0" autoLine="0" autoPict="0">
                <anchor moveWithCells="1">
                  <from>
                    <xdr:col>27</xdr:col>
                    <xdr:colOff>175260</xdr:colOff>
                    <xdr:row>57</xdr:row>
                    <xdr:rowOff>121920</xdr:rowOff>
                  </from>
                  <to>
                    <xdr:col>29</xdr:col>
                    <xdr:colOff>106680</xdr:colOff>
                    <xdr:row>59</xdr:row>
                    <xdr:rowOff>45720</xdr:rowOff>
                  </to>
                </anchor>
              </controlPr>
            </control>
          </mc:Choice>
        </mc:AlternateContent>
        <mc:AlternateContent xmlns:mc="http://schemas.openxmlformats.org/markup-compatibility/2006">
          <mc:Choice Requires="x14">
            <control shapeId="55301" r:id="rId8" name="Check Box 5">
              <controlPr defaultSize="0" autoFill="0" autoLine="0" autoPict="0">
                <anchor moveWithCells="1">
                  <from>
                    <xdr:col>42</xdr:col>
                    <xdr:colOff>0</xdr:colOff>
                    <xdr:row>48</xdr:row>
                    <xdr:rowOff>114300</xdr:rowOff>
                  </from>
                  <to>
                    <xdr:col>43</xdr:col>
                    <xdr:colOff>152400</xdr:colOff>
                    <xdr:row>50</xdr:row>
                    <xdr:rowOff>38100</xdr:rowOff>
                  </to>
                </anchor>
              </controlPr>
            </control>
          </mc:Choice>
        </mc:AlternateContent>
        <mc:AlternateContent xmlns:mc="http://schemas.openxmlformats.org/markup-compatibility/2006">
          <mc:Choice Requires="x14">
            <control shapeId="55302" r:id="rId9" name="Check Box 6">
              <controlPr defaultSize="0" autoFill="0" autoLine="0" autoPict="0">
                <anchor moveWithCells="1">
                  <from>
                    <xdr:col>42</xdr:col>
                    <xdr:colOff>0</xdr:colOff>
                    <xdr:row>56</xdr:row>
                    <xdr:rowOff>121920</xdr:rowOff>
                  </from>
                  <to>
                    <xdr:col>43</xdr:col>
                    <xdr:colOff>152400</xdr:colOff>
                    <xdr:row>58</xdr:row>
                    <xdr:rowOff>45720</xdr:rowOff>
                  </to>
                </anchor>
              </controlPr>
            </control>
          </mc:Choice>
        </mc:AlternateContent>
        <mc:AlternateContent xmlns:mc="http://schemas.openxmlformats.org/markup-compatibility/2006">
          <mc:Choice Requires="x14">
            <control shapeId="55303" r:id="rId10" name="Check Box 7">
              <controlPr defaultSize="0" autoFill="0" autoLine="0" autoPict="0">
                <anchor moveWithCells="1">
                  <from>
                    <xdr:col>42</xdr:col>
                    <xdr:colOff>0</xdr:colOff>
                    <xdr:row>58</xdr:row>
                    <xdr:rowOff>137160</xdr:rowOff>
                  </from>
                  <to>
                    <xdr:col>43</xdr:col>
                    <xdr:colOff>152400</xdr:colOff>
                    <xdr:row>60</xdr:row>
                    <xdr:rowOff>60960</xdr:rowOff>
                  </to>
                </anchor>
              </controlPr>
            </control>
          </mc:Choice>
        </mc:AlternateContent>
        <mc:AlternateContent xmlns:mc="http://schemas.openxmlformats.org/markup-compatibility/2006">
          <mc:Choice Requires="x14">
            <control shapeId="55304" r:id="rId11" name="Check Box 8">
              <controlPr defaultSize="0" autoFill="0" autoLine="0" autoPict="0">
                <anchor moveWithCells="1">
                  <from>
                    <xdr:col>14</xdr:col>
                    <xdr:colOff>7620</xdr:colOff>
                    <xdr:row>66</xdr:row>
                    <xdr:rowOff>137160</xdr:rowOff>
                  </from>
                  <to>
                    <xdr:col>15</xdr:col>
                    <xdr:colOff>160020</xdr:colOff>
                    <xdr:row>68</xdr:row>
                    <xdr:rowOff>60960</xdr:rowOff>
                  </to>
                </anchor>
              </controlPr>
            </control>
          </mc:Choice>
        </mc:AlternateContent>
        <mc:AlternateContent xmlns:mc="http://schemas.openxmlformats.org/markup-compatibility/2006">
          <mc:Choice Requires="x14">
            <control shapeId="55305" r:id="rId12" name="Check Box 9">
              <controlPr defaultSize="0" autoFill="0" autoLine="0" autoPict="0">
                <anchor moveWithCells="1">
                  <from>
                    <xdr:col>27</xdr:col>
                    <xdr:colOff>198120</xdr:colOff>
                    <xdr:row>66</xdr:row>
                    <xdr:rowOff>121920</xdr:rowOff>
                  </from>
                  <to>
                    <xdr:col>29</xdr:col>
                    <xdr:colOff>137160</xdr:colOff>
                    <xdr:row>68</xdr:row>
                    <xdr:rowOff>45720</xdr:rowOff>
                  </to>
                </anchor>
              </controlPr>
            </control>
          </mc:Choice>
        </mc:AlternateContent>
        <mc:AlternateContent xmlns:mc="http://schemas.openxmlformats.org/markup-compatibility/2006">
          <mc:Choice Requires="x14">
            <control shapeId="55306" r:id="rId13" name="Check Box 10">
              <controlPr defaultSize="0" autoFill="0" autoLine="0" autoPict="0">
                <anchor moveWithCells="1">
                  <from>
                    <xdr:col>13</xdr:col>
                    <xdr:colOff>175260</xdr:colOff>
                    <xdr:row>39</xdr:row>
                    <xdr:rowOff>137160</xdr:rowOff>
                  </from>
                  <to>
                    <xdr:col>15</xdr:col>
                    <xdr:colOff>106680</xdr:colOff>
                    <xdr:row>41</xdr:row>
                    <xdr:rowOff>60960</xdr:rowOff>
                  </to>
                </anchor>
              </controlPr>
            </control>
          </mc:Choice>
        </mc:AlternateContent>
        <mc:AlternateContent xmlns:mc="http://schemas.openxmlformats.org/markup-compatibility/2006">
          <mc:Choice Requires="x14">
            <control shapeId="55307" r:id="rId14" name="Check Box 11">
              <controlPr defaultSize="0" autoFill="0" autoLine="0" autoPict="0">
                <anchor moveWithCells="1">
                  <from>
                    <xdr:col>17</xdr:col>
                    <xdr:colOff>7620</xdr:colOff>
                    <xdr:row>75</xdr:row>
                    <xdr:rowOff>137160</xdr:rowOff>
                  </from>
                  <to>
                    <xdr:col>18</xdr:col>
                    <xdr:colOff>160020</xdr:colOff>
                    <xdr:row>77</xdr:row>
                    <xdr:rowOff>60960</xdr:rowOff>
                  </to>
                </anchor>
              </controlPr>
            </control>
          </mc:Choice>
        </mc:AlternateContent>
        <mc:AlternateContent xmlns:mc="http://schemas.openxmlformats.org/markup-compatibility/2006">
          <mc:Choice Requires="x14">
            <control shapeId="55308" r:id="rId15" name="Check Box 12">
              <controlPr defaultSize="0" autoFill="0" autoLine="0" autoPict="0">
                <anchor moveWithCells="1">
                  <from>
                    <xdr:col>13</xdr:col>
                    <xdr:colOff>190500</xdr:colOff>
                    <xdr:row>29</xdr:row>
                    <xdr:rowOff>114300</xdr:rowOff>
                  </from>
                  <to>
                    <xdr:col>15</xdr:col>
                    <xdr:colOff>121920</xdr:colOff>
                    <xdr:row>31</xdr:row>
                    <xdr:rowOff>38100</xdr:rowOff>
                  </to>
                </anchor>
              </controlPr>
            </control>
          </mc:Choice>
        </mc:AlternateContent>
        <mc:AlternateContent xmlns:mc="http://schemas.openxmlformats.org/markup-compatibility/2006">
          <mc:Choice Requires="x14">
            <control shapeId="55309" r:id="rId16" name="Check Box 13">
              <controlPr defaultSize="0" autoFill="0" autoLine="0" autoPict="0">
                <anchor moveWithCells="1">
                  <from>
                    <xdr:col>41</xdr:col>
                    <xdr:colOff>114300</xdr:colOff>
                    <xdr:row>29</xdr:row>
                    <xdr:rowOff>137160</xdr:rowOff>
                  </from>
                  <to>
                    <xdr:col>43</xdr:col>
                    <xdr:colOff>45720</xdr:colOff>
                    <xdr:row>31</xdr:row>
                    <xdr:rowOff>60960</xdr:rowOff>
                  </to>
                </anchor>
              </controlPr>
            </control>
          </mc:Choice>
        </mc:AlternateContent>
        <mc:AlternateContent xmlns:mc="http://schemas.openxmlformats.org/markup-compatibility/2006">
          <mc:Choice Requires="x14">
            <control shapeId="55310" r:id="rId17" name="Check Box 14">
              <controlPr defaultSize="0" autoFill="0" autoLine="0" autoPict="0">
                <anchor moveWithCells="1">
                  <from>
                    <xdr:col>13</xdr:col>
                    <xdr:colOff>160020</xdr:colOff>
                    <xdr:row>34</xdr:row>
                    <xdr:rowOff>121920</xdr:rowOff>
                  </from>
                  <to>
                    <xdr:col>15</xdr:col>
                    <xdr:colOff>99060</xdr:colOff>
                    <xdr:row>36</xdr:row>
                    <xdr:rowOff>45720</xdr:rowOff>
                  </to>
                </anchor>
              </controlPr>
            </control>
          </mc:Choice>
        </mc:AlternateContent>
        <mc:AlternateContent xmlns:mc="http://schemas.openxmlformats.org/markup-compatibility/2006">
          <mc:Choice Requires="x14">
            <control shapeId="55311" r:id="rId18" name="Check Box 15">
              <controlPr defaultSize="0" autoFill="0" autoLine="0" autoPict="0">
                <anchor moveWithCells="1">
                  <from>
                    <xdr:col>27</xdr:col>
                    <xdr:colOff>198120</xdr:colOff>
                    <xdr:row>34</xdr:row>
                    <xdr:rowOff>121920</xdr:rowOff>
                  </from>
                  <to>
                    <xdr:col>29</xdr:col>
                    <xdr:colOff>137160</xdr:colOff>
                    <xdr:row>36</xdr:row>
                    <xdr:rowOff>45720</xdr:rowOff>
                  </to>
                </anchor>
              </controlPr>
            </control>
          </mc:Choice>
        </mc:AlternateContent>
        <mc:AlternateContent xmlns:mc="http://schemas.openxmlformats.org/markup-compatibility/2006">
          <mc:Choice Requires="x14">
            <control shapeId="55312" r:id="rId19" name="Check Box 16">
              <controlPr defaultSize="0" autoFill="0" autoLine="0" autoPict="0">
                <anchor moveWithCells="1">
                  <from>
                    <xdr:col>41</xdr:col>
                    <xdr:colOff>198120</xdr:colOff>
                    <xdr:row>34</xdr:row>
                    <xdr:rowOff>121920</xdr:rowOff>
                  </from>
                  <to>
                    <xdr:col>43</xdr:col>
                    <xdr:colOff>137160</xdr:colOff>
                    <xdr:row>36</xdr:row>
                    <xdr:rowOff>45720</xdr:rowOff>
                  </to>
                </anchor>
              </controlPr>
            </control>
          </mc:Choice>
        </mc:AlternateContent>
        <mc:AlternateContent xmlns:mc="http://schemas.openxmlformats.org/markup-compatibility/2006">
          <mc:Choice Requires="x14">
            <control shapeId="55313" r:id="rId20" name="Check Box 17">
              <controlPr defaultSize="0" autoFill="0" autoLine="0" autoPict="0">
                <anchor moveWithCells="1">
                  <from>
                    <xdr:col>28</xdr:col>
                    <xdr:colOff>7620</xdr:colOff>
                    <xdr:row>39</xdr:row>
                    <xdr:rowOff>106680</xdr:rowOff>
                  </from>
                  <to>
                    <xdr:col>29</xdr:col>
                    <xdr:colOff>160020</xdr:colOff>
                    <xdr:row>41</xdr:row>
                    <xdr:rowOff>30480</xdr:rowOff>
                  </to>
                </anchor>
              </controlPr>
            </control>
          </mc:Choice>
        </mc:AlternateContent>
        <mc:AlternateContent xmlns:mc="http://schemas.openxmlformats.org/markup-compatibility/2006">
          <mc:Choice Requires="x14">
            <control shapeId="55314" r:id="rId21" name="Check Box 18">
              <controlPr defaultSize="0" autoFill="0" autoLine="0" autoPict="0">
                <anchor moveWithCells="1">
                  <from>
                    <xdr:col>27</xdr:col>
                    <xdr:colOff>213360</xdr:colOff>
                    <xdr:row>48</xdr:row>
                    <xdr:rowOff>106680</xdr:rowOff>
                  </from>
                  <to>
                    <xdr:col>29</xdr:col>
                    <xdr:colOff>144780</xdr:colOff>
                    <xdr:row>50</xdr:row>
                    <xdr:rowOff>30480</xdr:rowOff>
                  </to>
                </anchor>
              </controlPr>
            </control>
          </mc:Choice>
        </mc:AlternateContent>
        <mc:AlternateContent xmlns:mc="http://schemas.openxmlformats.org/markup-compatibility/2006">
          <mc:Choice Requires="x14">
            <control shapeId="55315" r:id="rId22" name="Check Box 19">
              <controlPr defaultSize="0" autoFill="0" autoLine="0" autoPict="0">
                <anchor moveWithCells="1">
                  <from>
                    <xdr:col>13</xdr:col>
                    <xdr:colOff>190500</xdr:colOff>
                    <xdr:row>49</xdr:row>
                    <xdr:rowOff>114300</xdr:rowOff>
                  </from>
                  <to>
                    <xdr:col>15</xdr:col>
                    <xdr:colOff>121920</xdr:colOff>
                    <xdr:row>51</xdr:row>
                    <xdr:rowOff>38100</xdr:rowOff>
                  </to>
                </anchor>
              </controlPr>
            </control>
          </mc:Choice>
        </mc:AlternateContent>
        <mc:AlternateContent xmlns:mc="http://schemas.openxmlformats.org/markup-compatibility/2006">
          <mc:Choice Requires="x14">
            <control shapeId="55316" r:id="rId23" name="Check Box 20">
              <controlPr defaultSize="0" autoFill="0" autoLine="0" autoPict="0">
                <anchor moveWithCells="1">
                  <from>
                    <xdr:col>13</xdr:col>
                    <xdr:colOff>213360</xdr:colOff>
                    <xdr:row>57</xdr:row>
                    <xdr:rowOff>106680</xdr:rowOff>
                  </from>
                  <to>
                    <xdr:col>15</xdr:col>
                    <xdr:colOff>144780</xdr:colOff>
                    <xdr:row>59</xdr:row>
                    <xdr:rowOff>30480</xdr:rowOff>
                  </to>
                </anchor>
              </controlPr>
            </control>
          </mc:Choice>
        </mc:AlternateContent>
        <mc:AlternateContent xmlns:mc="http://schemas.openxmlformats.org/markup-compatibility/2006">
          <mc:Choice Requires="x14">
            <control shapeId="55317" r:id="rId24" name="Check Box 21">
              <controlPr defaultSize="0" autoFill="0" autoLine="0" autoPict="0">
                <anchor moveWithCells="1">
                  <from>
                    <xdr:col>17</xdr:col>
                    <xdr:colOff>7620</xdr:colOff>
                    <xdr:row>75</xdr:row>
                    <xdr:rowOff>137160</xdr:rowOff>
                  </from>
                  <to>
                    <xdr:col>18</xdr:col>
                    <xdr:colOff>160020</xdr:colOff>
                    <xdr:row>77</xdr:row>
                    <xdr:rowOff>60960</xdr:rowOff>
                  </to>
                </anchor>
              </controlPr>
            </control>
          </mc:Choice>
        </mc:AlternateContent>
      </controls>
    </mc:Choice>
  </mc:AlternateContent>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S44"/>
  <sheetViews>
    <sheetView zoomScale="85" zoomScaleNormal="85" workbookViewId="0">
      <selection activeCell="B1" sqref="B1:C1"/>
    </sheetView>
  </sheetViews>
  <sheetFormatPr defaultColWidth="10" defaultRowHeight="26.4" x14ac:dyDescent="0.2"/>
  <cols>
    <col min="1" max="1" width="4.44140625" style="1009" customWidth="1"/>
    <col min="2" max="19" width="9.109375" style="1009" customWidth="1"/>
    <col min="20" max="16384" width="10" style="1009"/>
  </cols>
  <sheetData>
    <row r="1" spans="2:19" x14ac:dyDescent="0.2">
      <c r="B1" s="398" t="s">
        <v>697</v>
      </c>
      <c r="C1" s="399"/>
      <c r="D1" s="460"/>
      <c r="E1" s="460"/>
      <c r="F1" s="460"/>
    </row>
    <row r="2" spans="2:19" x14ac:dyDescent="0.2">
      <c r="M2" s="1010"/>
      <c r="N2" s="1010"/>
      <c r="O2" s="1010" t="s">
        <v>1040</v>
      </c>
      <c r="P2" s="1010"/>
      <c r="Q2" s="1010" t="s">
        <v>1024</v>
      </c>
      <c r="R2" s="1010"/>
      <c r="S2" s="1010" t="s">
        <v>1025</v>
      </c>
    </row>
    <row r="4" spans="2:19" ht="37.799999999999997" x14ac:dyDescent="0.2">
      <c r="B4" s="2772" t="s">
        <v>1699</v>
      </c>
      <c r="C4" s="2772"/>
      <c r="D4" s="2772"/>
      <c r="E4" s="2772"/>
      <c r="F4" s="2772"/>
      <c r="G4" s="2772"/>
      <c r="H4" s="2772"/>
      <c r="I4" s="2772"/>
      <c r="J4" s="2772"/>
      <c r="K4" s="2772"/>
      <c r="L4" s="2772"/>
      <c r="M4" s="2772"/>
      <c r="N4" s="2772"/>
      <c r="O4" s="2772"/>
      <c r="P4" s="2772"/>
      <c r="Q4" s="2772"/>
      <c r="R4" s="2772"/>
      <c r="S4" s="2772"/>
    </row>
    <row r="6" spans="2:19" ht="35.25" customHeight="1" x14ac:dyDescent="0.2">
      <c r="B6" s="2770" t="s">
        <v>1568</v>
      </c>
      <c r="C6" s="2770"/>
      <c r="D6" s="2771"/>
      <c r="E6" s="2771"/>
      <c r="F6" s="2771"/>
      <c r="G6" s="2771"/>
      <c r="H6" s="2771"/>
      <c r="I6" s="2771"/>
      <c r="J6" s="1011"/>
      <c r="K6" s="2770" t="s">
        <v>1569</v>
      </c>
      <c r="L6" s="2770"/>
      <c r="M6" s="2771"/>
      <c r="N6" s="2771"/>
      <c r="O6" s="2771"/>
      <c r="P6" s="2771"/>
      <c r="Q6" s="2771"/>
      <c r="R6" s="2771"/>
      <c r="S6" s="2771"/>
    </row>
    <row r="7" spans="2:19" ht="35.25" customHeight="1" x14ac:dyDescent="0.2">
      <c r="B7" s="2770" t="s">
        <v>1570</v>
      </c>
      <c r="C7" s="2770"/>
      <c r="D7" s="2771"/>
      <c r="E7" s="2771"/>
      <c r="F7" s="2771"/>
      <c r="G7" s="2771"/>
      <c r="H7" s="2771"/>
      <c r="I7" s="2771"/>
      <c r="J7" s="1011"/>
      <c r="K7" s="2770" t="s">
        <v>1571</v>
      </c>
      <c r="L7" s="2770"/>
      <c r="M7" s="2771"/>
      <c r="N7" s="2771"/>
      <c r="O7" s="2771"/>
      <c r="P7" s="2771"/>
      <c r="Q7" s="2771"/>
      <c r="R7" s="2771"/>
      <c r="S7" s="2771"/>
    </row>
    <row r="8" spans="2:19" ht="35.25" customHeight="1" x14ac:dyDescent="0.2">
      <c r="B8" s="2770" t="s">
        <v>1572</v>
      </c>
      <c r="C8" s="2770"/>
      <c r="D8" s="2771"/>
      <c r="E8" s="2771"/>
      <c r="F8" s="2771"/>
      <c r="G8" s="2771"/>
      <c r="H8" s="2771"/>
      <c r="I8" s="2771"/>
      <c r="J8" s="1011"/>
      <c r="K8" s="2770" t="s">
        <v>1573</v>
      </c>
      <c r="L8" s="2770"/>
      <c r="M8" s="2771"/>
      <c r="N8" s="2771"/>
      <c r="O8" s="2771"/>
      <c r="P8" s="2771"/>
      <c r="Q8" s="2771"/>
      <c r="R8" s="2771"/>
      <c r="S8" s="2771"/>
    </row>
    <row r="10" spans="2:19" ht="30" customHeight="1" x14ac:dyDescent="0.2">
      <c r="B10" s="2777" t="s">
        <v>1700</v>
      </c>
      <c r="C10" s="2778"/>
      <c r="D10" s="2778"/>
      <c r="E10" s="2778"/>
      <c r="F10" s="2778"/>
      <c r="G10" s="2778"/>
      <c r="H10" s="2778"/>
      <c r="I10" s="2778"/>
      <c r="J10" s="2778"/>
      <c r="K10" s="2778"/>
      <c r="L10" s="2778"/>
      <c r="M10" s="2778"/>
      <c r="N10" s="2778"/>
      <c r="O10" s="2778"/>
      <c r="P10" s="2778"/>
      <c r="Q10" s="2778"/>
      <c r="R10" s="2778"/>
      <c r="S10" s="2779"/>
    </row>
    <row r="11" spans="2:19" ht="30" customHeight="1" x14ac:dyDescent="0.2">
      <c r="B11" s="1012" t="s">
        <v>1701</v>
      </c>
      <c r="C11" s="1013"/>
      <c r="D11" s="1013"/>
      <c r="E11" s="1013"/>
      <c r="F11" s="1013"/>
      <c r="G11" s="1013"/>
      <c r="H11" s="1013"/>
      <c r="I11" s="1013"/>
      <c r="J11" s="1013"/>
      <c r="K11" s="1012" t="s">
        <v>1702</v>
      </c>
      <c r="L11" s="1014"/>
      <c r="M11" s="1014"/>
      <c r="N11" s="1014"/>
      <c r="O11" s="1014"/>
      <c r="P11" s="1014"/>
      <c r="Q11" s="1014"/>
      <c r="R11" s="1014"/>
      <c r="S11" s="1015"/>
    </row>
    <row r="12" spans="2:19" ht="30" customHeight="1" x14ac:dyDescent="0.2">
      <c r="B12" s="1016"/>
      <c r="C12" s="1013"/>
      <c r="D12" s="1013"/>
      <c r="E12" s="1013"/>
      <c r="F12" s="1013"/>
      <c r="G12" s="1013"/>
      <c r="H12" s="1013"/>
      <c r="I12" s="1013"/>
      <c r="J12" s="1013"/>
      <c r="K12" s="1016"/>
      <c r="L12" s="1013"/>
      <c r="M12" s="1013"/>
      <c r="N12" s="1013"/>
      <c r="O12" s="1013"/>
      <c r="P12" s="1013"/>
      <c r="Q12" s="1013"/>
      <c r="R12" s="1013"/>
      <c r="S12" s="1017"/>
    </row>
    <row r="13" spans="2:19" ht="30" customHeight="1" x14ac:dyDescent="0.2">
      <c r="B13" s="1016"/>
      <c r="C13" s="1018" t="s">
        <v>1703</v>
      </c>
      <c r="D13" s="1013"/>
      <c r="E13" s="1013"/>
      <c r="F13" s="1013"/>
      <c r="G13" s="1013"/>
      <c r="H13" s="1013"/>
      <c r="I13" s="1013"/>
      <c r="J13" s="1013"/>
      <c r="K13" s="1016"/>
      <c r="L13" s="1018" t="s">
        <v>1704</v>
      </c>
      <c r="M13" s="1013"/>
      <c r="N13" s="1013"/>
      <c r="O13" s="1013"/>
      <c r="P13" s="1013"/>
      <c r="Q13" s="1013"/>
      <c r="R13" s="1013"/>
      <c r="S13" s="1017"/>
    </row>
    <row r="14" spans="2:19" ht="30" customHeight="1" x14ac:dyDescent="0.2">
      <c r="B14" s="1016"/>
      <c r="C14" s="1019" t="s">
        <v>1705</v>
      </c>
      <c r="D14" s="1013"/>
      <c r="E14" s="1013"/>
      <c r="F14" s="1013"/>
      <c r="G14" s="1013"/>
      <c r="H14" s="1013"/>
      <c r="I14" s="1013"/>
      <c r="J14" s="1013"/>
      <c r="K14" s="1016"/>
      <c r="L14" s="1018" t="s">
        <v>1706</v>
      </c>
      <c r="M14" s="1013"/>
      <c r="N14" s="1013"/>
      <c r="O14" s="1013"/>
      <c r="P14" s="1013"/>
      <c r="Q14" s="1013"/>
      <c r="R14" s="1013"/>
      <c r="S14" s="1017"/>
    </row>
    <row r="15" spans="2:19" ht="30" customHeight="1" x14ac:dyDescent="0.2">
      <c r="B15" s="1020"/>
      <c r="C15" s="1019" t="s">
        <v>1707</v>
      </c>
      <c r="D15" s="1021"/>
      <c r="E15" s="1021"/>
      <c r="F15" s="1021"/>
      <c r="G15" s="1021"/>
      <c r="H15" s="1021"/>
      <c r="I15" s="1021"/>
      <c r="J15" s="1021"/>
      <c r="K15" s="1020"/>
      <c r="L15" s="1022" t="s">
        <v>1708</v>
      </c>
      <c r="M15" s="1021"/>
      <c r="N15" s="1021"/>
      <c r="O15" s="1021"/>
      <c r="P15" s="1021"/>
      <c r="Q15" s="1021"/>
      <c r="R15" s="1021"/>
      <c r="S15" s="1023"/>
    </row>
    <row r="16" spans="2:19" ht="30" customHeight="1" x14ac:dyDescent="0.2">
      <c r="B16" s="1020"/>
      <c r="C16" s="1018" t="s">
        <v>1709</v>
      </c>
      <c r="D16" s="1021"/>
      <c r="E16" s="1021"/>
      <c r="F16" s="1021"/>
      <c r="G16" s="1021"/>
      <c r="H16" s="1021"/>
      <c r="I16" s="1021"/>
      <c r="J16" s="1021"/>
      <c r="K16" s="1020"/>
      <c r="L16" s="1021"/>
      <c r="M16" s="1021"/>
      <c r="N16" s="1021"/>
      <c r="O16" s="1021"/>
      <c r="P16" s="1021"/>
      <c r="Q16" s="1021"/>
      <c r="R16" s="1021"/>
      <c r="S16" s="1023"/>
    </row>
    <row r="17" spans="2:19" ht="30" customHeight="1" x14ac:dyDescent="0.2">
      <c r="B17" s="1020"/>
      <c r="C17" s="1021"/>
      <c r="D17" s="1021"/>
      <c r="E17" s="1021"/>
      <c r="F17" s="1021"/>
      <c r="G17" s="1021"/>
      <c r="H17" s="1021"/>
      <c r="I17" s="1021"/>
      <c r="J17" s="1021"/>
      <c r="K17" s="1020"/>
      <c r="L17" s="1021"/>
      <c r="M17" s="1021"/>
      <c r="N17" s="1021"/>
      <c r="O17" s="1021"/>
      <c r="P17" s="1021"/>
      <c r="Q17" s="1021"/>
      <c r="R17" s="1021"/>
      <c r="S17" s="1023"/>
    </row>
    <row r="18" spans="2:19" ht="30" customHeight="1" x14ac:dyDescent="0.2">
      <c r="B18" s="1020"/>
      <c r="C18" s="1021"/>
      <c r="D18" s="1021"/>
      <c r="E18" s="1021"/>
      <c r="F18" s="1021"/>
      <c r="G18" s="1021"/>
      <c r="H18" s="1021"/>
      <c r="I18" s="1021"/>
      <c r="J18" s="1021"/>
      <c r="K18" s="1020"/>
      <c r="L18" s="1021"/>
      <c r="M18" s="1021"/>
      <c r="N18" s="1021"/>
      <c r="O18" s="1021"/>
      <c r="P18" s="1021"/>
      <c r="Q18" s="1021"/>
      <c r="R18" s="1021"/>
      <c r="S18" s="1023"/>
    </row>
    <row r="19" spans="2:19" ht="30" customHeight="1" x14ac:dyDescent="0.2">
      <c r="B19" s="1024" t="s">
        <v>1710</v>
      </c>
      <c r="C19" s="1025"/>
      <c r="D19" s="1025"/>
      <c r="E19" s="1025"/>
      <c r="F19" s="1025"/>
      <c r="G19" s="1025"/>
      <c r="H19" s="1025"/>
      <c r="I19" s="1025"/>
      <c r="J19" s="1026"/>
      <c r="K19" s="1020"/>
      <c r="L19" s="1021"/>
      <c r="M19" s="1021"/>
      <c r="N19" s="1021"/>
      <c r="O19" s="1021"/>
      <c r="P19" s="1021"/>
      <c r="Q19" s="1021"/>
      <c r="R19" s="1021"/>
      <c r="S19" s="1023"/>
    </row>
    <row r="20" spans="2:19" ht="30" customHeight="1" x14ac:dyDescent="0.2">
      <c r="B20" s="1020"/>
      <c r="C20" s="1021"/>
      <c r="D20" s="1021"/>
      <c r="E20" s="1021"/>
      <c r="F20" s="1021"/>
      <c r="G20" s="1021"/>
      <c r="H20" s="1021"/>
      <c r="I20" s="1021"/>
      <c r="J20" s="1023"/>
      <c r="K20" s="1020"/>
      <c r="L20" s="1021"/>
      <c r="M20" s="1021"/>
      <c r="N20" s="1021"/>
      <c r="O20" s="1021"/>
      <c r="P20" s="1021"/>
      <c r="Q20" s="1021"/>
      <c r="R20" s="1021"/>
      <c r="S20" s="1023"/>
    </row>
    <row r="21" spans="2:19" ht="30" customHeight="1" x14ac:dyDescent="0.2">
      <c r="B21" s="1020"/>
      <c r="C21" s="1022" t="s">
        <v>1711</v>
      </c>
      <c r="D21" s="1021"/>
      <c r="E21" s="1021"/>
      <c r="F21" s="1021"/>
      <c r="G21" s="1021"/>
      <c r="H21" s="1021"/>
      <c r="I21" s="1021"/>
      <c r="J21" s="1023"/>
      <c r="K21" s="1020"/>
      <c r="L21" s="1021"/>
      <c r="M21" s="1021"/>
      <c r="N21" s="1021"/>
      <c r="O21" s="1021"/>
      <c r="P21" s="1021"/>
      <c r="Q21" s="1021"/>
      <c r="R21" s="1021"/>
      <c r="S21" s="1023"/>
    </row>
    <row r="22" spans="2:19" ht="30" customHeight="1" x14ac:dyDescent="0.2">
      <c r="B22" s="1020"/>
      <c r="C22" s="1022" t="s">
        <v>1712</v>
      </c>
      <c r="D22" s="1021"/>
      <c r="E22" s="1021"/>
      <c r="F22" s="1021"/>
      <c r="G22" s="1021"/>
      <c r="H22" s="1021"/>
      <c r="I22" s="1021"/>
      <c r="J22" s="1023"/>
      <c r="K22" s="1020"/>
      <c r="L22" s="1021"/>
      <c r="M22" s="1021"/>
      <c r="N22" s="1021"/>
      <c r="O22" s="1021"/>
      <c r="P22" s="1021"/>
      <c r="Q22" s="1021"/>
      <c r="R22" s="1021"/>
      <c r="S22" s="1023"/>
    </row>
    <row r="23" spans="2:19" ht="30" customHeight="1" x14ac:dyDescent="0.2">
      <c r="B23" s="1020"/>
      <c r="C23" s="1022" t="s">
        <v>1713</v>
      </c>
      <c r="D23" s="1021"/>
      <c r="E23" s="1021"/>
      <c r="F23" s="1021"/>
      <c r="G23" s="1021"/>
      <c r="H23" s="1021"/>
      <c r="I23" s="1021"/>
      <c r="J23" s="1023"/>
      <c r="K23" s="1020"/>
      <c r="L23" s="1021"/>
      <c r="M23" s="1021"/>
      <c r="N23" s="1021"/>
      <c r="O23" s="1021"/>
      <c r="P23" s="1021"/>
      <c r="Q23" s="1021"/>
      <c r="R23" s="1021"/>
      <c r="S23" s="1023"/>
    </row>
    <row r="24" spans="2:19" ht="30" customHeight="1" x14ac:dyDescent="0.2">
      <c r="B24" s="1027"/>
      <c r="C24" s="1028"/>
      <c r="D24" s="1028"/>
      <c r="E24" s="1028"/>
      <c r="F24" s="1028"/>
      <c r="G24" s="1028"/>
      <c r="H24" s="1028"/>
      <c r="I24" s="1028"/>
      <c r="J24" s="1029"/>
      <c r="K24" s="1020"/>
      <c r="L24" s="1021"/>
      <c r="M24" s="1021"/>
      <c r="N24" s="1021"/>
      <c r="O24" s="1021"/>
      <c r="P24" s="1021"/>
      <c r="Q24" s="1021"/>
      <c r="R24" s="1021"/>
      <c r="S24" s="1023"/>
    </row>
    <row r="25" spans="2:19" ht="30" customHeight="1" x14ac:dyDescent="0.2">
      <c r="B25" s="1030" t="s">
        <v>1714</v>
      </c>
      <c r="C25" s="1021"/>
      <c r="D25" s="1021"/>
      <c r="E25" s="1021"/>
      <c r="F25" s="1021"/>
      <c r="G25" s="1021"/>
      <c r="H25" s="1021"/>
      <c r="I25" s="1021"/>
      <c r="J25" s="1021"/>
      <c r="K25" s="1020"/>
      <c r="L25" s="1021"/>
      <c r="M25" s="1021"/>
      <c r="N25" s="1021"/>
      <c r="O25" s="1021"/>
      <c r="P25" s="1021"/>
      <c r="Q25" s="1021"/>
      <c r="R25" s="1021"/>
      <c r="S25" s="1023"/>
    </row>
    <row r="26" spans="2:19" ht="30" customHeight="1" x14ac:dyDescent="0.2">
      <c r="B26" s="1020"/>
      <c r="C26" s="1021"/>
      <c r="D26" s="1021"/>
      <c r="E26" s="1021"/>
      <c r="F26" s="1021"/>
      <c r="G26" s="1021"/>
      <c r="H26" s="1021"/>
      <c r="I26" s="1021"/>
      <c r="J26" s="1021"/>
      <c r="K26" s="1020"/>
      <c r="L26" s="1021"/>
      <c r="M26" s="1021"/>
      <c r="N26" s="1021"/>
      <c r="O26" s="1021"/>
      <c r="P26" s="1021"/>
      <c r="Q26" s="1021"/>
      <c r="R26" s="1021"/>
      <c r="S26" s="1023"/>
    </row>
    <row r="27" spans="2:19" ht="30" customHeight="1" x14ac:dyDescent="0.2">
      <c r="B27" s="1020"/>
      <c r="C27" s="1022" t="s">
        <v>1715</v>
      </c>
      <c r="D27" s="1021"/>
      <c r="E27" s="1021"/>
      <c r="F27" s="1021"/>
      <c r="G27" s="1021"/>
      <c r="H27" s="1021"/>
      <c r="I27" s="1021"/>
      <c r="J27" s="1021"/>
      <c r="K27" s="1020"/>
      <c r="L27" s="1021"/>
      <c r="M27" s="1021"/>
      <c r="N27" s="1021"/>
      <c r="O27" s="1021"/>
      <c r="P27" s="1021"/>
      <c r="Q27" s="1021"/>
      <c r="R27" s="1021"/>
      <c r="S27" s="1023"/>
    </row>
    <row r="28" spans="2:19" ht="30" customHeight="1" x14ac:dyDescent="0.2">
      <c r="B28" s="1020"/>
      <c r="C28" s="1022" t="s">
        <v>1716</v>
      </c>
      <c r="D28" s="1021"/>
      <c r="E28" s="1021"/>
      <c r="F28" s="1021"/>
      <c r="G28" s="1021"/>
      <c r="H28" s="1021"/>
      <c r="I28" s="1021"/>
      <c r="J28" s="1021"/>
      <c r="K28" s="1020"/>
      <c r="L28" s="1021"/>
      <c r="M28" s="1021"/>
      <c r="N28" s="1021"/>
      <c r="O28" s="1021"/>
      <c r="P28" s="1021"/>
      <c r="Q28" s="1021"/>
      <c r="R28" s="1021"/>
      <c r="S28" s="1023"/>
    </row>
    <row r="29" spans="2:19" ht="30" customHeight="1" x14ac:dyDescent="0.2">
      <c r="B29" s="1020"/>
      <c r="C29" s="1022" t="s">
        <v>1717</v>
      </c>
      <c r="D29" s="1021"/>
      <c r="E29" s="1021"/>
      <c r="F29" s="1021"/>
      <c r="G29" s="1021"/>
      <c r="H29" s="1021"/>
      <c r="I29" s="1021"/>
      <c r="J29" s="1021"/>
      <c r="K29" s="1020"/>
      <c r="L29" s="1021"/>
      <c r="M29" s="1021"/>
      <c r="N29" s="1021"/>
      <c r="O29" s="1021"/>
      <c r="P29" s="1021"/>
      <c r="Q29" s="1021"/>
      <c r="R29" s="1021"/>
      <c r="S29" s="1023"/>
    </row>
    <row r="30" spans="2:19" ht="30" customHeight="1" x14ac:dyDescent="0.2">
      <c r="B30" s="1020"/>
      <c r="C30" s="1021"/>
      <c r="D30" s="1021"/>
      <c r="E30" s="1021"/>
      <c r="F30" s="1021"/>
      <c r="G30" s="1021"/>
      <c r="H30" s="1021"/>
      <c r="I30" s="1021"/>
      <c r="J30" s="1021"/>
      <c r="K30" s="1020"/>
      <c r="L30" s="1021"/>
      <c r="M30" s="1021"/>
      <c r="N30" s="1021"/>
      <c r="O30" s="1021"/>
      <c r="P30" s="1021"/>
      <c r="Q30" s="1021"/>
      <c r="R30" s="1021"/>
      <c r="S30" s="1023"/>
    </row>
    <row r="31" spans="2:19" ht="30" customHeight="1" x14ac:dyDescent="0.2">
      <c r="B31" s="1027"/>
      <c r="C31" s="1028"/>
      <c r="D31" s="1028"/>
      <c r="E31" s="1028"/>
      <c r="F31" s="1028"/>
      <c r="G31" s="1028"/>
      <c r="H31" s="1028"/>
      <c r="I31" s="1028"/>
      <c r="J31" s="1028"/>
      <c r="K31" s="1027"/>
      <c r="L31" s="1028"/>
      <c r="M31" s="1028"/>
      <c r="N31" s="1028"/>
      <c r="O31" s="1028"/>
      <c r="P31" s="1028"/>
      <c r="Q31" s="1028"/>
      <c r="R31" s="1028"/>
      <c r="S31" s="1029"/>
    </row>
    <row r="32" spans="2:19" ht="30" customHeight="1" x14ac:dyDescent="0.2"/>
    <row r="33" spans="2:19" ht="30" customHeight="1" x14ac:dyDescent="0.2">
      <c r="B33" s="2777" t="s">
        <v>1718</v>
      </c>
      <c r="C33" s="2780"/>
      <c r="D33" s="2780"/>
      <c r="E33" s="2780"/>
      <c r="F33" s="2780"/>
      <c r="G33" s="2780"/>
      <c r="H33" s="2780"/>
      <c r="I33" s="2780"/>
      <c r="J33" s="2780"/>
      <c r="K33" s="2780"/>
      <c r="L33" s="2780"/>
      <c r="M33" s="2780"/>
      <c r="N33" s="2780"/>
      <c r="O33" s="2780"/>
      <c r="P33" s="2780"/>
      <c r="Q33" s="2780"/>
      <c r="R33" s="2780"/>
      <c r="S33" s="2781"/>
    </row>
    <row r="34" spans="2:19" ht="30.75" customHeight="1" x14ac:dyDescent="0.2">
      <c r="B34" s="1020"/>
      <c r="C34" s="1021"/>
      <c r="D34" s="1021"/>
      <c r="E34" s="1021"/>
      <c r="F34" s="1021"/>
      <c r="G34" s="1021"/>
      <c r="H34" s="1021"/>
      <c r="I34" s="1021"/>
      <c r="J34" s="1021"/>
      <c r="K34" s="1021"/>
      <c r="L34" s="1021"/>
      <c r="M34" s="1021"/>
      <c r="N34" s="1021"/>
      <c r="O34" s="1021"/>
      <c r="P34" s="1021"/>
      <c r="Q34" s="1021"/>
      <c r="R34" s="1021"/>
      <c r="S34" s="1023"/>
    </row>
    <row r="35" spans="2:19" ht="30.75" customHeight="1" x14ac:dyDescent="0.2">
      <c r="B35" s="1020"/>
      <c r="D35" s="1021"/>
      <c r="E35" s="1021"/>
      <c r="F35" s="1021"/>
      <c r="G35" s="1021"/>
      <c r="H35" s="1021"/>
      <c r="I35" s="1021"/>
      <c r="J35" s="1021"/>
      <c r="K35" s="1021"/>
      <c r="L35" s="1021"/>
      <c r="M35" s="1021"/>
      <c r="N35" s="1021"/>
      <c r="O35" s="1021"/>
      <c r="P35" s="1021"/>
      <c r="Q35" s="1021"/>
      <c r="R35" s="1021"/>
      <c r="S35" s="1023"/>
    </row>
    <row r="36" spans="2:19" ht="30.75" customHeight="1" x14ac:dyDescent="0.2">
      <c r="B36" s="1020"/>
      <c r="C36" s="1022" t="s">
        <v>1719</v>
      </c>
      <c r="D36" s="1021"/>
      <c r="E36" s="1021"/>
      <c r="F36" s="1021"/>
      <c r="G36" s="1021"/>
      <c r="H36" s="1021"/>
      <c r="I36" s="1021"/>
      <c r="J36" s="1021"/>
      <c r="K36" s="1021"/>
      <c r="L36" s="1021"/>
      <c r="M36" s="1021"/>
      <c r="N36" s="1021"/>
      <c r="O36" s="1021"/>
      <c r="P36" s="1021"/>
      <c r="Q36" s="1021"/>
      <c r="R36" s="1021"/>
      <c r="S36" s="1023"/>
    </row>
    <row r="37" spans="2:19" ht="30.75" customHeight="1" x14ac:dyDescent="0.2">
      <c r="B37" s="1020"/>
      <c r="C37" s="1022" t="s">
        <v>1720</v>
      </c>
      <c r="D37" s="1021"/>
      <c r="E37" s="1021"/>
      <c r="F37" s="1021"/>
      <c r="G37" s="1021"/>
      <c r="H37" s="1021"/>
      <c r="I37" s="1021"/>
      <c r="J37" s="1021"/>
      <c r="K37" s="1021"/>
      <c r="L37" s="1021"/>
      <c r="M37" s="1021"/>
      <c r="N37" s="1021"/>
      <c r="O37" s="1021"/>
      <c r="P37" s="1021"/>
      <c r="Q37" s="1021"/>
      <c r="R37" s="1021"/>
      <c r="S37" s="1023"/>
    </row>
    <row r="38" spans="2:19" ht="30.75" customHeight="1" x14ac:dyDescent="0.2">
      <c r="B38" s="1020"/>
      <c r="C38" s="1021"/>
      <c r="D38" s="1021"/>
      <c r="E38" s="1021"/>
      <c r="F38" s="1021"/>
      <c r="G38" s="1021"/>
      <c r="H38" s="1021"/>
      <c r="I38" s="1021"/>
      <c r="J38" s="1021"/>
      <c r="K38" s="1021"/>
      <c r="L38" s="1021"/>
      <c r="M38" s="1021"/>
      <c r="N38" s="1021"/>
      <c r="O38" s="1021"/>
      <c r="P38" s="1021"/>
      <c r="Q38" s="1021"/>
      <c r="R38" s="1021"/>
      <c r="S38" s="1023"/>
    </row>
    <row r="39" spans="2:19" ht="30.75" customHeight="1" x14ac:dyDescent="0.2">
      <c r="B39" s="1020"/>
      <c r="C39" s="1021"/>
      <c r="D39" s="1021"/>
      <c r="E39" s="1021"/>
      <c r="F39" s="1021"/>
      <c r="G39" s="1021"/>
      <c r="H39" s="1021"/>
      <c r="I39" s="1021"/>
      <c r="J39" s="1021"/>
      <c r="K39" s="1021"/>
      <c r="L39" s="1021"/>
      <c r="M39" s="1021"/>
      <c r="N39" s="1021"/>
      <c r="O39" s="1021"/>
      <c r="P39" s="1021"/>
      <c r="Q39" s="1021"/>
      <c r="R39" s="1021"/>
      <c r="S39" s="1023"/>
    </row>
    <row r="40" spans="2:19" ht="30.75" customHeight="1" x14ac:dyDescent="0.2">
      <c r="B40" s="1020"/>
      <c r="C40" s="1021"/>
      <c r="D40" s="1021"/>
      <c r="E40" s="1021"/>
      <c r="F40" s="1021"/>
      <c r="G40" s="1021"/>
      <c r="H40" s="1021"/>
      <c r="I40" s="1021"/>
      <c r="J40" s="1021"/>
      <c r="K40" s="1021"/>
      <c r="L40" s="1021"/>
      <c r="M40" s="1021"/>
      <c r="N40" s="1021"/>
      <c r="O40" s="1021"/>
      <c r="P40" s="1021"/>
      <c r="Q40" s="1021"/>
      <c r="R40" s="1021"/>
      <c r="S40" s="1023"/>
    </row>
    <row r="41" spans="2:19" ht="30.75" customHeight="1" x14ac:dyDescent="0.2">
      <c r="B41" s="1020"/>
      <c r="C41" s="1021"/>
      <c r="D41" s="1021"/>
      <c r="E41" s="1021"/>
      <c r="F41" s="1021"/>
      <c r="G41" s="1021"/>
      <c r="H41" s="1021"/>
      <c r="I41" s="1021"/>
      <c r="J41" s="1021"/>
      <c r="K41" s="1021"/>
      <c r="L41" s="1021"/>
      <c r="M41" s="1021"/>
      <c r="N41" s="1013"/>
      <c r="O41" s="1013"/>
      <c r="P41" s="1013"/>
      <c r="Q41" s="1013"/>
      <c r="R41" s="1013"/>
      <c r="S41" s="1017"/>
    </row>
    <row r="42" spans="2:19" ht="30.75" customHeight="1" x14ac:dyDescent="0.2">
      <c r="B42" s="1027"/>
      <c r="C42" s="1028"/>
      <c r="D42" s="1028"/>
      <c r="E42" s="1028"/>
      <c r="F42" s="1028"/>
      <c r="G42" s="1028"/>
      <c r="H42" s="1028"/>
      <c r="I42" s="1028"/>
      <c r="J42" s="1028"/>
      <c r="K42" s="1028"/>
      <c r="L42" s="1028"/>
      <c r="M42" s="1028"/>
      <c r="N42" s="1031"/>
      <c r="O42" s="1031"/>
      <c r="P42" s="1031"/>
      <c r="Q42" s="1031"/>
      <c r="R42" s="1031"/>
      <c r="S42" s="1032"/>
    </row>
    <row r="43" spans="2:19" ht="30" customHeight="1" x14ac:dyDescent="0.2">
      <c r="B43" s="2773" t="s">
        <v>1721</v>
      </c>
      <c r="C43" s="2773"/>
      <c r="D43" s="2773"/>
      <c r="E43" s="2775"/>
      <c r="F43" s="2775"/>
      <c r="G43" s="2775"/>
      <c r="H43" s="2775"/>
      <c r="I43" s="2775"/>
      <c r="J43" s="2775"/>
      <c r="K43" s="2775"/>
      <c r="L43" s="2775"/>
      <c r="M43" s="2773" t="s">
        <v>1722</v>
      </c>
      <c r="N43" s="2773"/>
      <c r="O43" s="2773"/>
      <c r="P43" s="2775"/>
      <c r="Q43" s="2775"/>
      <c r="R43" s="2775"/>
      <c r="S43" s="2775"/>
    </row>
    <row r="44" spans="2:19" ht="30" customHeight="1" x14ac:dyDescent="0.2">
      <c r="B44" s="2774"/>
      <c r="C44" s="2774"/>
      <c r="D44" s="2774"/>
      <c r="E44" s="2776"/>
      <c r="F44" s="2776"/>
      <c r="G44" s="2776"/>
      <c r="H44" s="2776"/>
      <c r="I44" s="2776"/>
      <c r="J44" s="2776"/>
      <c r="K44" s="2776"/>
      <c r="L44" s="2776"/>
      <c r="M44" s="2774"/>
      <c r="N44" s="2774"/>
      <c r="O44" s="2774"/>
      <c r="P44" s="2776"/>
      <c r="Q44" s="2776"/>
      <c r="R44" s="2776"/>
      <c r="S44" s="2776"/>
    </row>
  </sheetData>
  <mergeCells count="19">
    <mergeCell ref="B43:D44"/>
    <mergeCell ref="E43:L44"/>
    <mergeCell ref="M43:O44"/>
    <mergeCell ref="P43:S44"/>
    <mergeCell ref="B8:C8"/>
    <mergeCell ref="D8:I8"/>
    <mergeCell ref="K8:L8"/>
    <mergeCell ref="M8:S8"/>
    <mergeCell ref="B10:S10"/>
    <mergeCell ref="B33:S33"/>
    <mergeCell ref="B7:C7"/>
    <mergeCell ref="D7:I7"/>
    <mergeCell ref="K7:L7"/>
    <mergeCell ref="M7:S7"/>
    <mergeCell ref="B4:S4"/>
    <mergeCell ref="B6:C6"/>
    <mergeCell ref="D6:I6"/>
    <mergeCell ref="K6:L6"/>
    <mergeCell ref="M6:S6"/>
  </mergeCells>
  <phoneticPr fontId="6"/>
  <pageMargins left="0.25" right="0.25" top="0.75" bottom="0.75" header="0.3" footer="0.3"/>
  <pageSetup paperSize="9" scale="56"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K29"/>
  <sheetViews>
    <sheetView view="pageBreakPreview" topLeftCell="A5" zoomScale="115" zoomScaleNormal="100" zoomScaleSheetLayoutView="115" workbookViewId="0">
      <selection activeCell="AS22" sqref="AS22"/>
    </sheetView>
  </sheetViews>
  <sheetFormatPr defaultColWidth="9" defaultRowHeight="12" x14ac:dyDescent="0.2"/>
  <cols>
    <col min="1" max="1" width="1.33203125" style="793" customWidth="1"/>
    <col min="2" max="11" width="2.44140625" style="793" customWidth="1"/>
    <col min="12" max="12" width="0.88671875" style="793" customWidth="1"/>
    <col min="13" max="27" width="2.44140625" style="793" customWidth="1"/>
    <col min="28" max="28" width="5" style="793" customWidth="1"/>
    <col min="29" max="29" width="4.21875" style="793" customWidth="1"/>
    <col min="30" max="36" width="2.44140625" style="793" customWidth="1"/>
    <col min="37" max="37" width="1.33203125" style="793" customWidth="1"/>
    <col min="38" max="61" width="2.6640625" style="793" customWidth="1"/>
    <col min="62" max="16384" width="9" style="793"/>
  </cols>
  <sheetData>
    <row r="1" spans="1:37" ht="20.100000000000001" customHeight="1" x14ac:dyDescent="0.2">
      <c r="B1" s="815" t="s">
        <v>272</v>
      </c>
      <c r="C1" s="816"/>
      <c r="D1" s="816"/>
      <c r="E1" s="816"/>
      <c r="F1" s="816"/>
      <c r="G1" s="814"/>
      <c r="H1" s="814"/>
      <c r="I1" s="814"/>
      <c r="J1" s="814"/>
      <c r="K1" s="814"/>
      <c r="L1" s="814"/>
      <c r="M1" s="814"/>
      <c r="N1" s="814"/>
      <c r="O1" s="814"/>
      <c r="P1" s="814"/>
      <c r="Q1" s="814"/>
      <c r="R1" s="814"/>
      <c r="S1" s="814"/>
      <c r="T1" s="814"/>
      <c r="U1" s="814"/>
      <c r="V1" s="814"/>
      <c r="W1" s="814"/>
      <c r="X1" s="814"/>
      <c r="Y1" s="814"/>
      <c r="Z1" s="814"/>
      <c r="AA1" s="814"/>
      <c r="AB1" s="814"/>
      <c r="AC1" s="814"/>
      <c r="AD1" s="814"/>
      <c r="AE1" s="814"/>
      <c r="AF1" s="814"/>
      <c r="AG1" s="814"/>
      <c r="AH1" s="814"/>
      <c r="AI1" s="814"/>
      <c r="AJ1" s="814"/>
    </row>
    <row r="2" spans="1:37" ht="20.100000000000001" customHeight="1" x14ac:dyDescent="0.2">
      <c r="A2" s="794"/>
      <c r="B2" s="794"/>
      <c r="C2" s="794"/>
      <c r="D2" s="794"/>
      <c r="E2" s="794"/>
      <c r="F2" s="794"/>
      <c r="G2" s="794"/>
      <c r="H2" s="794"/>
      <c r="I2" s="794"/>
      <c r="J2" s="794"/>
      <c r="K2" s="794"/>
      <c r="L2" s="794"/>
      <c r="M2" s="794"/>
      <c r="N2" s="794"/>
      <c r="O2" s="794"/>
      <c r="P2" s="794"/>
      <c r="Q2" s="794"/>
      <c r="R2" s="794"/>
      <c r="S2" s="794"/>
      <c r="T2" s="794"/>
      <c r="U2" s="794"/>
      <c r="V2" s="794"/>
      <c r="W2" s="794"/>
      <c r="X2" s="794"/>
      <c r="Y2" s="794"/>
      <c r="Z2" s="794"/>
      <c r="AA2" s="794"/>
      <c r="AB2" s="794"/>
      <c r="AC2" s="794"/>
      <c r="AD2" s="794"/>
      <c r="AE2" s="794"/>
      <c r="AF2" s="794"/>
      <c r="AG2" s="794"/>
      <c r="AH2" s="794"/>
      <c r="AI2" s="794"/>
      <c r="AJ2" s="795" t="s">
        <v>1369</v>
      </c>
    </row>
    <row r="3" spans="1:37" ht="20.100000000000001" customHeight="1" x14ac:dyDescent="0.2">
      <c r="A3" s="794"/>
      <c r="B3" s="794"/>
      <c r="C3" s="794"/>
      <c r="D3" s="794"/>
      <c r="E3" s="794"/>
      <c r="F3" s="794"/>
      <c r="G3" s="794"/>
      <c r="H3" s="794"/>
      <c r="I3" s="794"/>
      <c r="J3" s="794"/>
      <c r="K3" s="794"/>
      <c r="L3" s="794"/>
      <c r="M3" s="794"/>
      <c r="N3" s="794"/>
      <c r="O3" s="794"/>
      <c r="P3" s="794"/>
      <c r="Q3" s="794"/>
      <c r="R3" s="794"/>
      <c r="S3" s="794"/>
      <c r="T3" s="794"/>
      <c r="U3" s="794"/>
      <c r="V3" s="794"/>
      <c r="W3" s="794"/>
      <c r="X3" s="794"/>
      <c r="Y3" s="794"/>
      <c r="Z3" s="794"/>
      <c r="AA3" s="794"/>
      <c r="AB3" s="794"/>
      <c r="AC3" s="794"/>
      <c r="AD3" s="794"/>
      <c r="AE3" s="794"/>
      <c r="AF3" s="794"/>
      <c r="AG3" s="794"/>
      <c r="AH3" s="794"/>
      <c r="AI3" s="794"/>
      <c r="AJ3" s="795"/>
    </row>
    <row r="4" spans="1:37" ht="20.100000000000001" customHeight="1" x14ac:dyDescent="0.2">
      <c r="A4" s="794"/>
      <c r="B4" s="1331" t="s">
        <v>1370</v>
      </c>
      <c r="C4" s="1331"/>
      <c r="D4" s="1331"/>
      <c r="E4" s="1331"/>
      <c r="F4" s="1331"/>
      <c r="G4" s="1331"/>
      <c r="H4" s="1331"/>
      <c r="I4" s="1331"/>
      <c r="J4" s="1331"/>
      <c r="K4" s="1331"/>
      <c r="L4" s="1331"/>
      <c r="M4" s="1331"/>
      <c r="N4" s="1331"/>
      <c r="O4" s="1331"/>
      <c r="P4" s="1331"/>
      <c r="Q4" s="1331"/>
      <c r="R4" s="1331"/>
      <c r="S4" s="1331"/>
      <c r="T4" s="1331"/>
      <c r="U4" s="1331"/>
      <c r="V4" s="1331"/>
      <c r="W4" s="1331"/>
      <c r="X4" s="1331"/>
      <c r="Y4" s="1331"/>
      <c r="Z4" s="1331"/>
      <c r="AA4" s="1331"/>
      <c r="AB4" s="1331"/>
      <c r="AC4" s="1331"/>
      <c r="AD4" s="1331"/>
      <c r="AE4" s="1331"/>
      <c r="AF4" s="1331"/>
      <c r="AG4" s="1331"/>
      <c r="AH4" s="1331"/>
      <c r="AI4" s="1331"/>
      <c r="AJ4" s="1331"/>
      <c r="AK4" s="796"/>
    </row>
    <row r="5" spans="1:37" ht="20.100000000000001" customHeight="1" x14ac:dyDescent="0.2">
      <c r="A5" s="794"/>
      <c r="B5" s="797"/>
      <c r="C5" s="797"/>
      <c r="D5" s="797"/>
      <c r="E5" s="797"/>
      <c r="F5" s="797"/>
      <c r="G5" s="798"/>
      <c r="H5" s="798"/>
      <c r="I5" s="798"/>
      <c r="J5" s="798"/>
      <c r="K5" s="798"/>
      <c r="L5" s="798"/>
      <c r="M5" s="798"/>
      <c r="N5" s="798"/>
      <c r="O5" s="798"/>
      <c r="P5" s="798"/>
      <c r="Q5" s="799"/>
      <c r="R5" s="799"/>
      <c r="S5" s="799"/>
      <c r="T5" s="799"/>
      <c r="U5" s="799"/>
      <c r="V5" s="799"/>
      <c r="W5" s="799"/>
      <c r="X5" s="799"/>
      <c r="Y5" s="799"/>
      <c r="Z5" s="799"/>
      <c r="AA5" s="799"/>
      <c r="AB5" s="799"/>
      <c r="AC5" s="799"/>
      <c r="AD5" s="799"/>
      <c r="AE5" s="799"/>
      <c r="AF5" s="799"/>
      <c r="AG5" s="799"/>
      <c r="AH5" s="799"/>
      <c r="AI5" s="799"/>
      <c r="AJ5" s="799"/>
      <c r="AK5" s="800"/>
    </row>
    <row r="6" spans="1:37" ht="24.75" customHeight="1" x14ac:dyDescent="0.2">
      <c r="A6" s="794"/>
      <c r="B6" s="1332" t="s">
        <v>1371</v>
      </c>
      <c r="C6" s="1333"/>
      <c r="D6" s="1333"/>
      <c r="E6" s="1333"/>
      <c r="F6" s="1333"/>
      <c r="G6" s="1333"/>
      <c r="H6" s="1333"/>
      <c r="I6" s="1333"/>
      <c r="J6" s="1333"/>
      <c r="K6" s="1334"/>
      <c r="L6" s="1335"/>
      <c r="M6" s="1336"/>
      <c r="N6" s="1336"/>
      <c r="O6" s="1336"/>
      <c r="P6" s="1336"/>
      <c r="Q6" s="1336"/>
      <c r="R6" s="1336"/>
      <c r="S6" s="1336"/>
      <c r="T6" s="1336"/>
      <c r="U6" s="1336"/>
      <c r="V6" s="1336"/>
      <c r="W6" s="1336"/>
      <c r="X6" s="1336"/>
      <c r="Y6" s="1336"/>
      <c r="Z6" s="1336"/>
      <c r="AA6" s="1336"/>
      <c r="AB6" s="1336"/>
      <c r="AC6" s="1336"/>
      <c r="AD6" s="1336"/>
      <c r="AE6" s="1336"/>
      <c r="AF6" s="1336"/>
      <c r="AG6" s="1336"/>
      <c r="AH6" s="1336"/>
      <c r="AI6" s="1336"/>
      <c r="AJ6" s="1337"/>
      <c r="AK6" s="800"/>
    </row>
    <row r="7" spans="1:37" ht="24.75" customHeight="1" x14ac:dyDescent="0.2">
      <c r="A7" s="794"/>
      <c r="B7" s="1338" t="s">
        <v>1084</v>
      </c>
      <c r="C7" s="1338"/>
      <c r="D7" s="1338"/>
      <c r="E7" s="1338"/>
      <c r="F7" s="1338"/>
      <c r="G7" s="1338"/>
      <c r="H7" s="1338"/>
      <c r="I7" s="1338"/>
      <c r="J7" s="1338"/>
      <c r="K7" s="1338"/>
      <c r="L7" s="1335"/>
      <c r="M7" s="1336"/>
      <c r="N7" s="1336"/>
      <c r="O7" s="1336"/>
      <c r="P7" s="1336"/>
      <c r="Q7" s="1336"/>
      <c r="R7" s="1336"/>
      <c r="S7" s="1336"/>
      <c r="T7" s="1336"/>
      <c r="U7" s="1336"/>
      <c r="V7" s="1336"/>
      <c r="W7" s="1336"/>
      <c r="X7" s="1336"/>
      <c r="Y7" s="1336"/>
      <c r="Z7" s="1336"/>
      <c r="AA7" s="1336"/>
      <c r="AB7" s="1336"/>
      <c r="AC7" s="1336"/>
      <c r="AD7" s="1336"/>
      <c r="AE7" s="1336"/>
      <c r="AF7" s="1336"/>
      <c r="AG7" s="1336"/>
      <c r="AH7" s="1336"/>
      <c r="AI7" s="1336"/>
      <c r="AJ7" s="1337"/>
      <c r="AK7" s="800"/>
    </row>
    <row r="8" spans="1:37" ht="24.75" customHeight="1" x14ac:dyDescent="0.2">
      <c r="A8" s="794"/>
      <c r="B8" s="1338" t="s">
        <v>1372</v>
      </c>
      <c r="C8" s="1338"/>
      <c r="D8" s="1338"/>
      <c r="E8" s="1338"/>
      <c r="F8" s="1338"/>
      <c r="G8" s="1338"/>
      <c r="H8" s="1338"/>
      <c r="I8" s="1338"/>
      <c r="J8" s="1338"/>
      <c r="K8" s="1338"/>
      <c r="L8" s="1335" t="s">
        <v>1071</v>
      </c>
      <c r="M8" s="1336"/>
      <c r="N8" s="1336"/>
      <c r="O8" s="1336"/>
      <c r="P8" s="1336"/>
      <c r="Q8" s="1336"/>
      <c r="R8" s="1336"/>
      <c r="S8" s="1336"/>
      <c r="T8" s="1336"/>
      <c r="U8" s="1336"/>
      <c r="V8" s="1336"/>
      <c r="W8" s="1336"/>
      <c r="X8" s="1336"/>
      <c r="Y8" s="1336"/>
      <c r="Z8" s="1336"/>
      <c r="AA8" s="1336"/>
      <c r="AB8" s="1336"/>
      <c r="AC8" s="1336"/>
      <c r="AD8" s="1336"/>
      <c r="AE8" s="1336"/>
      <c r="AF8" s="1336"/>
      <c r="AG8" s="1336"/>
      <c r="AH8" s="1336"/>
      <c r="AI8" s="1336"/>
      <c r="AJ8" s="1337"/>
      <c r="AK8" s="800"/>
    </row>
    <row r="9" spans="1:37" ht="24.75" customHeight="1" x14ac:dyDescent="0.2">
      <c r="A9" s="794"/>
      <c r="B9" s="1362" t="s">
        <v>299</v>
      </c>
      <c r="C9" s="1363"/>
      <c r="D9" s="1369" t="s">
        <v>300</v>
      </c>
      <c r="E9" s="1359"/>
      <c r="F9" s="1359"/>
      <c r="G9" s="1359"/>
      <c r="H9" s="1359"/>
      <c r="I9" s="1359"/>
      <c r="J9" s="1359"/>
      <c r="K9" s="1370"/>
      <c r="L9" s="801"/>
      <c r="M9" s="1321" t="s">
        <v>48</v>
      </c>
      <c r="N9" s="1321"/>
      <c r="O9" s="1321"/>
      <c r="P9" s="1321"/>
      <c r="Q9" s="802"/>
      <c r="R9" s="802"/>
      <c r="S9" s="802"/>
      <c r="T9" s="802"/>
      <c r="U9" s="803"/>
      <c r="V9" s="804"/>
      <c r="W9" s="1321" t="s">
        <v>51</v>
      </c>
      <c r="X9" s="1321"/>
      <c r="Y9" s="1353" t="s">
        <v>757</v>
      </c>
      <c r="Z9" s="1353"/>
      <c r="AA9" s="1353"/>
      <c r="AB9" s="805" t="s">
        <v>1373</v>
      </c>
      <c r="AC9" s="1374" t="s">
        <v>50</v>
      </c>
      <c r="AD9" s="1375"/>
      <c r="AE9" s="1375"/>
      <c r="AF9" s="1353"/>
      <c r="AG9" s="1353"/>
      <c r="AH9" s="1353"/>
      <c r="AI9" s="1354" t="s">
        <v>1373</v>
      </c>
      <c r="AJ9" s="1355"/>
    </row>
    <row r="10" spans="1:37" ht="24.75" customHeight="1" x14ac:dyDescent="0.2">
      <c r="A10" s="794"/>
      <c r="B10" s="1364"/>
      <c r="C10" s="1365"/>
      <c r="D10" s="1371"/>
      <c r="E10" s="1372"/>
      <c r="F10" s="1372"/>
      <c r="G10" s="1372"/>
      <c r="H10" s="1372"/>
      <c r="I10" s="1372"/>
      <c r="J10" s="1372"/>
      <c r="K10" s="1373"/>
      <c r="L10" s="806"/>
      <c r="M10" s="1321" t="s">
        <v>1374</v>
      </c>
      <c r="N10" s="1321"/>
      <c r="O10" s="1321"/>
      <c r="P10" s="1321"/>
      <c r="Q10" s="807"/>
      <c r="R10" s="807"/>
      <c r="S10" s="807"/>
      <c r="T10" s="807"/>
      <c r="U10" s="808"/>
      <c r="V10" s="809"/>
      <c r="W10" s="1356" t="s">
        <v>51</v>
      </c>
      <c r="X10" s="1356"/>
      <c r="Y10" s="1357"/>
      <c r="Z10" s="1357"/>
      <c r="AA10" s="1357"/>
      <c r="AB10" s="810" t="s">
        <v>1373</v>
      </c>
      <c r="AC10" s="1358" t="s">
        <v>50</v>
      </c>
      <c r="AD10" s="1359"/>
      <c r="AE10" s="1359"/>
      <c r="AF10" s="1357"/>
      <c r="AG10" s="1357"/>
      <c r="AH10" s="1357"/>
      <c r="AI10" s="1360" t="s">
        <v>1373</v>
      </c>
      <c r="AJ10" s="1361"/>
    </row>
    <row r="11" spans="1:37" ht="53.25" customHeight="1" x14ac:dyDescent="0.2">
      <c r="A11" s="794"/>
      <c r="B11" s="1364"/>
      <c r="C11" s="1365"/>
      <c r="D11" s="1376" t="s">
        <v>1375</v>
      </c>
      <c r="E11" s="1375"/>
      <c r="F11" s="1375"/>
      <c r="G11" s="1375"/>
      <c r="H11" s="1375"/>
      <c r="I11" s="1375"/>
      <c r="J11" s="1375"/>
      <c r="K11" s="1375"/>
      <c r="L11" s="811"/>
      <c r="M11" s="1321" t="s">
        <v>1376</v>
      </c>
      <c r="N11" s="1321"/>
      <c r="O11" s="1321"/>
      <c r="P11" s="1322"/>
      <c r="Q11" s="812"/>
      <c r="R11" s="812"/>
      <c r="S11" s="812"/>
      <c r="T11" s="812"/>
      <c r="U11" s="812"/>
      <c r="V11" s="812"/>
      <c r="W11" s="812"/>
      <c r="X11" s="812"/>
      <c r="Y11" s="812"/>
      <c r="Z11" s="812"/>
      <c r="AA11" s="812"/>
      <c r="AB11" s="812"/>
      <c r="AC11" s="812"/>
      <c r="AD11" s="812"/>
      <c r="AE11" s="812"/>
      <c r="AF11" s="812"/>
      <c r="AG11" s="812"/>
      <c r="AH11" s="812"/>
      <c r="AI11" s="812"/>
      <c r="AJ11" s="813"/>
    </row>
    <row r="12" spans="1:37" ht="24.75" customHeight="1" x14ac:dyDescent="0.2">
      <c r="A12" s="794"/>
      <c r="B12" s="1364"/>
      <c r="C12" s="1366"/>
      <c r="D12" s="1323" t="s">
        <v>1377</v>
      </c>
      <c r="E12" s="1324"/>
      <c r="F12" s="1327" t="s">
        <v>301</v>
      </c>
      <c r="G12" s="1328"/>
      <c r="H12" s="1328"/>
      <c r="I12" s="1328"/>
      <c r="J12" s="1328"/>
      <c r="K12" s="1328"/>
      <c r="L12" s="1339"/>
      <c r="M12" s="1339"/>
      <c r="N12" s="1339"/>
      <c r="O12" s="1339"/>
      <c r="P12" s="1339"/>
      <c r="Q12" s="1339"/>
      <c r="R12" s="1339"/>
      <c r="S12" s="1339"/>
      <c r="T12" s="1339"/>
      <c r="U12" s="1339"/>
      <c r="V12" s="1339"/>
      <c r="W12" s="1339"/>
      <c r="X12" s="1339"/>
      <c r="Y12" s="1339"/>
      <c r="Z12" s="1339"/>
      <c r="AA12" s="1339"/>
      <c r="AB12" s="1339"/>
      <c r="AC12" s="1339"/>
      <c r="AD12" s="1339"/>
      <c r="AE12" s="1339"/>
      <c r="AF12" s="1339"/>
      <c r="AG12" s="1339"/>
      <c r="AH12" s="1339"/>
      <c r="AI12" s="1339"/>
      <c r="AJ12" s="1340"/>
    </row>
    <row r="13" spans="1:37" ht="24.75" customHeight="1" x14ac:dyDescent="0.2">
      <c r="A13" s="794"/>
      <c r="B13" s="1364"/>
      <c r="C13" s="1366"/>
      <c r="D13" s="1323"/>
      <c r="E13" s="1324"/>
      <c r="F13" s="1329"/>
      <c r="G13" s="1330"/>
      <c r="H13" s="1330"/>
      <c r="I13" s="1330"/>
      <c r="J13" s="1330"/>
      <c r="K13" s="1330"/>
      <c r="L13" s="1341"/>
      <c r="M13" s="1341"/>
      <c r="N13" s="1341"/>
      <c r="O13" s="1341"/>
      <c r="P13" s="1341"/>
      <c r="Q13" s="1341"/>
      <c r="R13" s="1341"/>
      <c r="S13" s="1341"/>
      <c r="T13" s="1341"/>
      <c r="U13" s="1341"/>
      <c r="V13" s="1341"/>
      <c r="W13" s="1341"/>
      <c r="X13" s="1341"/>
      <c r="Y13" s="1341"/>
      <c r="Z13" s="1341"/>
      <c r="AA13" s="1341"/>
      <c r="AB13" s="1341"/>
      <c r="AC13" s="1341"/>
      <c r="AD13" s="1341"/>
      <c r="AE13" s="1341"/>
      <c r="AF13" s="1341"/>
      <c r="AG13" s="1341"/>
      <c r="AH13" s="1341"/>
      <c r="AI13" s="1341"/>
      <c r="AJ13" s="1342"/>
    </row>
    <row r="14" spans="1:37" ht="24.75" customHeight="1" x14ac:dyDescent="0.2">
      <c r="A14" s="794"/>
      <c r="B14" s="1364"/>
      <c r="C14" s="1366"/>
      <c r="D14" s="1323"/>
      <c r="E14" s="1324"/>
      <c r="F14" s="1329" t="s">
        <v>1378</v>
      </c>
      <c r="G14" s="1330"/>
      <c r="H14" s="1330"/>
      <c r="I14" s="1330"/>
      <c r="J14" s="1330"/>
      <c r="K14" s="1330"/>
      <c r="L14" s="1341"/>
      <c r="M14" s="1341"/>
      <c r="N14" s="1341"/>
      <c r="O14" s="1341"/>
      <c r="P14" s="1341"/>
      <c r="Q14" s="1341"/>
      <c r="R14" s="1341"/>
      <c r="S14" s="1341"/>
      <c r="T14" s="1341"/>
      <c r="U14" s="1341"/>
      <c r="V14" s="1341"/>
      <c r="W14" s="1341"/>
      <c r="X14" s="1341"/>
      <c r="Y14" s="1341"/>
      <c r="Z14" s="1341"/>
      <c r="AA14" s="1341"/>
      <c r="AB14" s="1341"/>
      <c r="AC14" s="1341"/>
      <c r="AD14" s="1341"/>
      <c r="AE14" s="1341"/>
      <c r="AF14" s="1341"/>
      <c r="AG14" s="1341"/>
      <c r="AH14" s="1341"/>
      <c r="AI14" s="1341"/>
      <c r="AJ14" s="1342"/>
    </row>
    <row r="15" spans="1:37" ht="24.75" customHeight="1" x14ac:dyDescent="0.2">
      <c r="A15" s="794"/>
      <c r="B15" s="1364"/>
      <c r="C15" s="1366"/>
      <c r="D15" s="1323"/>
      <c r="E15" s="1324"/>
      <c r="F15" s="1329"/>
      <c r="G15" s="1330"/>
      <c r="H15" s="1330"/>
      <c r="I15" s="1330"/>
      <c r="J15" s="1330"/>
      <c r="K15" s="1330"/>
      <c r="L15" s="1341"/>
      <c r="M15" s="1341"/>
      <c r="N15" s="1341"/>
      <c r="O15" s="1341"/>
      <c r="P15" s="1341"/>
      <c r="Q15" s="1341"/>
      <c r="R15" s="1341"/>
      <c r="S15" s="1341"/>
      <c r="T15" s="1341"/>
      <c r="U15" s="1341"/>
      <c r="V15" s="1341"/>
      <c r="W15" s="1341"/>
      <c r="X15" s="1341"/>
      <c r="Y15" s="1341"/>
      <c r="Z15" s="1341"/>
      <c r="AA15" s="1341"/>
      <c r="AB15" s="1341"/>
      <c r="AC15" s="1341"/>
      <c r="AD15" s="1341"/>
      <c r="AE15" s="1341"/>
      <c r="AF15" s="1341"/>
      <c r="AG15" s="1341"/>
      <c r="AH15" s="1341"/>
      <c r="AI15" s="1341"/>
      <c r="AJ15" s="1342"/>
    </row>
    <row r="16" spans="1:37" ht="24.75" customHeight="1" x14ac:dyDescent="0.2">
      <c r="A16" s="794"/>
      <c r="B16" s="1364"/>
      <c r="C16" s="1366"/>
      <c r="D16" s="1323"/>
      <c r="E16" s="1324"/>
      <c r="F16" s="1329"/>
      <c r="G16" s="1330"/>
      <c r="H16" s="1330"/>
      <c r="I16" s="1330"/>
      <c r="J16" s="1330"/>
      <c r="K16" s="1330"/>
      <c r="L16" s="1341"/>
      <c r="M16" s="1341"/>
      <c r="N16" s="1341"/>
      <c r="O16" s="1341"/>
      <c r="P16" s="1341"/>
      <c r="Q16" s="1341"/>
      <c r="R16" s="1341"/>
      <c r="S16" s="1341"/>
      <c r="T16" s="1341"/>
      <c r="U16" s="1341"/>
      <c r="V16" s="1341"/>
      <c r="W16" s="1341"/>
      <c r="X16" s="1341"/>
      <c r="Y16" s="1341"/>
      <c r="Z16" s="1341"/>
      <c r="AA16" s="1341"/>
      <c r="AB16" s="1341"/>
      <c r="AC16" s="1341"/>
      <c r="AD16" s="1341"/>
      <c r="AE16" s="1341"/>
      <c r="AF16" s="1341"/>
      <c r="AG16" s="1341"/>
      <c r="AH16" s="1341"/>
      <c r="AI16" s="1341"/>
      <c r="AJ16" s="1342"/>
    </row>
    <row r="17" spans="1:36" ht="24.75" customHeight="1" x14ac:dyDescent="0.2">
      <c r="A17" s="794"/>
      <c r="B17" s="1364"/>
      <c r="C17" s="1366"/>
      <c r="D17" s="1323"/>
      <c r="E17" s="1324"/>
      <c r="F17" s="1329"/>
      <c r="G17" s="1330"/>
      <c r="H17" s="1330"/>
      <c r="I17" s="1330"/>
      <c r="J17" s="1330"/>
      <c r="K17" s="1330"/>
      <c r="L17" s="1341"/>
      <c r="M17" s="1341"/>
      <c r="N17" s="1341"/>
      <c r="O17" s="1341"/>
      <c r="P17" s="1341"/>
      <c r="Q17" s="1341"/>
      <c r="R17" s="1341"/>
      <c r="S17" s="1341"/>
      <c r="T17" s="1341"/>
      <c r="U17" s="1341"/>
      <c r="V17" s="1341"/>
      <c r="W17" s="1341"/>
      <c r="X17" s="1341"/>
      <c r="Y17" s="1341"/>
      <c r="Z17" s="1341"/>
      <c r="AA17" s="1341"/>
      <c r="AB17" s="1341"/>
      <c r="AC17" s="1341"/>
      <c r="AD17" s="1341"/>
      <c r="AE17" s="1341"/>
      <c r="AF17" s="1341"/>
      <c r="AG17" s="1341"/>
      <c r="AH17" s="1341"/>
      <c r="AI17" s="1341"/>
      <c r="AJ17" s="1342"/>
    </row>
    <row r="18" spans="1:36" ht="24.75" customHeight="1" x14ac:dyDescent="0.2">
      <c r="A18" s="794"/>
      <c r="B18" s="1364"/>
      <c r="C18" s="1366"/>
      <c r="D18" s="1323"/>
      <c r="E18" s="1324"/>
      <c r="F18" s="1343" t="s">
        <v>302</v>
      </c>
      <c r="G18" s="1344"/>
      <c r="H18" s="1344"/>
      <c r="I18" s="1344"/>
      <c r="J18" s="1344"/>
      <c r="K18" s="1344"/>
      <c r="L18" s="1347"/>
      <c r="M18" s="1347"/>
      <c r="N18" s="1347"/>
      <c r="O18" s="1347"/>
      <c r="P18" s="1347"/>
      <c r="Q18" s="1347"/>
      <c r="R18" s="1347"/>
      <c r="S18" s="1347"/>
      <c r="T18" s="1347"/>
      <c r="U18" s="1347"/>
      <c r="V18" s="1347"/>
      <c r="W18" s="1347"/>
      <c r="X18" s="1347"/>
      <c r="Y18" s="1347"/>
      <c r="Z18" s="1347"/>
      <c r="AA18" s="1347"/>
      <c r="AB18" s="1347"/>
      <c r="AC18" s="1347"/>
      <c r="AD18" s="1347"/>
      <c r="AE18" s="1347"/>
      <c r="AF18" s="1347"/>
      <c r="AG18" s="1347"/>
      <c r="AH18" s="1347"/>
      <c r="AI18" s="1347"/>
      <c r="AJ18" s="1348"/>
    </row>
    <row r="19" spans="1:36" ht="24.75" customHeight="1" x14ac:dyDescent="0.2">
      <c r="A19" s="794"/>
      <c r="B19" s="1364"/>
      <c r="C19" s="1366"/>
      <c r="D19" s="1323"/>
      <c r="E19" s="1324"/>
      <c r="F19" s="1343"/>
      <c r="G19" s="1344"/>
      <c r="H19" s="1344"/>
      <c r="I19" s="1344"/>
      <c r="J19" s="1344"/>
      <c r="K19" s="1344"/>
      <c r="L19" s="1347"/>
      <c r="M19" s="1347"/>
      <c r="N19" s="1347"/>
      <c r="O19" s="1347"/>
      <c r="P19" s="1347"/>
      <c r="Q19" s="1347"/>
      <c r="R19" s="1347"/>
      <c r="S19" s="1347"/>
      <c r="T19" s="1347"/>
      <c r="U19" s="1347"/>
      <c r="V19" s="1347"/>
      <c r="W19" s="1347"/>
      <c r="X19" s="1347"/>
      <c r="Y19" s="1347"/>
      <c r="Z19" s="1347"/>
      <c r="AA19" s="1347"/>
      <c r="AB19" s="1347"/>
      <c r="AC19" s="1347"/>
      <c r="AD19" s="1347"/>
      <c r="AE19" s="1347"/>
      <c r="AF19" s="1347"/>
      <c r="AG19" s="1347"/>
      <c r="AH19" s="1347"/>
      <c r="AI19" s="1347"/>
      <c r="AJ19" s="1348"/>
    </row>
    <row r="20" spans="1:36" ht="24.75" customHeight="1" x14ac:dyDescent="0.2">
      <c r="A20" s="794"/>
      <c r="B20" s="1364"/>
      <c r="C20" s="1366"/>
      <c r="D20" s="1323"/>
      <c r="E20" s="1324"/>
      <c r="F20" s="1343"/>
      <c r="G20" s="1344"/>
      <c r="H20" s="1344"/>
      <c r="I20" s="1344"/>
      <c r="J20" s="1344"/>
      <c r="K20" s="1344"/>
      <c r="L20" s="1347"/>
      <c r="M20" s="1347"/>
      <c r="N20" s="1347"/>
      <c r="O20" s="1347"/>
      <c r="P20" s="1347"/>
      <c r="Q20" s="1347"/>
      <c r="R20" s="1347"/>
      <c r="S20" s="1347"/>
      <c r="T20" s="1347"/>
      <c r="U20" s="1347"/>
      <c r="V20" s="1347"/>
      <c r="W20" s="1347"/>
      <c r="X20" s="1347"/>
      <c r="Y20" s="1347"/>
      <c r="Z20" s="1347"/>
      <c r="AA20" s="1347"/>
      <c r="AB20" s="1347"/>
      <c r="AC20" s="1347"/>
      <c r="AD20" s="1347"/>
      <c r="AE20" s="1347"/>
      <c r="AF20" s="1347"/>
      <c r="AG20" s="1347"/>
      <c r="AH20" s="1347"/>
      <c r="AI20" s="1347"/>
      <c r="AJ20" s="1348"/>
    </row>
    <row r="21" spans="1:36" ht="24.75" customHeight="1" x14ac:dyDescent="0.2">
      <c r="A21" s="794"/>
      <c r="B21" s="1364"/>
      <c r="C21" s="1366"/>
      <c r="D21" s="1323"/>
      <c r="E21" s="1324"/>
      <c r="F21" s="1343"/>
      <c r="G21" s="1344"/>
      <c r="H21" s="1344"/>
      <c r="I21" s="1344"/>
      <c r="J21" s="1344"/>
      <c r="K21" s="1344"/>
      <c r="L21" s="1347"/>
      <c r="M21" s="1347"/>
      <c r="N21" s="1347"/>
      <c r="O21" s="1347"/>
      <c r="P21" s="1347"/>
      <c r="Q21" s="1347"/>
      <c r="R21" s="1347"/>
      <c r="S21" s="1347"/>
      <c r="T21" s="1347"/>
      <c r="U21" s="1347"/>
      <c r="V21" s="1347"/>
      <c r="W21" s="1347"/>
      <c r="X21" s="1347"/>
      <c r="Y21" s="1347"/>
      <c r="Z21" s="1347"/>
      <c r="AA21" s="1347"/>
      <c r="AB21" s="1347"/>
      <c r="AC21" s="1347"/>
      <c r="AD21" s="1347"/>
      <c r="AE21" s="1347"/>
      <c r="AF21" s="1347"/>
      <c r="AG21" s="1347"/>
      <c r="AH21" s="1347"/>
      <c r="AI21" s="1347"/>
      <c r="AJ21" s="1348"/>
    </row>
    <row r="22" spans="1:36" ht="24.75" customHeight="1" x14ac:dyDescent="0.2">
      <c r="A22" s="794"/>
      <c r="B22" s="1364"/>
      <c r="C22" s="1366"/>
      <c r="D22" s="1323"/>
      <c r="E22" s="1324"/>
      <c r="F22" s="1343"/>
      <c r="G22" s="1344"/>
      <c r="H22" s="1344"/>
      <c r="I22" s="1344"/>
      <c r="J22" s="1344"/>
      <c r="K22" s="1344"/>
      <c r="L22" s="1347"/>
      <c r="M22" s="1347"/>
      <c r="N22" s="1347"/>
      <c r="O22" s="1347"/>
      <c r="P22" s="1347"/>
      <c r="Q22" s="1347"/>
      <c r="R22" s="1347"/>
      <c r="S22" s="1347"/>
      <c r="T22" s="1347"/>
      <c r="U22" s="1347"/>
      <c r="V22" s="1347"/>
      <c r="W22" s="1347"/>
      <c r="X22" s="1347"/>
      <c r="Y22" s="1347"/>
      <c r="Z22" s="1347"/>
      <c r="AA22" s="1347"/>
      <c r="AB22" s="1347"/>
      <c r="AC22" s="1347"/>
      <c r="AD22" s="1347"/>
      <c r="AE22" s="1347"/>
      <c r="AF22" s="1347"/>
      <c r="AG22" s="1347"/>
      <c r="AH22" s="1347"/>
      <c r="AI22" s="1347"/>
      <c r="AJ22" s="1348"/>
    </row>
    <row r="23" spans="1:36" ht="24.75" customHeight="1" x14ac:dyDescent="0.2">
      <c r="A23" s="794"/>
      <c r="B23" s="1367"/>
      <c r="C23" s="1368"/>
      <c r="D23" s="1325"/>
      <c r="E23" s="1326"/>
      <c r="F23" s="1345"/>
      <c r="G23" s="1346"/>
      <c r="H23" s="1346"/>
      <c r="I23" s="1346"/>
      <c r="J23" s="1346"/>
      <c r="K23" s="1346"/>
      <c r="L23" s="1349"/>
      <c r="M23" s="1349"/>
      <c r="N23" s="1349"/>
      <c r="O23" s="1349"/>
      <c r="P23" s="1349"/>
      <c r="Q23" s="1349"/>
      <c r="R23" s="1349"/>
      <c r="S23" s="1349"/>
      <c r="T23" s="1349"/>
      <c r="U23" s="1349"/>
      <c r="V23" s="1349"/>
      <c r="W23" s="1349"/>
      <c r="X23" s="1349"/>
      <c r="Y23" s="1349"/>
      <c r="Z23" s="1349"/>
      <c r="AA23" s="1349"/>
      <c r="AB23" s="1349"/>
      <c r="AC23" s="1349"/>
      <c r="AD23" s="1349"/>
      <c r="AE23" s="1349"/>
      <c r="AF23" s="1349"/>
      <c r="AG23" s="1349"/>
      <c r="AH23" s="1349"/>
      <c r="AI23" s="1349"/>
      <c r="AJ23" s="1350"/>
    </row>
    <row r="24" spans="1:36" ht="39" customHeight="1" x14ac:dyDescent="0.2">
      <c r="A24" s="794"/>
      <c r="B24" s="1351" t="s">
        <v>1379</v>
      </c>
      <c r="C24" s="1351"/>
      <c r="D24" s="1351"/>
      <c r="E24" s="1351"/>
      <c r="F24" s="1351"/>
      <c r="G24" s="1351"/>
      <c r="H24" s="1351"/>
      <c r="I24" s="1351"/>
      <c r="J24" s="1351"/>
      <c r="K24" s="1351"/>
      <c r="L24" s="1351"/>
      <c r="M24" s="1351"/>
      <c r="N24" s="1351"/>
      <c r="O24" s="1351"/>
      <c r="P24" s="1351"/>
      <c r="Q24" s="1351"/>
      <c r="R24" s="1351"/>
      <c r="S24" s="1351"/>
      <c r="T24" s="1351"/>
      <c r="U24" s="1351"/>
      <c r="V24" s="1351"/>
      <c r="W24" s="1351"/>
      <c r="X24" s="1351"/>
      <c r="Y24" s="1351"/>
      <c r="Z24" s="1351"/>
      <c r="AA24" s="1351"/>
      <c r="AB24" s="1351"/>
      <c r="AC24" s="1351"/>
      <c r="AD24" s="1351"/>
      <c r="AE24" s="1351"/>
      <c r="AF24" s="1351"/>
      <c r="AG24" s="1351"/>
      <c r="AH24" s="1351"/>
      <c r="AI24" s="1351"/>
      <c r="AJ24" s="1351"/>
    </row>
    <row r="25" spans="1:36" ht="20.25" customHeight="1" x14ac:dyDescent="0.2">
      <c r="A25" s="794"/>
      <c r="B25" s="1352"/>
      <c r="C25" s="1352"/>
      <c r="D25" s="1352"/>
      <c r="E25" s="1352"/>
      <c r="F25" s="1352"/>
      <c r="G25" s="1352"/>
      <c r="H25" s="1352"/>
      <c r="I25" s="1352"/>
      <c r="J25" s="1352"/>
      <c r="K25" s="1352"/>
      <c r="L25" s="1352"/>
      <c r="M25" s="1352"/>
      <c r="N25" s="1352"/>
      <c r="O25" s="1352"/>
      <c r="P25" s="1352"/>
      <c r="Q25" s="1352"/>
      <c r="R25" s="1352"/>
      <c r="S25" s="1352"/>
      <c r="T25" s="1352"/>
      <c r="U25" s="1352"/>
      <c r="V25" s="1352"/>
      <c r="W25" s="1352"/>
      <c r="X25" s="1352"/>
      <c r="Y25" s="1352"/>
      <c r="Z25" s="1352"/>
      <c r="AA25" s="1352"/>
      <c r="AB25" s="1352"/>
      <c r="AC25" s="1352"/>
      <c r="AD25" s="1352"/>
      <c r="AE25" s="1352"/>
      <c r="AF25" s="1352"/>
      <c r="AG25" s="1352"/>
      <c r="AH25" s="1352"/>
      <c r="AI25" s="1352"/>
      <c r="AJ25" s="1352"/>
    </row>
    <row r="26" spans="1:36" ht="39" customHeight="1" x14ac:dyDescent="0.2">
      <c r="A26" s="794"/>
      <c r="B26" s="1352"/>
      <c r="C26" s="1352"/>
      <c r="D26" s="1352"/>
      <c r="E26" s="1352"/>
      <c r="F26" s="1352"/>
      <c r="G26" s="1352"/>
      <c r="H26" s="1352"/>
      <c r="I26" s="1352"/>
      <c r="J26" s="1352"/>
      <c r="K26" s="1352"/>
      <c r="L26" s="1352"/>
      <c r="M26" s="1352"/>
      <c r="N26" s="1352"/>
      <c r="O26" s="1352"/>
      <c r="P26" s="1352"/>
      <c r="Q26" s="1352"/>
      <c r="R26" s="1352"/>
      <c r="S26" s="1352"/>
      <c r="T26" s="1352"/>
      <c r="U26" s="1352"/>
      <c r="V26" s="1352"/>
      <c r="W26" s="1352"/>
      <c r="X26" s="1352"/>
      <c r="Y26" s="1352"/>
      <c r="Z26" s="1352"/>
      <c r="AA26" s="1352"/>
      <c r="AB26" s="1352"/>
      <c r="AC26" s="1352"/>
      <c r="AD26" s="1352"/>
      <c r="AE26" s="1352"/>
      <c r="AF26" s="1352"/>
      <c r="AG26" s="1352"/>
      <c r="AH26" s="1352"/>
      <c r="AI26" s="1352"/>
      <c r="AJ26" s="1352"/>
    </row>
    <row r="27" spans="1:36" ht="48.75" customHeight="1" x14ac:dyDescent="0.2">
      <c r="A27" s="794"/>
      <c r="B27" s="1352"/>
      <c r="C27" s="1352"/>
      <c r="D27" s="1352"/>
      <c r="E27" s="1352"/>
      <c r="F27" s="1352"/>
      <c r="G27" s="1352"/>
      <c r="H27" s="1352"/>
      <c r="I27" s="1352"/>
      <c r="J27" s="1352"/>
      <c r="K27" s="1352"/>
      <c r="L27" s="1352"/>
      <c r="M27" s="1352"/>
      <c r="N27" s="1352"/>
      <c r="O27" s="1352"/>
      <c r="P27" s="1352"/>
      <c r="Q27" s="1352"/>
      <c r="R27" s="1352"/>
      <c r="S27" s="1352"/>
      <c r="T27" s="1352"/>
      <c r="U27" s="1352"/>
      <c r="V27" s="1352"/>
      <c r="W27" s="1352"/>
      <c r="X27" s="1352"/>
      <c r="Y27" s="1352"/>
      <c r="Z27" s="1352"/>
      <c r="AA27" s="1352"/>
      <c r="AB27" s="1352"/>
      <c r="AC27" s="1352"/>
      <c r="AD27" s="1352"/>
      <c r="AE27" s="1352"/>
      <c r="AF27" s="1352"/>
      <c r="AG27" s="1352"/>
      <c r="AH27" s="1352"/>
      <c r="AI27" s="1352"/>
      <c r="AJ27" s="1352"/>
    </row>
    <row r="28" spans="1:36" x14ac:dyDescent="0.2">
      <c r="A28" s="794"/>
      <c r="B28" s="794"/>
      <c r="C28" s="794"/>
      <c r="D28" s="794"/>
      <c r="E28" s="794"/>
      <c r="F28" s="794"/>
      <c r="G28" s="794"/>
      <c r="H28" s="794"/>
      <c r="I28" s="794"/>
      <c r="J28" s="794"/>
      <c r="K28" s="794"/>
      <c r="L28" s="794"/>
      <c r="M28" s="794"/>
      <c r="N28" s="794"/>
      <c r="O28" s="794"/>
      <c r="P28" s="794"/>
      <c r="Q28" s="794"/>
      <c r="R28" s="794"/>
      <c r="S28" s="794"/>
      <c r="T28" s="794"/>
      <c r="U28" s="794"/>
      <c r="V28" s="794"/>
      <c r="W28" s="794"/>
      <c r="X28" s="794"/>
      <c r="Y28" s="794"/>
      <c r="Z28" s="794"/>
      <c r="AA28" s="794"/>
      <c r="AB28" s="794"/>
      <c r="AC28" s="794"/>
      <c r="AD28" s="794"/>
      <c r="AE28" s="794"/>
      <c r="AF28" s="794"/>
      <c r="AG28" s="794"/>
      <c r="AH28" s="794"/>
      <c r="AI28" s="794"/>
      <c r="AJ28" s="794"/>
    </row>
    <row r="29" spans="1:36" x14ac:dyDescent="0.2">
      <c r="A29" s="794"/>
      <c r="B29" s="794"/>
      <c r="C29" s="794"/>
      <c r="D29" s="794"/>
      <c r="E29" s="794"/>
      <c r="F29" s="794"/>
      <c r="G29" s="794"/>
      <c r="H29" s="794"/>
      <c r="I29" s="794"/>
      <c r="J29" s="794"/>
      <c r="K29" s="794"/>
      <c r="L29" s="794"/>
      <c r="M29" s="794"/>
      <c r="N29" s="794"/>
      <c r="O29" s="794"/>
      <c r="P29" s="794"/>
      <c r="Q29" s="794"/>
      <c r="R29" s="794"/>
      <c r="S29" s="794"/>
      <c r="T29" s="794"/>
      <c r="U29" s="794"/>
      <c r="V29" s="794"/>
      <c r="W29" s="794"/>
      <c r="X29" s="794"/>
      <c r="Y29" s="794"/>
      <c r="Z29" s="794"/>
      <c r="AA29" s="794"/>
      <c r="AB29" s="794"/>
      <c r="AC29" s="794"/>
      <c r="AD29" s="794"/>
      <c r="AE29" s="794"/>
      <c r="AF29" s="794"/>
      <c r="AG29" s="794"/>
      <c r="AH29" s="794"/>
      <c r="AI29" s="794"/>
      <c r="AJ29" s="794"/>
    </row>
  </sheetData>
  <mergeCells count="31">
    <mergeCell ref="B24:AJ27"/>
    <mergeCell ref="AF9:AH9"/>
    <mergeCell ref="AI9:AJ9"/>
    <mergeCell ref="M10:P10"/>
    <mergeCell ref="W10:X10"/>
    <mergeCell ref="Y10:AA10"/>
    <mergeCell ref="AC10:AE10"/>
    <mergeCell ref="AF10:AH10"/>
    <mergeCell ref="AI10:AJ10"/>
    <mergeCell ref="B9:C23"/>
    <mergeCell ref="D9:K10"/>
    <mergeCell ref="M9:P9"/>
    <mergeCell ref="W9:X9"/>
    <mergeCell ref="Y9:AA9"/>
    <mergeCell ref="AC9:AE9"/>
    <mergeCell ref="D11:K11"/>
    <mergeCell ref="M11:P11"/>
    <mergeCell ref="D12:E23"/>
    <mergeCell ref="F12:K13"/>
    <mergeCell ref="B4:AJ4"/>
    <mergeCell ref="B6:K6"/>
    <mergeCell ref="L6:AJ6"/>
    <mergeCell ref="B7:K7"/>
    <mergeCell ref="L7:AJ7"/>
    <mergeCell ref="B8:K8"/>
    <mergeCell ref="L8:AJ8"/>
    <mergeCell ref="L12:AJ13"/>
    <mergeCell ref="F14:K17"/>
    <mergeCell ref="L14:AJ17"/>
    <mergeCell ref="F18:K23"/>
    <mergeCell ref="L18:AJ23"/>
  </mergeCells>
  <phoneticPr fontId="6"/>
  <dataValidations count="1">
    <dataValidation type="list" errorStyle="warning" allowBlank="1" showInputMessage="1" showErrorMessage="1" sqref="Y9:AA10 AF9:AH10">
      <formula1>"　,１,２,３,４,５"</formula1>
    </dataValidation>
  </dataValidations>
  <pageMargins left="0.7" right="0.7" top="0.75" bottom="0.75" header="0.3" footer="0.3"/>
  <pageSetup paperSize="9" scale="96" orientation="portrait" r:id="rId1"/>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B1:S46"/>
  <sheetViews>
    <sheetView topLeftCell="A13" workbookViewId="0">
      <selection activeCell="I2" sqref="I2"/>
    </sheetView>
  </sheetViews>
  <sheetFormatPr defaultColWidth="10" defaultRowHeight="26.4" x14ac:dyDescent="0.2"/>
  <cols>
    <col min="1" max="1" width="4.44140625" style="1009" customWidth="1"/>
    <col min="2" max="19" width="9.109375" style="1009" customWidth="1"/>
    <col min="20" max="16384" width="10" style="1009"/>
  </cols>
  <sheetData>
    <row r="1" spans="2:19" x14ac:dyDescent="0.2">
      <c r="B1" s="398" t="s">
        <v>697</v>
      </c>
      <c r="C1" s="399"/>
    </row>
    <row r="2" spans="2:19" x14ac:dyDescent="0.2">
      <c r="M2" s="1010"/>
      <c r="N2" s="1010"/>
      <c r="O2" s="1010" t="s">
        <v>1040</v>
      </c>
      <c r="P2" s="1010"/>
      <c r="Q2" s="1010" t="s">
        <v>1024</v>
      </c>
      <c r="R2" s="1010"/>
      <c r="S2" s="1010" t="s">
        <v>1025</v>
      </c>
    </row>
    <row r="3" spans="2:19" ht="15" customHeight="1" x14ac:dyDescent="0.2"/>
    <row r="4" spans="2:19" ht="33" customHeight="1" x14ac:dyDescent="0.2">
      <c r="B4" s="2772" t="s">
        <v>1723</v>
      </c>
      <c r="C4" s="2772"/>
      <c r="D4" s="2772"/>
      <c r="E4" s="2772"/>
      <c r="F4" s="2772"/>
      <c r="G4" s="2772"/>
      <c r="H4" s="2772"/>
      <c r="I4" s="2772"/>
      <c r="J4" s="2772"/>
      <c r="K4" s="2772"/>
      <c r="L4" s="2772"/>
      <c r="M4" s="2772"/>
      <c r="N4" s="2772"/>
      <c r="O4" s="2772"/>
      <c r="P4" s="2772"/>
      <c r="Q4" s="2772"/>
      <c r="R4" s="2772"/>
      <c r="S4" s="2772"/>
    </row>
    <row r="5" spans="2:19" ht="15" customHeight="1" x14ac:dyDescent="0.2"/>
    <row r="6" spans="2:19" ht="33" customHeight="1" x14ac:dyDescent="0.2">
      <c r="B6" s="2770" t="s">
        <v>1568</v>
      </c>
      <c r="C6" s="2770"/>
      <c r="D6" s="2771"/>
      <c r="E6" s="2771"/>
      <c r="F6" s="2771"/>
      <c r="G6" s="2771"/>
      <c r="H6" s="2771"/>
      <c r="I6" s="2771"/>
      <c r="J6" s="1011"/>
      <c r="K6" s="2770" t="s">
        <v>1569</v>
      </c>
      <c r="L6" s="2770"/>
      <c r="M6" s="2771"/>
      <c r="N6" s="2771"/>
      <c r="O6" s="2771"/>
      <c r="P6" s="2771"/>
      <c r="Q6" s="2771"/>
      <c r="R6" s="2771"/>
      <c r="S6" s="2771"/>
    </row>
    <row r="7" spans="2:19" ht="33" customHeight="1" x14ac:dyDescent="0.2">
      <c r="B7" s="2770" t="s">
        <v>1570</v>
      </c>
      <c r="C7" s="2770"/>
      <c r="D7" s="2771"/>
      <c r="E7" s="2771"/>
      <c r="F7" s="2771"/>
      <c r="G7" s="2771"/>
      <c r="H7" s="2771"/>
      <c r="I7" s="2771"/>
      <c r="J7" s="1011"/>
      <c r="K7" s="2770" t="s">
        <v>1571</v>
      </c>
      <c r="L7" s="2770"/>
      <c r="M7" s="2771"/>
      <c r="N7" s="2771"/>
      <c r="O7" s="2771"/>
      <c r="P7" s="2771"/>
      <c r="Q7" s="2771"/>
      <c r="R7" s="2771"/>
      <c r="S7" s="2771"/>
    </row>
    <row r="8" spans="2:19" ht="33" customHeight="1" x14ac:dyDescent="0.2">
      <c r="B8" s="2770" t="s">
        <v>1572</v>
      </c>
      <c r="C8" s="2770"/>
      <c r="D8" s="2771"/>
      <c r="E8" s="2771"/>
      <c r="F8" s="2771"/>
      <c r="G8" s="2771"/>
      <c r="H8" s="2771"/>
      <c r="I8" s="2771"/>
      <c r="J8" s="1011"/>
      <c r="K8" s="2770" t="s">
        <v>1573</v>
      </c>
      <c r="L8" s="2770"/>
      <c r="M8" s="2771"/>
      <c r="N8" s="2771"/>
      <c r="O8" s="2771"/>
      <c r="P8" s="2771"/>
      <c r="Q8" s="2771"/>
      <c r="R8" s="2771"/>
      <c r="S8" s="2771"/>
    </row>
    <row r="9" spans="2:19" ht="16.5" customHeight="1" x14ac:dyDescent="0.2"/>
    <row r="10" spans="2:19" ht="30" customHeight="1" x14ac:dyDescent="0.2">
      <c r="B10" s="2777" t="s">
        <v>1724</v>
      </c>
      <c r="C10" s="2778"/>
      <c r="D10" s="2778"/>
      <c r="E10" s="2778"/>
      <c r="F10" s="2778"/>
      <c r="G10" s="2778"/>
      <c r="H10" s="2778"/>
      <c r="I10" s="2778"/>
      <c r="J10" s="2778"/>
      <c r="K10" s="2778"/>
      <c r="L10" s="2778"/>
      <c r="M10" s="2778"/>
      <c r="N10" s="2778"/>
      <c r="O10" s="2778"/>
      <c r="P10" s="2778"/>
      <c r="Q10" s="2778"/>
      <c r="R10" s="2778"/>
      <c r="S10" s="2779"/>
    </row>
    <row r="11" spans="2:19" ht="30" customHeight="1" x14ac:dyDescent="0.2">
      <c r="B11" s="1012" t="s">
        <v>1701</v>
      </c>
      <c r="C11" s="1013"/>
      <c r="D11" s="1013"/>
      <c r="E11" s="1013"/>
      <c r="F11" s="1013"/>
      <c r="G11" s="1013"/>
      <c r="H11" s="1013"/>
      <c r="I11" s="1013"/>
      <c r="J11" s="1013"/>
      <c r="K11" s="1012" t="s">
        <v>1702</v>
      </c>
      <c r="L11" s="1014"/>
      <c r="M11" s="1014"/>
      <c r="N11" s="1014"/>
      <c r="O11" s="1014"/>
      <c r="P11" s="1014"/>
      <c r="Q11" s="1014"/>
      <c r="R11" s="1014"/>
      <c r="S11" s="1015"/>
    </row>
    <row r="12" spans="2:19" ht="30" customHeight="1" x14ac:dyDescent="0.2">
      <c r="B12" s="1016"/>
      <c r="C12" s="1013"/>
      <c r="D12" s="1013"/>
      <c r="E12" s="1013"/>
      <c r="F12" s="1013"/>
      <c r="G12" s="1013"/>
      <c r="H12" s="1013"/>
      <c r="I12" s="1013"/>
      <c r="J12" s="1013"/>
      <c r="K12" s="1016"/>
      <c r="L12" s="1013"/>
      <c r="M12" s="1013"/>
      <c r="N12" s="1013"/>
      <c r="O12" s="1013"/>
      <c r="P12" s="1013"/>
      <c r="Q12" s="1013"/>
      <c r="R12" s="1013"/>
      <c r="S12" s="1017"/>
    </row>
    <row r="13" spans="2:19" ht="30" customHeight="1" x14ac:dyDescent="0.2">
      <c r="B13" s="1016"/>
      <c r="C13" s="1018" t="s">
        <v>1703</v>
      </c>
      <c r="D13" s="1013"/>
      <c r="E13" s="1013"/>
      <c r="F13" s="1013"/>
      <c r="G13" s="1013"/>
      <c r="H13" s="1013"/>
      <c r="I13" s="1013"/>
      <c r="J13" s="1013"/>
      <c r="K13" s="1016"/>
      <c r="L13" s="1018" t="s">
        <v>1704</v>
      </c>
      <c r="M13" s="1013"/>
      <c r="N13" s="1013"/>
      <c r="O13" s="1013"/>
      <c r="P13" s="1013"/>
      <c r="Q13" s="1013"/>
      <c r="R13" s="1013"/>
      <c r="S13" s="1017"/>
    </row>
    <row r="14" spans="2:19" ht="30" customHeight="1" x14ac:dyDescent="0.2">
      <c r="B14" s="1016"/>
      <c r="C14" s="1019" t="s">
        <v>1705</v>
      </c>
      <c r="D14" s="1013"/>
      <c r="E14" s="1013"/>
      <c r="F14" s="1013"/>
      <c r="G14" s="1013"/>
      <c r="H14" s="1013"/>
      <c r="I14" s="1013"/>
      <c r="J14" s="1013"/>
      <c r="K14" s="1016"/>
      <c r="L14" s="1018" t="s">
        <v>1706</v>
      </c>
      <c r="M14" s="1013"/>
      <c r="N14" s="1013"/>
      <c r="O14" s="1013"/>
      <c r="P14" s="1013"/>
      <c r="Q14" s="1013"/>
      <c r="R14" s="1013"/>
      <c r="S14" s="1017"/>
    </row>
    <row r="15" spans="2:19" ht="30" customHeight="1" x14ac:dyDescent="0.2">
      <c r="B15" s="1020"/>
      <c r="C15" s="1019" t="s">
        <v>1725</v>
      </c>
      <c r="D15" s="1021"/>
      <c r="E15" s="1021"/>
      <c r="F15" s="1021"/>
      <c r="G15" s="1021"/>
      <c r="H15" s="1021"/>
      <c r="I15" s="1021"/>
      <c r="J15" s="1021"/>
      <c r="K15" s="1020"/>
      <c r="L15" s="1022" t="s">
        <v>1708</v>
      </c>
      <c r="M15" s="1021"/>
      <c r="N15" s="1021"/>
      <c r="O15" s="1021"/>
      <c r="P15" s="1021"/>
      <c r="Q15" s="1021"/>
      <c r="R15" s="1021"/>
      <c r="S15" s="1023"/>
    </row>
    <row r="16" spans="2:19" ht="30" customHeight="1" x14ac:dyDescent="0.2">
      <c r="B16" s="1020"/>
      <c r="C16" s="1018" t="s">
        <v>1709</v>
      </c>
      <c r="D16" s="1021"/>
      <c r="E16" s="1021"/>
      <c r="F16" s="1021"/>
      <c r="G16" s="1021"/>
      <c r="H16" s="1021"/>
      <c r="I16" s="1021"/>
      <c r="J16" s="1021"/>
      <c r="K16" s="1020"/>
      <c r="L16" s="1021"/>
      <c r="M16" s="1021"/>
      <c r="N16" s="1021"/>
      <c r="O16" s="1021"/>
      <c r="P16" s="1021"/>
      <c r="Q16" s="1021"/>
      <c r="R16" s="1021"/>
      <c r="S16" s="1023"/>
    </row>
    <row r="17" spans="2:19" ht="30" customHeight="1" x14ac:dyDescent="0.2">
      <c r="B17" s="1020"/>
      <c r="C17" s="1021"/>
      <c r="D17" s="1021"/>
      <c r="E17" s="1021"/>
      <c r="F17" s="1021"/>
      <c r="G17" s="1021"/>
      <c r="H17" s="1021"/>
      <c r="I17" s="1021"/>
      <c r="J17" s="1021"/>
      <c r="K17" s="1020"/>
      <c r="L17" s="1021"/>
      <c r="M17" s="1021"/>
      <c r="N17" s="1021"/>
      <c r="O17" s="1021"/>
      <c r="P17" s="1021"/>
      <c r="Q17" s="1021"/>
      <c r="R17" s="1021"/>
      <c r="S17" s="1023"/>
    </row>
    <row r="18" spans="2:19" ht="30" customHeight="1" x14ac:dyDescent="0.2">
      <c r="B18" s="1024" t="s">
        <v>1710</v>
      </c>
      <c r="C18" s="1025"/>
      <c r="D18" s="1025"/>
      <c r="E18" s="1025"/>
      <c r="F18" s="1025"/>
      <c r="G18" s="1025"/>
      <c r="H18" s="1025"/>
      <c r="I18" s="1025"/>
      <c r="J18" s="1026"/>
      <c r="K18" s="1020"/>
      <c r="L18" s="1021"/>
      <c r="M18" s="1021"/>
      <c r="N18" s="1021"/>
      <c r="O18" s="1021"/>
      <c r="P18" s="1021"/>
      <c r="Q18" s="1021"/>
      <c r="R18" s="1021"/>
      <c r="S18" s="1023"/>
    </row>
    <row r="19" spans="2:19" ht="30" customHeight="1" x14ac:dyDescent="0.2">
      <c r="B19" s="1020"/>
      <c r="C19" s="1021"/>
      <c r="D19" s="1021"/>
      <c r="E19" s="1021"/>
      <c r="F19" s="1021"/>
      <c r="G19" s="1021"/>
      <c r="H19" s="1021"/>
      <c r="I19" s="1021"/>
      <c r="J19" s="1023"/>
      <c r="K19" s="1020"/>
      <c r="L19" s="1021"/>
      <c r="M19" s="1021"/>
      <c r="N19" s="1021"/>
      <c r="O19" s="1021"/>
      <c r="P19" s="1021"/>
      <c r="Q19" s="1021"/>
      <c r="R19" s="1021"/>
      <c r="S19" s="1023"/>
    </row>
    <row r="20" spans="2:19" ht="30" customHeight="1" x14ac:dyDescent="0.2">
      <c r="B20" s="1020"/>
      <c r="C20" s="1022" t="s">
        <v>1726</v>
      </c>
      <c r="D20" s="1021"/>
      <c r="E20" s="1021"/>
      <c r="F20" s="1021"/>
      <c r="G20" s="1021"/>
      <c r="H20" s="1021"/>
      <c r="I20" s="1021"/>
      <c r="J20" s="1023"/>
      <c r="K20" s="1020"/>
      <c r="L20" s="1021"/>
      <c r="M20" s="1021"/>
      <c r="N20" s="1021"/>
      <c r="O20" s="1021"/>
      <c r="P20" s="1021"/>
      <c r="Q20" s="1021"/>
      <c r="R20" s="1021"/>
      <c r="S20" s="1023"/>
    </row>
    <row r="21" spans="2:19" ht="30" customHeight="1" x14ac:dyDescent="0.2">
      <c r="B21" s="1020"/>
      <c r="C21" s="1022" t="s">
        <v>1727</v>
      </c>
      <c r="D21" s="1021"/>
      <c r="E21" s="1021"/>
      <c r="F21" s="1021"/>
      <c r="G21" s="1021"/>
      <c r="H21" s="1021"/>
      <c r="I21" s="1021"/>
      <c r="J21" s="1023"/>
      <c r="K21" s="1020"/>
      <c r="L21" s="1021"/>
      <c r="M21" s="1021"/>
      <c r="N21" s="1021"/>
      <c r="O21" s="1021"/>
      <c r="P21" s="1021"/>
      <c r="Q21" s="1021"/>
      <c r="R21" s="1021"/>
      <c r="S21" s="1023"/>
    </row>
    <row r="22" spans="2:19" ht="30" customHeight="1" x14ac:dyDescent="0.2">
      <c r="B22" s="1027"/>
      <c r="C22" s="1028"/>
      <c r="D22" s="1028"/>
      <c r="E22" s="1028"/>
      <c r="F22" s="1028"/>
      <c r="G22" s="1028"/>
      <c r="H22" s="1028"/>
      <c r="I22" s="1028"/>
      <c r="J22" s="1029"/>
      <c r="K22" s="1020"/>
      <c r="L22" s="1021"/>
      <c r="M22" s="1021"/>
      <c r="N22" s="1021"/>
      <c r="O22" s="1021"/>
      <c r="P22" s="1021"/>
      <c r="Q22" s="1021"/>
      <c r="R22" s="1021"/>
      <c r="S22" s="1023"/>
    </row>
    <row r="23" spans="2:19" ht="30" customHeight="1" x14ac:dyDescent="0.2">
      <c r="B23" s="1030" t="s">
        <v>1714</v>
      </c>
      <c r="C23" s="1021"/>
      <c r="D23" s="1021"/>
      <c r="E23" s="1021"/>
      <c r="F23" s="1021"/>
      <c r="G23" s="1021"/>
      <c r="H23" s="1021"/>
      <c r="I23" s="1021"/>
      <c r="J23" s="1021"/>
      <c r="K23" s="1020"/>
      <c r="L23" s="1021"/>
      <c r="M23" s="1021"/>
      <c r="N23" s="1021"/>
      <c r="O23" s="1021"/>
      <c r="P23" s="1021"/>
      <c r="Q23" s="1021"/>
      <c r="R23" s="1021"/>
      <c r="S23" s="1023"/>
    </row>
    <row r="24" spans="2:19" ht="30" customHeight="1" x14ac:dyDescent="0.2">
      <c r="B24" s="1020"/>
      <c r="C24" s="1021"/>
      <c r="D24" s="1021"/>
      <c r="E24" s="1021"/>
      <c r="F24" s="1021"/>
      <c r="G24" s="1021"/>
      <c r="H24" s="1021"/>
      <c r="I24" s="1021"/>
      <c r="J24" s="1021"/>
      <c r="K24" s="1020"/>
      <c r="L24" s="1021"/>
      <c r="M24" s="1021"/>
      <c r="N24" s="1021"/>
      <c r="O24" s="1021"/>
      <c r="P24" s="1021"/>
      <c r="Q24" s="1021"/>
      <c r="R24" s="1021"/>
      <c r="S24" s="1023"/>
    </row>
    <row r="25" spans="2:19" ht="30" customHeight="1" x14ac:dyDescent="0.2">
      <c r="B25" s="1020"/>
      <c r="C25" s="1022" t="s">
        <v>1715</v>
      </c>
      <c r="D25" s="1021"/>
      <c r="E25" s="1021"/>
      <c r="F25" s="1021"/>
      <c r="G25" s="1021"/>
      <c r="H25" s="1021"/>
      <c r="I25" s="1021"/>
      <c r="J25" s="1021"/>
      <c r="K25" s="1020"/>
      <c r="L25" s="1021"/>
      <c r="M25" s="1021"/>
      <c r="N25" s="1021"/>
      <c r="O25" s="1021"/>
      <c r="P25" s="1021"/>
      <c r="Q25" s="1021"/>
      <c r="R25" s="1021"/>
      <c r="S25" s="1023"/>
    </row>
    <row r="26" spans="2:19" ht="30" customHeight="1" x14ac:dyDescent="0.2">
      <c r="B26" s="1020"/>
      <c r="C26" s="1022" t="s">
        <v>1716</v>
      </c>
      <c r="D26" s="1021"/>
      <c r="E26" s="1021"/>
      <c r="F26" s="1021"/>
      <c r="G26" s="1021"/>
      <c r="H26" s="1021"/>
      <c r="I26" s="1021"/>
      <c r="J26" s="1021"/>
      <c r="K26" s="1020"/>
      <c r="L26" s="1021"/>
      <c r="M26" s="1021"/>
      <c r="N26" s="1021"/>
      <c r="O26" s="1021"/>
      <c r="P26" s="1021"/>
      <c r="Q26" s="1021"/>
      <c r="R26" s="1021"/>
      <c r="S26" s="1023"/>
    </row>
    <row r="27" spans="2:19" ht="30" customHeight="1" x14ac:dyDescent="0.2">
      <c r="B27" s="1020"/>
      <c r="C27" s="1022" t="s">
        <v>1717</v>
      </c>
      <c r="D27" s="1021"/>
      <c r="E27" s="1021"/>
      <c r="F27" s="1021"/>
      <c r="G27" s="1021"/>
      <c r="H27" s="1021"/>
      <c r="I27" s="1021"/>
      <c r="J27" s="1021"/>
      <c r="K27" s="1020"/>
      <c r="L27" s="1021"/>
      <c r="M27" s="1021"/>
      <c r="N27" s="1021"/>
      <c r="O27" s="1021"/>
      <c r="P27" s="1021"/>
      <c r="Q27" s="1021"/>
      <c r="R27" s="1021"/>
      <c r="S27" s="1023"/>
    </row>
    <row r="28" spans="2:19" ht="30" customHeight="1" x14ac:dyDescent="0.2">
      <c r="B28" s="1027"/>
      <c r="C28" s="1028"/>
      <c r="D28" s="1028"/>
      <c r="E28" s="1028"/>
      <c r="F28" s="1028"/>
      <c r="G28" s="1028"/>
      <c r="H28" s="1028"/>
      <c r="I28" s="1028"/>
      <c r="J28" s="1028"/>
      <c r="K28" s="1027"/>
      <c r="L28" s="1028"/>
      <c r="M28" s="1028"/>
      <c r="N28" s="1028"/>
      <c r="O28" s="1028"/>
      <c r="P28" s="1028"/>
      <c r="Q28" s="1028"/>
      <c r="R28" s="1028"/>
      <c r="S28" s="1029"/>
    </row>
    <row r="29" spans="2:19" ht="15" customHeight="1" x14ac:dyDescent="0.2"/>
    <row r="30" spans="2:19" ht="30" customHeight="1" x14ac:dyDescent="0.2">
      <c r="B30" s="2777" t="s">
        <v>1728</v>
      </c>
      <c r="C30" s="2780"/>
      <c r="D30" s="2780"/>
      <c r="E30" s="2780"/>
      <c r="F30" s="2780"/>
      <c r="G30" s="2780"/>
      <c r="H30" s="2780"/>
      <c r="I30" s="2780"/>
      <c r="J30" s="2780"/>
      <c r="K30" s="2780"/>
      <c r="L30" s="2780"/>
      <c r="M30" s="2780"/>
      <c r="N30" s="2780"/>
      <c r="O30" s="2780"/>
      <c r="P30" s="2780"/>
      <c r="Q30" s="2780"/>
      <c r="R30" s="2780"/>
      <c r="S30" s="2781"/>
    </row>
    <row r="31" spans="2:19" ht="30.75" customHeight="1" x14ac:dyDescent="0.2">
      <c r="B31" s="1020"/>
      <c r="C31" s="1021"/>
      <c r="D31" s="1021"/>
      <c r="E31" s="1021"/>
      <c r="F31" s="1021"/>
      <c r="G31" s="1021"/>
      <c r="H31" s="1021"/>
      <c r="I31" s="1021"/>
      <c r="J31" s="1021"/>
      <c r="K31" s="1021"/>
      <c r="L31" s="1021"/>
      <c r="M31" s="1021"/>
      <c r="N31" s="1021"/>
      <c r="O31" s="1021"/>
      <c r="P31" s="1021"/>
      <c r="Q31" s="1021"/>
      <c r="R31" s="1021"/>
      <c r="S31" s="1023"/>
    </row>
    <row r="32" spans="2:19" ht="30.75" customHeight="1" x14ac:dyDescent="0.2">
      <c r="B32" s="1020"/>
      <c r="C32" s="1022" t="s">
        <v>1719</v>
      </c>
      <c r="D32" s="1021"/>
      <c r="E32" s="1021"/>
      <c r="F32" s="1021"/>
      <c r="G32" s="1021"/>
      <c r="H32" s="1021"/>
      <c r="I32" s="1021"/>
      <c r="J32" s="1021"/>
      <c r="K32" s="1021"/>
      <c r="L32" s="1021"/>
      <c r="M32" s="1021"/>
      <c r="N32" s="1021"/>
      <c r="O32" s="1021"/>
      <c r="P32" s="1021"/>
      <c r="Q32" s="1021"/>
      <c r="R32" s="1021"/>
      <c r="S32" s="1023"/>
    </row>
    <row r="33" spans="2:19" ht="30.75" customHeight="1" x14ac:dyDescent="0.2">
      <c r="B33" s="1020"/>
      <c r="C33" s="1022" t="s">
        <v>1720</v>
      </c>
      <c r="D33" s="1021"/>
      <c r="E33" s="1021"/>
      <c r="F33" s="1021"/>
      <c r="G33" s="1021"/>
      <c r="H33" s="1021"/>
      <c r="I33" s="1021"/>
      <c r="J33" s="1021"/>
      <c r="K33" s="1021"/>
      <c r="L33" s="1021"/>
      <c r="M33" s="1021"/>
      <c r="N33" s="1021"/>
      <c r="O33" s="1021"/>
      <c r="P33" s="1021"/>
      <c r="Q33" s="1021"/>
      <c r="R33" s="1021"/>
      <c r="S33" s="1023"/>
    </row>
    <row r="34" spans="2:19" ht="30.75" customHeight="1" x14ac:dyDescent="0.2">
      <c r="B34" s="1020"/>
      <c r="C34" s="1021"/>
      <c r="D34" s="1021"/>
      <c r="E34" s="1021"/>
      <c r="F34" s="1021"/>
      <c r="G34" s="1021"/>
      <c r="H34" s="1021"/>
      <c r="I34" s="1021"/>
      <c r="J34" s="1021"/>
      <c r="K34" s="1021"/>
      <c r="L34" s="1021"/>
      <c r="M34" s="1021"/>
      <c r="N34" s="1021"/>
      <c r="O34" s="1021"/>
      <c r="P34" s="1021"/>
      <c r="Q34" s="1021"/>
      <c r="R34" s="1021"/>
      <c r="S34" s="1023"/>
    </row>
    <row r="35" spans="2:19" ht="30.75" customHeight="1" x14ac:dyDescent="0.2">
      <c r="B35" s="1027"/>
      <c r="C35" s="1028"/>
      <c r="D35" s="1028"/>
      <c r="E35" s="1028"/>
      <c r="F35" s="1028"/>
      <c r="G35" s="1028"/>
      <c r="H35" s="1028"/>
      <c r="I35" s="1028"/>
      <c r="J35" s="1028"/>
      <c r="K35" s="1028"/>
      <c r="L35" s="1028"/>
      <c r="M35" s="1028"/>
      <c r="N35" s="1031"/>
      <c r="O35" s="1031"/>
      <c r="P35" s="1031"/>
      <c r="Q35" s="1031"/>
      <c r="R35" s="1031"/>
      <c r="S35" s="1032"/>
    </row>
    <row r="36" spans="2:19" ht="20.25" customHeight="1" x14ac:dyDescent="0.2">
      <c r="B36" s="2782" t="s">
        <v>1729</v>
      </c>
      <c r="C36" s="2783"/>
      <c r="D36" s="2783"/>
      <c r="E36" s="2784"/>
      <c r="F36" s="2788"/>
      <c r="G36" s="2789"/>
      <c r="H36" s="2789"/>
      <c r="I36" s="2789"/>
      <c r="J36" s="2789"/>
      <c r="K36" s="2789"/>
      <c r="L36" s="2789"/>
      <c r="M36" s="2789"/>
      <c r="N36" s="2789"/>
      <c r="O36" s="2789"/>
      <c r="P36" s="2789"/>
      <c r="Q36" s="2789"/>
      <c r="R36" s="2789"/>
      <c r="S36" s="2790"/>
    </row>
    <row r="37" spans="2:19" ht="20.25" customHeight="1" x14ac:dyDescent="0.2">
      <c r="B37" s="2785"/>
      <c r="C37" s="2786"/>
      <c r="D37" s="2786"/>
      <c r="E37" s="2787"/>
      <c r="F37" s="2791"/>
      <c r="G37" s="2792"/>
      <c r="H37" s="2792"/>
      <c r="I37" s="2792"/>
      <c r="J37" s="2792"/>
      <c r="K37" s="2792"/>
      <c r="L37" s="2792"/>
      <c r="M37" s="2792"/>
      <c r="N37" s="2792"/>
      <c r="O37" s="2792"/>
      <c r="P37" s="2792"/>
      <c r="Q37" s="2792"/>
      <c r="R37" s="2792"/>
      <c r="S37" s="2793"/>
    </row>
    <row r="38" spans="2:19" ht="15.75" customHeight="1" x14ac:dyDescent="0.2"/>
    <row r="39" spans="2:19" ht="31.8" x14ac:dyDescent="0.2">
      <c r="B39" s="2777" t="s">
        <v>1730</v>
      </c>
      <c r="C39" s="2780"/>
      <c r="D39" s="2780"/>
      <c r="E39" s="2780"/>
      <c r="F39" s="2780"/>
      <c r="G39" s="2780"/>
      <c r="H39" s="2780"/>
      <c r="I39" s="2780"/>
      <c r="J39" s="2780"/>
      <c r="K39" s="2780"/>
      <c r="L39" s="2780"/>
      <c r="M39" s="2780"/>
      <c r="N39" s="2780"/>
      <c r="O39" s="2780"/>
      <c r="P39" s="2780"/>
      <c r="Q39" s="2780"/>
      <c r="R39" s="2780"/>
      <c r="S39" s="2781"/>
    </row>
    <row r="40" spans="2:19" x14ac:dyDescent="0.2">
      <c r="B40" s="1020"/>
      <c r="S40" s="1023"/>
    </row>
    <row r="41" spans="2:19" ht="75" customHeight="1" x14ac:dyDescent="0.2">
      <c r="B41" s="2794" t="s">
        <v>1731</v>
      </c>
      <c r="C41" s="2795"/>
      <c r="D41" s="2795"/>
      <c r="E41" s="2795"/>
      <c r="F41" s="2795"/>
      <c r="G41" s="2795"/>
      <c r="H41" s="2795"/>
      <c r="I41" s="2795"/>
      <c r="J41" s="2795"/>
      <c r="K41" s="2795"/>
      <c r="L41" s="2795"/>
      <c r="M41" s="2795"/>
      <c r="N41" s="2795"/>
      <c r="O41" s="2795"/>
      <c r="P41" s="2795"/>
      <c r="Q41" s="2795"/>
      <c r="R41" s="2795"/>
      <c r="S41" s="2796"/>
    </row>
    <row r="42" spans="2:19" x14ac:dyDescent="0.2">
      <c r="B42" s="1020"/>
      <c r="C42" s="1019"/>
      <c r="S42" s="1023"/>
    </row>
    <row r="43" spans="2:19" x14ac:dyDescent="0.2">
      <c r="B43" s="1020"/>
      <c r="S43" s="1023"/>
    </row>
    <row r="44" spans="2:19" x14ac:dyDescent="0.2">
      <c r="B44" s="1027"/>
      <c r="C44" s="1028"/>
      <c r="D44" s="1028"/>
      <c r="E44" s="1028"/>
      <c r="F44" s="1028"/>
      <c r="G44" s="1028"/>
      <c r="H44" s="1028"/>
      <c r="I44" s="1028"/>
      <c r="J44" s="1028"/>
      <c r="K44" s="1028"/>
      <c r="L44" s="1028"/>
      <c r="M44" s="1028"/>
      <c r="N44" s="1028"/>
      <c r="O44" s="1028"/>
      <c r="P44" s="1028"/>
      <c r="Q44" s="1028"/>
      <c r="R44" s="1028"/>
      <c r="S44" s="1029"/>
    </row>
    <row r="45" spans="2:19" ht="20.25" customHeight="1" x14ac:dyDescent="0.2"/>
    <row r="46" spans="2:19" ht="20.25" customHeight="1" x14ac:dyDescent="0.2"/>
  </sheetData>
  <mergeCells count="19">
    <mergeCell ref="B36:E37"/>
    <mergeCell ref="F36:S37"/>
    <mergeCell ref="B39:S39"/>
    <mergeCell ref="B41:S41"/>
    <mergeCell ref="B8:C8"/>
    <mergeCell ref="D8:I8"/>
    <mergeCell ref="K8:L8"/>
    <mergeCell ref="M8:S8"/>
    <mergeCell ref="B10:S10"/>
    <mergeCell ref="B30:S30"/>
    <mergeCell ref="B7:C7"/>
    <mergeCell ref="D7:I7"/>
    <mergeCell ref="K7:L7"/>
    <mergeCell ref="M7:S7"/>
    <mergeCell ref="B4:S4"/>
    <mergeCell ref="B6:C6"/>
    <mergeCell ref="D6:I6"/>
    <mergeCell ref="K6:L6"/>
    <mergeCell ref="M6:S6"/>
  </mergeCells>
  <phoneticPr fontId="6"/>
  <pageMargins left="0.25" right="0.25" top="0.75" bottom="0.75" header="0.3" footer="0.3"/>
  <pageSetup paperSize="9" scale="56" orientation="portrait" r:id="rId1"/>
  <drawing r:id="rId2"/>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7"/>
  <dimension ref="A1:AM15"/>
  <sheetViews>
    <sheetView showGridLines="0" view="pageBreakPreview" zoomScale="110" zoomScaleNormal="120" zoomScaleSheetLayoutView="110" workbookViewId="0">
      <selection activeCell="J20" sqref="J20"/>
    </sheetView>
  </sheetViews>
  <sheetFormatPr defaultColWidth="2.21875" defaultRowHeight="13.2" x14ac:dyDescent="0.2"/>
  <cols>
    <col min="1" max="1" width="1.109375" style="300" customWidth="1"/>
    <col min="2" max="2" width="2.21875" style="332" customWidth="1"/>
    <col min="3" max="5" width="2.21875" style="300"/>
    <col min="6" max="6" width="2.44140625" style="300" bestFit="1" customWidth="1"/>
    <col min="7" max="20" width="2.21875" style="300"/>
    <col min="21" max="21" width="2.44140625" style="300" bestFit="1" customWidth="1"/>
    <col min="22" max="26" width="2.21875" style="300"/>
    <col min="27" max="38" width="2.77734375" style="300" customWidth="1"/>
    <col min="39" max="16384" width="2.21875" style="300"/>
  </cols>
  <sheetData>
    <row r="1" spans="1:39" x14ac:dyDescent="0.2">
      <c r="E1" s="252" t="s">
        <v>698</v>
      </c>
      <c r="AF1" s="2504" t="s">
        <v>709</v>
      </c>
      <c r="AG1" s="2504"/>
      <c r="AH1" s="2504"/>
      <c r="AI1" s="2504"/>
      <c r="AJ1" s="2504"/>
      <c r="AK1" s="2504"/>
      <c r="AL1" s="2504"/>
    </row>
    <row r="3" spans="1:39" ht="17.25" customHeight="1" x14ac:dyDescent="0.2">
      <c r="A3" s="2050" t="s">
        <v>600</v>
      </c>
      <c r="B3" s="2050"/>
      <c r="C3" s="2050"/>
      <c r="D3" s="2050"/>
      <c r="E3" s="2050"/>
      <c r="F3" s="2050"/>
      <c r="G3" s="2050"/>
      <c r="H3" s="2050"/>
      <c r="I3" s="2050"/>
      <c r="J3" s="2050"/>
      <c r="K3" s="2050"/>
      <c r="L3" s="2050"/>
      <c r="M3" s="2050"/>
      <c r="N3" s="2050"/>
      <c r="O3" s="2050"/>
      <c r="P3" s="2050"/>
      <c r="Q3" s="2050"/>
      <c r="R3" s="2050"/>
      <c r="S3" s="2050"/>
      <c r="T3" s="2050"/>
      <c r="U3" s="2050"/>
      <c r="V3" s="2050"/>
      <c r="W3" s="2050"/>
      <c r="X3" s="2050"/>
      <c r="Y3" s="2050"/>
      <c r="Z3" s="2050"/>
      <c r="AA3" s="2050"/>
      <c r="AB3" s="2050"/>
      <c r="AC3" s="2050"/>
      <c r="AD3" s="2050"/>
      <c r="AE3" s="2050"/>
      <c r="AF3" s="2050"/>
      <c r="AG3" s="2050"/>
      <c r="AH3" s="2050"/>
      <c r="AI3" s="2050"/>
      <c r="AJ3" s="2050"/>
      <c r="AK3" s="2050"/>
      <c r="AL3" s="2050"/>
      <c r="AM3" s="2050"/>
    </row>
    <row r="4" spans="1:39" ht="17.25" customHeight="1" x14ac:dyDescent="0.2">
      <c r="A4" s="2050"/>
      <c r="B4" s="2050"/>
      <c r="C4" s="2050"/>
      <c r="D4" s="2050"/>
      <c r="E4" s="2050"/>
      <c r="F4" s="2050"/>
      <c r="G4" s="2050"/>
      <c r="H4" s="2050"/>
      <c r="I4" s="2050"/>
      <c r="J4" s="2050"/>
      <c r="K4" s="2050"/>
      <c r="L4" s="2050"/>
      <c r="M4" s="2050"/>
      <c r="N4" s="2050"/>
      <c r="O4" s="2050"/>
      <c r="P4" s="2050"/>
      <c r="Q4" s="2050"/>
      <c r="R4" s="2050"/>
      <c r="S4" s="2050"/>
      <c r="T4" s="2050"/>
      <c r="U4" s="2050"/>
      <c r="V4" s="2050"/>
      <c r="W4" s="2050"/>
      <c r="X4" s="2050"/>
      <c r="Y4" s="2050"/>
      <c r="Z4" s="2050"/>
      <c r="AA4" s="2050"/>
      <c r="AB4" s="2050"/>
      <c r="AC4" s="2050"/>
      <c r="AD4" s="2050"/>
      <c r="AE4" s="2050"/>
      <c r="AF4" s="2050"/>
      <c r="AG4" s="2050"/>
      <c r="AH4" s="2050"/>
      <c r="AI4" s="2050"/>
      <c r="AJ4" s="2050"/>
      <c r="AK4" s="2050"/>
      <c r="AL4" s="2050"/>
      <c r="AM4" s="2050"/>
    </row>
    <row r="6" spans="1:39" ht="45.75" customHeight="1" x14ac:dyDescent="0.2">
      <c r="B6" s="2800" t="s">
        <v>599</v>
      </c>
      <c r="C6" s="2801"/>
      <c r="D6" s="2801"/>
      <c r="E6" s="2801"/>
      <c r="F6" s="2801"/>
      <c r="G6" s="2801"/>
      <c r="H6" s="2801"/>
      <c r="I6" s="2801"/>
      <c r="J6" s="2801"/>
      <c r="K6" s="2802"/>
      <c r="L6" s="2803"/>
      <c r="M6" s="2803"/>
      <c r="N6" s="2803"/>
      <c r="O6" s="2803"/>
      <c r="P6" s="2803"/>
      <c r="Q6" s="2803"/>
      <c r="R6" s="2803"/>
      <c r="S6" s="2803"/>
      <c r="T6" s="2803"/>
      <c r="U6" s="2803"/>
      <c r="V6" s="2803"/>
      <c r="W6" s="2803"/>
      <c r="X6" s="2803"/>
      <c r="Y6" s="2803"/>
      <c r="Z6" s="2803"/>
      <c r="AA6" s="2803"/>
      <c r="AB6" s="2803"/>
      <c r="AC6" s="2803"/>
      <c r="AD6" s="2803"/>
      <c r="AE6" s="2803"/>
      <c r="AF6" s="2803"/>
      <c r="AG6" s="2803"/>
      <c r="AH6" s="2803"/>
      <c r="AI6" s="2803"/>
      <c r="AJ6" s="2803"/>
      <c r="AK6" s="2803"/>
      <c r="AL6" s="2803"/>
    </row>
    <row r="7" spans="1:39" s="336" customFormat="1" ht="45.75" customHeight="1" x14ac:dyDescent="0.2">
      <c r="B7" s="2804" t="s">
        <v>598</v>
      </c>
      <c r="C7" s="2804"/>
      <c r="D7" s="2804"/>
      <c r="E7" s="2804"/>
      <c r="F7" s="2804"/>
      <c r="G7" s="2804"/>
      <c r="H7" s="2804"/>
      <c r="I7" s="2804"/>
      <c r="J7" s="2804"/>
      <c r="K7" s="2804"/>
      <c r="L7" s="2805" t="s">
        <v>597</v>
      </c>
      <c r="M7" s="2805"/>
      <c r="N7" s="2805"/>
      <c r="O7" s="2805"/>
      <c r="P7" s="2805"/>
      <c r="Q7" s="2805"/>
      <c r="R7" s="2805"/>
      <c r="S7" s="2805"/>
      <c r="T7" s="2805"/>
      <c r="U7" s="2805"/>
      <c r="V7" s="2805"/>
      <c r="W7" s="2805"/>
      <c r="X7" s="2805"/>
      <c r="Y7" s="2805"/>
      <c r="Z7" s="2805"/>
      <c r="AA7" s="2805"/>
      <c r="AB7" s="2805"/>
      <c r="AC7" s="2805"/>
      <c r="AD7" s="2805"/>
      <c r="AE7" s="2805"/>
      <c r="AF7" s="2805"/>
      <c r="AG7" s="2805"/>
      <c r="AH7" s="2805"/>
      <c r="AI7" s="2805"/>
      <c r="AJ7" s="2805"/>
      <c r="AK7" s="2805"/>
      <c r="AL7" s="2805"/>
    </row>
    <row r="8" spans="1:39" ht="71.25" customHeight="1" x14ac:dyDescent="0.2">
      <c r="B8" s="2512" t="s">
        <v>596</v>
      </c>
      <c r="C8" s="2513"/>
      <c r="D8" s="2513"/>
      <c r="E8" s="2513"/>
      <c r="F8" s="2513"/>
      <c r="G8" s="2513"/>
      <c r="H8" s="2513"/>
      <c r="I8" s="2513"/>
      <c r="J8" s="2513"/>
      <c r="K8" s="2514"/>
      <c r="L8" s="2512" t="s">
        <v>595</v>
      </c>
      <c r="M8" s="2513"/>
      <c r="N8" s="2513"/>
      <c r="O8" s="2513"/>
      <c r="P8" s="2513"/>
      <c r="Q8" s="2513"/>
      <c r="R8" s="2513"/>
      <c r="S8" s="2513"/>
      <c r="T8" s="2513"/>
      <c r="U8" s="2513"/>
      <c r="V8" s="2513"/>
      <c r="W8" s="2513"/>
      <c r="X8" s="2513"/>
      <c r="Y8" s="2513"/>
      <c r="Z8" s="2513"/>
      <c r="AA8" s="2513"/>
      <c r="AB8" s="2513"/>
      <c r="AC8" s="2513"/>
      <c r="AD8" s="2513"/>
      <c r="AE8" s="2513"/>
      <c r="AF8" s="2514"/>
      <c r="AG8" s="2798" t="s">
        <v>590</v>
      </c>
      <c r="AH8" s="2515"/>
      <c r="AI8" s="2515"/>
      <c r="AJ8" s="2515"/>
      <c r="AK8" s="2515"/>
      <c r="AL8" s="2516"/>
    </row>
    <row r="9" spans="1:39" ht="71.25" customHeight="1" x14ac:dyDescent="0.2">
      <c r="B9" s="2512" t="s">
        <v>594</v>
      </c>
      <c r="C9" s="2513"/>
      <c r="D9" s="2513"/>
      <c r="E9" s="2513"/>
      <c r="F9" s="2513"/>
      <c r="G9" s="2513"/>
      <c r="H9" s="2513"/>
      <c r="I9" s="2513"/>
      <c r="J9" s="2513"/>
      <c r="K9" s="2514"/>
      <c r="L9" s="2512" t="s">
        <v>593</v>
      </c>
      <c r="M9" s="2513"/>
      <c r="N9" s="2513"/>
      <c r="O9" s="2513"/>
      <c r="P9" s="2513"/>
      <c r="Q9" s="2513"/>
      <c r="R9" s="2513"/>
      <c r="S9" s="2513"/>
      <c r="T9" s="2513"/>
      <c r="U9" s="2513"/>
      <c r="V9" s="2513"/>
      <c r="W9" s="2513"/>
      <c r="X9" s="2513"/>
      <c r="Y9" s="2513"/>
      <c r="Z9" s="2513"/>
      <c r="AA9" s="2513"/>
      <c r="AB9" s="2513"/>
      <c r="AC9" s="2513"/>
      <c r="AD9" s="2513"/>
      <c r="AE9" s="2513"/>
      <c r="AF9" s="2514"/>
      <c r="AG9" s="2798" t="s">
        <v>590</v>
      </c>
      <c r="AH9" s="2515"/>
      <c r="AI9" s="2515"/>
      <c r="AJ9" s="2515"/>
      <c r="AK9" s="2515"/>
      <c r="AL9" s="2516"/>
    </row>
    <row r="10" spans="1:39" ht="71.25" customHeight="1" x14ac:dyDescent="0.2">
      <c r="B10" s="2797" t="s">
        <v>592</v>
      </c>
      <c r="C10" s="2797"/>
      <c r="D10" s="2797"/>
      <c r="E10" s="2797"/>
      <c r="F10" s="2797"/>
      <c r="G10" s="2797"/>
      <c r="H10" s="2797"/>
      <c r="I10" s="2797"/>
      <c r="J10" s="2797"/>
      <c r="K10" s="2797"/>
      <c r="L10" s="2512" t="s">
        <v>591</v>
      </c>
      <c r="M10" s="2513"/>
      <c r="N10" s="2513"/>
      <c r="O10" s="2513"/>
      <c r="P10" s="2513"/>
      <c r="Q10" s="2513"/>
      <c r="R10" s="2513"/>
      <c r="S10" s="2513"/>
      <c r="T10" s="2513"/>
      <c r="U10" s="2513"/>
      <c r="V10" s="2513"/>
      <c r="W10" s="2513"/>
      <c r="X10" s="2513"/>
      <c r="Y10" s="2513"/>
      <c r="Z10" s="2513"/>
      <c r="AA10" s="2513"/>
      <c r="AB10" s="2513"/>
      <c r="AC10" s="2513"/>
      <c r="AD10" s="2513"/>
      <c r="AE10" s="2513"/>
      <c r="AF10" s="2514"/>
      <c r="AG10" s="2798" t="s">
        <v>590</v>
      </c>
      <c r="AH10" s="2515"/>
      <c r="AI10" s="2515"/>
      <c r="AJ10" s="2515"/>
      <c r="AK10" s="2515"/>
      <c r="AL10" s="2516"/>
    </row>
    <row r="11" spans="1:39" ht="50.25" customHeight="1" x14ac:dyDescent="0.2">
      <c r="B11" s="2799" t="s">
        <v>589</v>
      </c>
      <c r="C11" s="2799"/>
      <c r="D11" s="2799"/>
      <c r="E11" s="2799"/>
      <c r="F11" s="2799"/>
      <c r="G11" s="2799"/>
      <c r="H11" s="2799"/>
      <c r="I11" s="2799"/>
      <c r="J11" s="2799"/>
      <c r="K11" s="2799"/>
      <c r="L11" s="2799"/>
      <c r="M11" s="2799"/>
      <c r="N11" s="2799"/>
      <c r="O11" s="2799"/>
      <c r="P11" s="2799"/>
      <c r="Q11" s="2799"/>
      <c r="R11" s="2799"/>
      <c r="S11" s="2799"/>
      <c r="T11" s="2799"/>
      <c r="U11" s="2799"/>
      <c r="V11" s="2799"/>
      <c r="W11" s="2799"/>
      <c r="X11" s="2799"/>
      <c r="Y11" s="2799"/>
      <c r="Z11" s="2799"/>
      <c r="AA11" s="2799"/>
      <c r="AB11" s="2799"/>
      <c r="AC11" s="2799"/>
      <c r="AD11" s="2799"/>
      <c r="AE11" s="2799"/>
      <c r="AF11" s="2799"/>
      <c r="AG11" s="2799"/>
      <c r="AH11" s="2799"/>
      <c r="AI11" s="2799"/>
      <c r="AJ11" s="2799"/>
      <c r="AK11" s="2799"/>
      <c r="AL11" s="2799"/>
    </row>
    <row r="12" spans="1:39" x14ac:dyDescent="0.2">
      <c r="B12" s="337"/>
      <c r="C12" s="337"/>
      <c r="D12" s="330"/>
      <c r="E12" s="330"/>
      <c r="F12" s="335"/>
      <c r="G12" s="333"/>
      <c r="H12" s="297"/>
      <c r="I12" s="297"/>
      <c r="J12" s="297"/>
      <c r="K12" s="297"/>
      <c r="L12" s="297"/>
      <c r="M12" s="297"/>
      <c r="N12" s="297"/>
      <c r="O12" s="297"/>
      <c r="P12" s="297"/>
      <c r="Q12" s="297"/>
      <c r="R12" s="338"/>
      <c r="S12" s="338"/>
      <c r="T12" s="330"/>
      <c r="U12" s="334"/>
      <c r="V12" s="330"/>
      <c r="W12" s="297"/>
      <c r="X12" s="297"/>
      <c r="Y12" s="297"/>
      <c r="Z12" s="297"/>
      <c r="AA12" s="297"/>
      <c r="AB12" s="297"/>
      <c r="AC12" s="297"/>
      <c r="AD12" s="297"/>
      <c r="AE12" s="297"/>
      <c r="AF12" s="297"/>
      <c r="AG12" s="297"/>
      <c r="AH12" s="297"/>
      <c r="AI12" s="297"/>
      <c r="AJ12" s="297"/>
      <c r="AK12" s="297"/>
      <c r="AL12" s="237"/>
    </row>
    <row r="13" spans="1:39" x14ac:dyDescent="0.2">
      <c r="B13" s="337"/>
      <c r="C13" s="337"/>
      <c r="D13" s="330"/>
      <c r="E13" s="330"/>
      <c r="F13" s="335"/>
      <c r="G13" s="333"/>
      <c r="H13" s="297"/>
      <c r="I13" s="297"/>
      <c r="J13" s="297"/>
      <c r="K13" s="297"/>
      <c r="L13" s="297"/>
      <c r="M13" s="297"/>
      <c r="N13" s="297"/>
      <c r="O13" s="297"/>
      <c r="P13" s="297"/>
      <c r="Q13" s="297"/>
      <c r="R13" s="338"/>
      <c r="S13" s="338"/>
      <c r="T13" s="330"/>
      <c r="U13" s="334"/>
      <c r="V13" s="330"/>
      <c r="W13" s="297"/>
      <c r="X13" s="297"/>
      <c r="Y13" s="297"/>
      <c r="Z13" s="297"/>
      <c r="AA13" s="297"/>
      <c r="AB13" s="297"/>
      <c r="AC13" s="297"/>
      <c r="AD13" s="297"/>
      <c r="AE13" s="297"/>
      <c r="AF13" s="297"/>
      <c r="AG13" s="297"/>
      <c r="AH13" s="297"/>
      <c r="AI13" s="297"/>
      <c r="AJ13" s="297"/>
      <c r="AK13" s="297"/>
      <c r="AL13" s="237"/>
    </row>
    <row r="14" spans="1:39" x14ac:dyDescent="0.2">
      <c r="B14" s="337"/>
      <c r="C14" s="337"/>
      <c r="D14" s="330"/>
      <c r="E14" s="330"/>
      <c r="F14" s="330"/>
      <c r="G14" s="330"/>
      <c r="H14" s="330"/>
      <c r="I14" s="330"/>
      <c r="J14" s="330"/>
      <c r="K14" s="330"/>
      <c r="L14" s="330"/>
      <c r="M14" s="330"/>
      <c r="N14" s="330"/>
      <c r="O14" s="330"/>
      <c r="P14" s="330"/>
      <c r="Q14" s="330"/>
      <c r="R14" s="338"/>
      <c r="S14" s="338"/>
      <c r="T14" s="330"/>
      <c r="U14" s="334"/>
      <c r="V14" s="330"/>
      <c r="W14" s="297"/>
      <c r="X14" s="297"/>
      <c r="Y14" s="297"/>
      <c r="Z14" s="297"/>
      <c r="AA14" s="297"/>
      <c r="AB14" s="297"/>
      <c r="AC14" s="297"/>
      <c r="AD14" s="297"/>
      <c r="AE14" s="297"/>
      <c r="AF14" s="297"/>
      <c r="AG14" s="297"/>
      <c r="AH14" s="297"/>
      <c r="AI14" s="297"/>
      <c r="AJ14" s="297"/>
      <c r="AK14" s="297"/>
      <c r="AL14" s="237"/>
    </row>
    <row r="15" spans="1:39" x14ac:dyDescent="0.2">
      <c r="B15" s="337"/>
      <c r="C15" s="337"/>
      <c r="D15" s="330"/>
      <c r="E15" s="330"/>
      <c r="F15" s="330"/>
      <c r="G15" s="330"/>
      <c r="H15" s="330"/>
      <c r="I15" s="330"/>
      <c r="J15" s="330"/>
      <c r="K15" s="330"/>
      <c r="L15" s="330"/>
      <c r="M15" s="330"/>
      <c r="N15" s="330"/>
      <c r="O15" s="330"/>
      <c r="P15" s="330"/>
      <c r="Q15" s="330"/>
      <c r="R15" s="338"/>
      <c r="S15" s="338"/>
      <c r="T15" s="330"/>
      <c r="U15" s="334"/>
      <c r="V15" s="330"/>
      <c r="W15" s="297"/>
      <c r="X15" s="297"/>
      <c r="Y15" s="297"/>
      <c r="Z15" s="297"/>
      <c r="AA15" s="297"/>
      <c r="AB15" s="297"/>
      <c r="AC15" s="297"/>
      <c r="AD15" s="297"/>
      <c r="AE15" s="297"/>
      <c r="AF15" s="297"/>
      <c r="AG15" s="297"/>
      <c r="AH15" s="297"/>
      <c r="AI15" s="297"/>
      <c r="AJ15" s="297"/>
      <c r="AK15" s="297"/>
      <c r="AL15" s="237"/>
    </row>
  </sheetData>
  <customSheetViews>
    <customSheetView guid="{FA98832E-F01A-4598-9960-E27C2FDAB118}" scale="110" showPageBreaks="1" showGridLines="0" printArea="1" view="pageBreakPreview">
      <selection activeCell="J20" sqref="J20"/>
      <pageMargins left="0.7" right="0.7" top="0.75" bottom="0.75" header="0.3" footer="0.3"/>
      <pageSetup paperSize="9" scale="94" orientation="portrait" r:id="rId1"/>
    </customSheetView>
    <customSheetView guid="{8494577A-77FB-45FD-BD2B-C737BCFAD5B3}" scale="110" showPageBreaks="1" showGridLines="0" printArea="1" view="pageBreakPreview">
      <selection activeCell="J20" sqref="J20"/>
      <pageMargins left="0.7" right="0.7" top="0.75" bottom="0.75" header="0.3" footer="0.3"/>
      <pageSetup paperSize="9" scale="94" orientation="portrait" r:id="rId2"/>
    </customSheetView>
  </customSheetViews>
  <mergeCells count="16">
    <mergeCell ref="AF1:AL1"/>
    <mergeCell ref="A3:AM4"/>
    <mergeCell ref="B6:K6"/>
    <mergeCell ref="L6:AL6"/>
    <mergeCell ref="B7:K7"/>
    <mergeCell ref="L7:AL7"/>
    <mergeCell ref="B10:K10"/>
    <mergeCell ref="L10:AF10"/>
    <mergeCell ref="AG10:AL10"/>
    <mergeCell ref="B11:AL11"/>
    <mergeCell ref="B8:K8"/>
    <mergeCell ref="L8:AF8"/>
    <mergeCell ref="AG8:AL8"/>
    <mergeCell ref="B9:K9"/>
    <mergeCell ref="L9:AF9"/>
    <mergeCell ref="AG9:AL9"/>
  </mergeCells>
  <phoneticPr fontId="6"/>
  <pageMargins left="0.7" right="0.7" top="0.75" bottom="0.75" header="0.3" footer="0.3"/>
  <pageSetup paperSize="9" scale="94" orientation="portrait" r:id="rId3"/>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2"/>
  <sheetViews>
    <sheetView showGridLines="0" view="pageBreakPreview" zoomScaleNormal="100" zoomScaleSheetLayoutView="100" workbookViewId="0">
      <selection activeCell="L2" sqref="L2"/>
    </sheetView>
  </sheetViews>
  <sheetFormatPr defaultRowHeight="13.2" x14ac:dyDescent="0.2"/>
  <cols>
    <col min="1" max="1" width="3.109375" style="372" customWidth="1"/>
    <col min="2" max="2" width="15.33203125" style="372" customWidth="1"/>
    <col min="3" max="4" width="8.44140625" style="372" customWidth="1"/>
    <col min="5" max="6" width="8.6640625" style="372" customWidth="1"/>
    <col min="7" max="7" width="16.33203125" style="372" customWidth="1"/>
    <col min="8" max="8" width="16.77734375" style="372" bestFit="1" customWidth="1"/>
    <col min="9" max="256" width="9" style="372"/>
    <col min="257" max="257" width="3.109375" style="372" customWidth="1"/>
    <col min="258" max="258" width="15.33203125" style="372" customWidth="1"/>
    <col min="259" max="260" width="8.44140625" style="372" customWidth="1"/>
    <col min="261" max="262" width="8.6640625" style="372" customWidth="1"/>
    <col min="263" max="263" width="16.33203125" style="372" customWidth="1"/>
    <col min="264" max="264" width="16.77734375" style="372" bestFit="1" customWidth="1"/>
    <col min="265" max="512" width="9" style="372"/>
    <col min="513" max="513" width="3.109375" style="372" customWidth="1"/>
    <col min="514" max="514" width="15.33203125" style="372" customWidth="1"/>
    <col min="515" max="516" width="8.44140625" style="372" customWidth="1"/>
    <col min="517" max="518" width="8.6640625" style="372" customWidth="1"/>
    <col min="519" max="519" width="16.33203125" style="372" customWidth="1"/>
    <col min="520" max="520" width="16.77734375" style="372" bestFit="1" customWidth="1"/>
    <col min="521" max="768" width="9" style="372"/>
    <col min="769" max="769" width="3.109375" style="372" customWidth="1"/>
    <col min="770" max="770" width="15.33203125" style="372" customWidth="1"/>
    <col min="771" max="772" width="8.44140625" style="372" customWidth="1"/>
    <col min="773" max="774" width="8.6640625" style="372" customWidth="1"/>
    <col min="775" max="775" width="16.33203125" style="372" customWidth="1"/>
    <col min="776" max="776" width="16.77734375" style="372" bestFit="1" customWidth="1"/>
    <col min="777" max="1024" width="9" style="372"/>
    <col min="1025" max="1025" width="3.109375" style="372" customWidth="1"/>
    <col min="1026" max="1026" width="15.33203125" style="372" customWidth="1"/>
    <col min="1027" max="1028" width="8.44140625" style="372" customWidth="1"/>
    <col min="1029" max="1030" width="8.6640625" style="372" customWidth="1"/>
    <col min="1031" max="1031" width="16.33203125" style="372" customWidth="1"/>
    <col min="1032" max="1032" width="16.77734375" style="372" bestFit="1" customWidth="1"/>
    <col min="1033" max="1280" width="9" style="372"/>
    <col min="1281" max="1281" width="3.109375" style="372" customWidth="1"/>
    <col min="1282" max="1282" width="15.33203125" style="372" customWidth="1"/>
    <col min="1283" max="1284" width="8.44140625" style="372" customWidth="1"/>
    <col min="1285" max="1286" width="8.6640625" style="372" customWidth="1"/>
    <col min="1287" max="1287" width="16.33203125" style="372" customWidth="1"/>
    <col min="1288" max="1288" width="16.77734375" style="372" bestFit="1" customWidth="1"/>
    <col min="1289" max="1536" width="9" style="372"/>
    <col min="1537" max="1537" width="3.109375" style="372" customWidth="1"/>
    <col min="1538" max="1538" width="15.33203125" style="372" customWidth="1"/>
    <col min="1539" max="1540" width="8.44140625" style="372" customWidth="1"/>
    <col min="1541" max="1542" width="8.6640625" style="372" customWidth="1"/>
    <col min="1543" max="1543" width="16.33203125" style="372" customWidth="1"/>
    <col min="1544" max="1544" width="16.77734375" style="372" bestFit="1" customWidth="1"/>
    <col min="1545" max="1792" width="9" style="372"/>
    <col min="1793" max="1793" width="3.109375" style="372" customWidth="1"/>
    <col min="1794" max="1794" width="15.33203125" style="372" customWidth="1"/>
    <col min="1795" max="1796" width="8.44140625" style="372" customWidth="1"/>
    <col min="1797" max="1798" width="8.6640625" style="372" customWidth="1"/>
    <col min="1799" max="1799" width="16.33203125" style="372" customWidth="1"/>
    <col min="1800" max="1800" width="16.77734375" style="372" bestFit="1" customWidth="1"/>
    <col min="1801" max="2048" width="9" style="372"/>
    <col min="2049" max="2049" width="3.109375" style="372" customWidth="1"/>
    <col min="2050" max="2050" width="15.33203125" style="372" customWidth="1"/>
    <col min="2051" max="2052" width="8.44140625" style="372" customWidth="1"/>
    <col min="2053" max="2054" width="8.6640625" style="372" customWidth="1"/>
    <col min="2055" max="2055" width="16.33203125" style="372" customWidth="1"/>
    <col min="2056" max="2056" width="16.77734375" style="372" bestFit="1" customWidth="1"/>
    <col min="2057" max="2304" width="9" style="372"/>
    <col min="2305" max="2305" width="3.109375" style="372" customWidth="1"/>
    <col min="2306" max="2306" width="15.33203125" style="372" customWidth="1"/>
    <col min="2307" max="2308" width="8.44140625" style="372" customWidth="1"/>
    <col min="2309" max="2310" width="8.6640625" style="372" customWidth="1"/>
    <col min="2311" max="2311" width="16.33203125" style="372" customWidth="1"/>
    <col min="2312" max="2312" width="16.77734375" style="372" bestFit="1" customWidth="1"/>
    <col min="2313" max="2560" width="9" style="372"/>
    <col min="2561" max="2561" width="3.109375" style="372" customWidth="1"/>
    <col min="2562" max="2562" width="15.33203125" style="372" customWidth="1"/>
    <col min="2563" max="2564" width="8.44140625" style="372" customWidth="1"/>
    <col min="2565" max="2566" width="8.6640625" style="372" customWidth="1"/>
    <col min="2567" max="2567" width="16.33203125" style="372" customWidth="1"/>
    <col min="2568" max="2568" width="16.77734375" style="372" bestFit="1" customWidth="1"/>
    <col min="2569" max="2816" width="9" style="372"/>
    <col min="2817" max="2817" width="3.109375" style="372" customWidth="1"/>
    <col min="2818" max="2818" width="15.33203125" style="372" customWidth="1"/>
    <col min="2819" max="2820" width="8.44140625" style="372" customWidth="1"/>
    <col min="2821" max="2822" width="8.6640625" style="372" customWidth="1"/>
    <col min="2823" max="2823" width="16.33203125" style="372" customWidth="1"/>
    <col min="2824" max="2824" width="16.77734375" style="372" bestFit="1" customWidth="1"/>
    <col min="2825" max="3072" width="9" style="372"/>
    <col min="3073" max="3073" width="3.109375" style="372" customWidth="1"/>
    <col min="3074" max="3074" width="15.33203125" style="372" customWidth="1"/>
    <col min="3075" max="3076" width="8.44140625" style="372" customWidth="1"/>
    <col min="3077" max="3078" width="8.6640625" style="372" customWidth="1"/>
    <col min="3079" max="3079" width="16.33203125" style="372" customWidth="1"/>
    <col min="3080" max="3080" width="16.77734375" style="372" bestFit="1" customWidth="1"/>
    <col min="3081" max="3328" width="9" style="372"/>
    <col min="3329" max="3329" width="3.109375" style="372" customWidth="1"/>
    <col min="3330" max="3330" width="15.33203125" style="372" customWidth="1"/>
    <col min="3331" max="3332" width="8.44140625" style="372" customWidth="1"/>
    <col min="3333" max="3334" width="8.6640625" style="372" customWidth="1"/>
    <col min="3335" max="3335" width="16.33203125" style="372" customWidth="1"/>
    <col min="3336" max="3336" width="16.77734375" style="372" bestFit="1" customWidth="1"/>
    <col min="3337" max="3584" width="9" style="372"/>
    <col min="3585" max="3585" width="3.109375" style="372" customWidth="1"/>
    <col min="3586" max="3586" width="15.33203125" style="372" customWidth="1"/>
    <col min="3587" max="3588" width="8.44140625" style="372" customWidth="1"/>
    <col min="3589" max="3590" width="8.6640625" style="372" customWidth="1"/>
    <col min="3591" max="3591" width="16.33203125" style="372" customWidth="1"/>
    <col min="3592" max="3592" width="16.77734375" style="372" bestFit="1" customWidth="1"/>
    <col min="3593" max="3840" width="9" style="372"/>
    <col min="3841" max="3841" width="3.109375" style="372" customWidth="1"/>
    <col min="3842" max="3842" width="15.33203125" style="372" customWidth="1"/>
    <col min="3843" max="3844" width="8.44140625" style="372" customWidth="1"/>
    <col min="3845" max="3846" width="8.6640625" style="372" customWidth="1"/>
    <col min="3847" max="3847" width="16.33203125" style="372" customWidth="1"/>
    <col min="3848" max="3848" width="16.77734375" style="372" bestFit="1" customWidth="1"/>
    <col min="3849" max="4096" width="9" style="372"/>
    <col min="4097" max="4097" width="3.109375" style="372" customWidth="1"/>
    <col min="4098" max="4098" width="15.33203125" style="372" customWidth="1"/>
    <col min="4099" max="4100" width="8.44140625" style="372" customWidth="1"/>
    <col min="4101" max="4102" width="8.6640625" style="372" customWidth="1"/>
    <col min="4103" max="4103" width="16.33203125" style="372" customWidth="1"/>
    <col min="4104" max="4104" width="16.77734375" style="372" bestFit="1" customWidth="1"/>
    <col min="4105" max="4352" width="9" style="372"/>
    <col min="4353" max="4353" width="3.109375" style="372" customWidth="1"/>
    <col min="4354" max="4354" width="15.33203125" style="372" customWidth="1"/>
    <col min="4355" max="4356" width="8.44140625" style="372" customWidth="1"/>
    <col min="4357" max="4358" width="8.6640625" style="372" customWidth="1"/>
    <col min="4359" max="4359" width="16.33203125" style="372" customWidth="1"/>
    <col min="4360" max="4360" width="16.77734375" style="372" bestFit="1" customWidth="1"/>
    <col min="4361" max="4608" width="9" style="372"/>
    <col min="4609" max="4609" width="3.109375" style="372" customWidth="1"/>
    <col min="4610" max="4610" width="15.33203125" style="372" customWidth="1"/>
    <col min="4611" max="4612" width="8.44140625" style="372" customWidth="1"/>
    <col min="4613" max="4614" width="8.6640625" style="372" customWidth="1"/>
    <col min="4615" max="4615" width="16.33203125" style="372" customWidth="1"/>
    <col min="4616" max="4616" width="16.77734375" style="372" bestFit="1" customWidth="1"/>
    <col min="4617" max="4864" width="9" style="372"/>
    <col min="4865" max="4865" width="3.109375" style="372" customWidth="1"/>
    <col min="4866" max="4866" width="15.33203125" style="372" customWidth="1"/>
    <col min="4867" max="4868" width="8.44140625" style="372" customWidth="1"/>
    <col min="4869" max="4870" width="8.6640625" style="372" customWidth="1"/>
    <col min="4871" max="4871" width="16.33203125" style="372" customWidth="1"/>
    <col min="4872" max="4872" width="16.77734375" style="372" bestFit="1" customWidth="1"/>
    <col min="4873" max="5120" width="9" style="372"/>
    <col min="5121" max="5121" width="3.109375" style="372" customWidth="1"/>
    <col min="5122" max="5122" width="15.33203125" style="372" customWidth="1"/>
    <col min="5123" max="5124" width="8.44140625" style="372" customWidth="1"/>
    <col min="5125" max="5126" width="8.6640625" style="372" customWidth="1"/>
    <col min="5127" max="5127" width="16.33203125" style="372" customWidth="1"/>
    <col min="5128" max="5128" width="16.77734375" style="372" bestFit="1" customWidth="1"/>
    <col min="5129" max="5376" width="9" style="372"/>
    <col min="5377" max="5377" width="3.109375" style="372" customWidth="1"/>
    <col min="5378" max="5378" width="15.33203125" style="372" customWidth="1"/>
    <col min="5379" max="5380" width="8.44140625" style="372" customWidth="1"/>
    <col min="5381" max="5382" width="8.6640625" style="372" customWidth="1"/>
    <col min="5383" max="5383" width="16.33203125" style="372" customWidth="1"/>
    <col min="5384" max="5384" width="16.77734375" style="372" bestFit="1" customWidth="1"/>
    <col min="5385" max="5632" width="9" style="372"/>
    <col min="5633" max="5633" width="3.109375" style="372" customWidth="1"/>
    <col min="5634" max="5634" width="15.33203125" style="372" customWidth="1"/>
    <col min="5635" max="5636" width="8.44140625" style="372" customWidth="1"/>
    <col min="5637" max="5638" width="8.6640625" style="372" customWidth="1"/>
    <col min="5639" max="5639" width="16.33203125" style="372" customWidth="1"/>
    <col min="5640" max="5640" width="16.77734375" style="372" bestFit="1" customWidth="1"/>
    <col min="5641" max="5888" width="9" style="372"/>
    <col min="5889" max="5889" width="3.109375" style="372" customWidth="1"/>
    <col min="5890" max="5890" width="15.33203125" style="372" customWidth="1"/>
    <col min="5891" max="5892" width="8.44140625" style="372" customWidth="1"/>
    <col min="5893" max="5894" width="8.6640625" style="372" customWidth="1"/>
    <col min="5895" max="5895" width="16.33203125" style="372" customWidth="1"/>
    <col min="5896" max="5896" width="16.77734375" style="372" bestFit="1" customWidth="1"/>
    <col min="5897" max="6144" width="9" style="372"/>
    <col min="6145" max="6145" width="3.109375" style="372" customWidth="1"/>
    <col min="6146" max="6146" width="15.33203125" style="372" customWidth="1"/>
    <col min="6147" max="6148" width="8.44140625" style="372" customWidth="1"/>
    <col min="6149" max="6150" width="8.6640625" style="372" customWidth="1"/>
    <col min="6151" max="6151" width="16.33203125" style="372" customWidth="1"/>
    <col min="6152" max="6152" width="16.77734375" style="372" bestFit="1" customWidth="1"/>
    <col min="6153" max="6400" width="9" style="372"/>
    <col min="6401" max="6401" width="3.109375" style="372" customWidth="1"/>
    <col min="6402" max="6402" width="15.33203125" style="372" customWidth="1"/>
    <col min="6403" max="6404" width="8.44140625" style="372" customWidth="1"/>
    <col min="6405" max="6406" width="8.6640625" style="372" customWidth="1"/>
    <col min="6407" max="6407" width="16.33203125" style="372" customWidth="1"/>
    <col min="6408" max="6408" width="16.77734375" style="372" bestFit="1" customWidth="1"/>
    <col min="6409" max="6656" width="9" style="372"/>
    <col min="6657" max="6657" width="3.109375" style="372" customWidth="1"/>
    <col min="6658" max="6658" width="15.33203125" style="372" customWidth="1"/>
    <col min="6659" max="6660" width="8.44140625" style="372" customWidth="1"/>
    <col min="6661" max="6662" width="8.6640625" style="372" customWidth="1"/>
    <col min="6663" max="6663" width="16.33203125" style="372" customWidth="1"/>
    <col min="6664" max="6664" width="16.77734375" style="372" bestFit="1" customWidth="1"/>
    <col min="6665" max="6912" width="9" style="372"/>
    <col min="6913" max="6913" width="3.109375" style="372" customWidth="1"/>
    <col min="6914" max="6914" width="15.33203125" style="372" customWidth="1"/>
    <col min="6915" max="6916" width="8.44140625" style="372" customWidth="1"/>
    <col min="6917" max="6918" width="8.6640625" style="372" customWidth="1"/>
    <col min="6919" max="6919" width="16.33203125" style="372" customWidth="1"/>
    <col min="6920" max="6920" width="16.77734375" style="372" bestFit="1" customWidth="1"/>
    <col min="6921" max="7168" width="9" style="372"/>
    <col min="7169" max="7169" width="3.109375" style="372" customWidth="1"/>
    <col min="7170" max="7170" width="15.33203125" style="372" customWidth="1"/>
    <col min="7171" max="7172" width="8.44140625" style="372" customWidth="1"/>
    <col min="7173" max="7174" width="8.6640625" style="372" customWidth="1"/>
    <col min="7175" max="7175" width="16.33203125" style="372" customWidth="1"/>
    <col min="7176" max="7176" width="16.77734375" style="372" bestFit="1" customWidth="1"/>
    <col min="7177" max="7424" width="9" style="372"/>
    <col min="7425" max="7425" width="3.109375" style="372" customWidth="1"/>
    <col min="7426" max="7426" width="15.33203125" style="372" customWidth="1"/>
    <col min="7427" max="7428" width="8.44140625" style="372" customWidth="1"/>
    <col min="7429" max="7430" width="8.6640625" style="372" customWidth="1"/>
    <col min="7431" max="7431" width="16.33203125" style="372" customWidth="1"/>
    <col min="7432" max="7432" width="16.77734375" style="372" bestFit="1" customWidth="1"/>
    <col min="7433" max="7680" width="9" style="372"/>
    <col min="7681" max="7681" width="3.109375" style="372" customWidth="1"/>
    <col min="7682" max="7682" width="15.33203125" style="372" customWidth="1"/>
    <col min="7683" max="7684" width="8.44140625" style="372" customWidth="1"/>
    <col min="7685" max="7686" width="8.6640625" style="372" customWidth="1"/>
    <col min="7687" max="7687" width="16.33203125" style="372" customWidth="1"/>
    <col min="7688" max="7688" width="16.77734375" style="372" bestFit="1" customWidth="1"/>
    <col min="7689" max="7936" width="9" style="372"/>
    <col min="7937" max="7937" width="3.109375" style="372" customWidth="1"/>
    <col min="7938" max="7938" width="15.33203125" style="372" customWidth="1"/>
    <col min="7939" max="7940" width="8.44140625" style="372" customWidth="1"/>
    <col min="7941" max="7942" width="8.6640625" style="372" customWidth="1"/>
    <col min="7943" max="7943" width="16.33203125" style="372" customWidth="1"/>
    <col min="7944" max="7944" width="16.77734375" style="372" bestFit="1" customWidth="1"/>
    <col min="7945" max="8192" width="9" style="372"/>
    <col min="8193" max="8193" width="3.109375" style="372" customWidth="1"/>
    <col min="8194" max="8194" width="15.33203125" style="372" customWidth="1"/>
    <col min="8195" max="8196" width="8.44140625" style="372" customWidth="1"/>
    <col min="8197" max="8198" width="8.6640625" style="372" customWidth="1"/>
    <col min="8199" max="8199" width="16.33203125" style="372" customWidth="1"/>
    <col min="8200" max="8200" width="16.77734375" style="372" bestFit="1" customWidth="1"/>
    <col min="8201" max="8448" width="9" style="372"/>
    <col min="8449" max="8449" width="3.109375" style="372" customWidth="1"/>
    <col min="8450" max="8450" width="15.33203125" style="372" customWidth="1"/>
    <col min="8451" max="8452" width="8.44140625" style="372" customWidth="1"/>
    <col min="8453" max="8454" width="8.6640625" style="372" customWidth="1"/>
    <col min="8455" max="8455" width="16.33203125" style="372" customWidth="1"/>
    <col min="8456" max="8456" width="16.77734375" style="372" bestFit="1" customWidth="1"/>
    <col min="8457" max="8704" width="9" style="372"/>
    <col min="8705" max="8705" width="3.109375" style="372" customWidth="1"/>
    <col min="8706" max="8706" width="15.33203125" style="372" customWidth="1"/>
    <col min="8707" max="8708" width="8.44140625" style="372" customWidth="1"/>
    <col min="8709" max="8710" width="8.6640625" style="372" customWidth="1"/>
    <col min="8711" max="8711" width="16.33203125" style="372" customWidth="1"/>
    <col min="8712" max="8712" width="16.77734375" style="372" bestFit="1" customWidth="1"/>
    <col min="8713" max="8960" width="9" style="372"/>
    <col min="8961" max="8961" width="3.109375" style="372" customWidth="1"/>
    <col min="8962" max="8962" width="15.33203125" style="372" customWidth="1"/>
    <col min="8963" max="8964" width="8.44140625" style="372" customWidth="1"/>
    <col min="8965" max="8966" width="8.6640625" style="372" customWidth="1"/>
    <col min="8967" max="8967" width="16.33203125" style="372" customWidth="1"/>
    <col min="8968" max="8968" width="16.77734375" style="372" bestFit="1" customWidth="1"/>
    <col min="8969" max="9216" width="9" style="372"/>
    <col min="9217" max="9217" width="3.109375" style="372" customWidth="1"/>
    <col min="9218" max="9218" width="15.33203125" style="372" customWidth="1"/>
    <col min="9219" max="9220" width="8.44140625" style="372" customWidth="1"/>
    <col min="9221" max="9222" width="8.6640625" style="372" customWidth="1"/>
    <col min="9223" max="9223" width="16.33203125" style="372" customWidth="1"/>
    <col min="9224" max="9224" width="16.77734375" style="372" bestFit="1" customWidth="1"/>
    <col min="9225" max="9472" width="9" style="372"/>
    <col min="9473" max="9473" width="3.109375" style="372" customWidth="1"/>
    <col min="9474" max="9474" width="15.33203125" style="372" customWidth="1"/>
    <col min="9475" max="9476" width="8.44140625" style="372" customWidth="1"/>
    <col min="9477" max="9478" width="8.6640625" style="372" customWidth="1"/>
    <col min="9479" max="9479" width="16.33203125" style="372" customWidth="1"/>
    <col min="9480" max="9480" width="16.77734375" style="372" bestFit="1" customWidth="1"/>
    <col min="9481" max="9728" width="9" style="372"/>
    <col min="9729" max="9729" width="3.109375" style="372" customWidth="1"/>
    <col min="9730" max="9730" width="15.33203125" style="372" customWidth="1"/>
    <col min="9731" max="9732" width="8.44140625" style="372" customWidth="1"/>
    <col min="9733" max="9734" width="8.6640625" style="372" customWidth="1"/>
    <col min="9735" max="9735" width="16.33203125" style="372" customWidth="1"/>
    <col min="9736" max="9736" width="16.77734375" style="372" bestFit="1" customWidth="1"/>
    <col min="9737" max="9984" width="9" style="372"/>
    <col min="9985" max="9985" width="3.109375" style="372" customWidth="1"/>
    <col min="9986" max="9986" width="15.33203125" style="372" customWidth="1"/>
    <col min="9987" max="9988" width="8.44140625" style="372" customWidth="1"/>
    <col min="9989" max="9990" width="8.6640625" style="372" customWidth="1"/>
    <col min="9991" max="9991" width="16.33203125" style="372" customWidth="1"/>
    <col min="9992" max="9992" width="16.77734375" style="372" bestFit="1" customWidth="1"/>
    <col min="9993" max="10240" width="9" style="372"/>
    <col min="10241" max="10241" width="3.109375" style="372" customWidth="1"/>
    <col min="10242" max="10242" width="15.33203125" style="372" customWidth="1"/>
    <col min="10243" max="10244" width="8.44140625" style="372" customWidth="1"/>
    <col min="10245" max="10246" width="8.6640625" style="372" customWidth="1"/>
    <col min="10247" max="10247" width="16.33203125" style="372" customWidth="1"/>
    <col min="10248" max="10248" width="16.77734375" style="372" bestFit="1" customWidth="1"/>
    <col min="10249" max="10496" width="9" style="372"/>
    <col min="10497" max="10497" width="3.109375" style="372" customWidth="1"/>
    <col min="10498" max="10498" width="15.33203125" style="372" customWidth="1"/>
    <col min="10499" max="10500" width="8.44140625" style="372" customWidth="1"/>
    <col min="10501" max="10502" width="8.6640625" style="372" customWidth="1"/>
    <col min="10503" max="10503" width="16.33203125" style="372" customWidth="1"/>
    <col min="10504" max="10504" width="16.77734375" style="372" bestFit="1" customWidth="1"/>
    <col min="10505" max="10752" width="9" style="372"/>
    <col min="10753" max="10753" width="3.109375" style="372" customWidth="1"/>
    <col min="10754" max="10754" width="15.33203125" style="372" customWidth="1"/>
    <col min="10755" max="10756" width="8.44140625" style="372" customWidth="1"/>
    <col min="10757" max="10758" width="8.6640625" style="372" customWidth="1"/>
    <col min="10759" max="10759" width="16.33203125" style="372" customWidth="1"/>
    <col min="10760" max="10760" width="16.77734375" style="372" bestFit="1" customWidth="1"/>
    <col min="10761" max="11008" width="9" style="372"/>
    <col min="11009" max="11009" width="3.109375" style="372" customWidth="1"/>
    <col min="11010" max="11010" width="15.33203125" style="372" customWidth="1"/>
    <col min="11011" max="11012" width="8.44140625" style="372" customWidth="1"/>
    <col min="11013" max="11014" width="8.6640625" style="372" customWidth="1"/>
    <col min="11015" max="11015" width="16.33203125" style="372" customWidth="1"/>
    <col min="11016" max="11016" width="16.77734375" style="372" bestFit="1" customWidth="1"/>
    <col min="11017" max="11264" width="9" style="372"/>
    <col min="11265" max="11265" width="3.109375" style="372" customWidth="1"/>
    <col min="11266" max="11266" width="15.33203125" style="372" customWidth="1"/>
    <col min="11267" max="11268" width="8.44140625" style="372" customWidth="1"/>
    <col min="11269" max="11270" width="8.6640625" style="372" customWidth="1"/>
    <col min="11271" max="11271" width="16.33203125" style="372" customWidth="1"/>
    <col min="11272" max="11272" width="16.77734375" style="372" bestFit="1" customWidth="1"/>
    <col min="11273" max="11520" width="9" style="372"/>
    <col min="11521" max="11521" width="3.109375" style="372" customWidth="1"/>
    <col min="11522" max="11522" width="15.33203125" style="372" customWidth="1"/>
    <col min="11523" max="11524" width="8.44140625" style="372" customWidth="1"/>
    <col min="11525" max="11526" width="8.6640625" style="372" customWidth="1"/>
    <col min="11527" max="11527" width="16.33203125" style="372" customWidth="1"/>
    <col min="11528" max="11528" width="16.77734375" style="372" bestFit="1" customWidth="1"/>
    <col min="11529" max="11776" width="9" style="372"/>
    <col min="11777" max="11777" width="3.109375" style="372" customWidth="1"/>
    <col min="11778" max="11778" width="15.33203125" style="372" customWidth="1"/>
    <col min="11779" max="11780" width="8.44140625" style="372" customWidth="1"/>
    <col min="11781" max="11782" width="8.6640625" style="372" customWidth="1"/>
    <col min="11783" max="11783" width="16.33203125" style="372" customWidth="1"/>
    <col min="11784" max="11784" width="16.77734375" style="372" bestFit="1" customWidth="1"/>
    <col min="11785" max="12032" width="9" style="372"/>
    <col min="12033" max="12033" width="3.109375" style="372" customWidth="1"/>
    <col min="12034" max="12034" width="15.33203125" style="372" customWidth="1"/>
    <col min="12035" max="12036" width="8.44140625" style="372" customWidth="1"/>
    <col min="12037" max="12038" width="8.6640625" style="372" customWidth="1"/>
    <col min="12039" max="12039" width="16.33203125" style="372" customWidth="1"/>
    <col min="12040" max="12040" width="16.77734375" style="372" bestFit="1" customWidth="1"/>
    <col min="12041" max="12288" width="9" style="372"/>
    <col min="12289" max="12289" width="3.109375" style="372" customWidth="1"/>
    <col min="12290" max="12290" width="15.33203125" style="372" customWidth="1"/>
    <col min="12291" max="12292" width="8.44140625" style="372" customWidth="1"/>
    <col min="12293" max="12294" width="8.6640625" style="372" customWidth="1"/>
    <col min="12295" max="12295" width="16.33203125" style="372" customWidth="1"/>
    <col min="12296" max="12296" width="16.77734375" style="372" bestFit="1" customWidth="1"/>
    <col min="12297" max="12544" width="9" style="372"/>
    <col min="12545" max="12545" width="3.109375" style="372" customWidth="1"/>
    <col min="12546" max="12546" width="15.33203125" style="372" customWidth="1"/>
    <col min="12547" max="12548" width="8.44140625" style="372" customWidth="1"/>
    <col min="12549" max="12550" width="8.6640625" style="372" customWidth="1"/>
    <col min="12551" max="12551" width="16.33203125" style="372" customWidth="1"/>
    <col min="12552" max="12552" width="16.77734375" style="372" bestFit="1" customWidth="1"/>
    <col min="12553" max="12800" width="9" style="372"/>
    <col min="12801" max="12801" width="3.109375" style="372" customWidth="1"/>
    <col min="12802" max="12802" width="15.33203125" style="372" customWidth="1"/>
    <col min="12803" max="12804" width="8.44140625" style="372" customWidth="1"/>
    <col min="12805" max="12806" width="8.6640625" style="372" customWidth="1"/>
    <col min="12807" max="12807" width="16.33203125" style="372" customWidth="1"/>
    <col min="12808" max="12808" width="16.77734375" style="372" bestFit="1" customWidth="1"/>
    <col min="12809" max="13056" width="9" style="372"/>
    <col min="13057" max="13057" width="3.109375" style="372" customWidth="1"/>
    <col min="13058" max="13058" width="15.33203125" style="372" customWidth="1"/>
    <col min="13059" max="13060" width="8.44140625" style="372" customWidth="1"/>
    <col min="13061" max="13062" width="8.6640625" style="372" customWidth="1"/>
    <col min="13063" max="13063" width="16.33203125" style="372" customWidth="1"/>
    <col min="13064" max="13064" width="16.77734375" style="372" bestFit="1" customWidth="1"/>
    <col min="13065" max="13312" width="9" style="372"/>
    <col min="13313" max="13313" width="3.109375" style="372" customWidth="1"/>
    <col min="13314" max="13314" width="15.33203125" style="372" customWidth="1"/>
    <col min="13315" max="13316" width="8.44140625" style="372" customWidth="1"/>
    <col min="13317" max="13318" width="8.6640625" style="372" customWidth="1"/>
    <col min="13319" max="13319" width="16.33203125" style="372" customWidth="1"/>
    <col min="13320" max="13320" width="16.77734375" style="372" bestFit="1" customWidth="1"/>
    <col min="13321" max="13568" width="9" style="372"/>
    <col min="13569" max="13569" width="3.109375" style="372" customWidth="1"/>
    <col min="13570" max="13570" width="15.33203125" style="372" customWidth="1"/>
    <col min="13571" max="13572" width="8.44140625" style="372" customWidth="1"/>
    <col min="13573" max="13574" width="8.6640625" style="372" customWidth="1"/>
    <col min="13575" max="13575" width="16.33203125" style="372" customWidth="1"/>
    <col min="13576" max="13576" width="16.77734375" style="372" bestFit="1" customWidth="1"/>
    <col min="13577" max="13824" width="9" style="372"/>
    <col min="13825" max="13825" width="3.109375" style="372" customWidth="1"/>
    <col min="13826" max="13826" width="15.33203125" style="372" customWidth="1"/>
    <col min="13827" max="13828" width="8.44140625" style="372" customWidth="1"/>
    <col min="13829" max="13830" width="8.6640625" style="372" customWidth="1"/>
    <col min="13831" max="13831" width="16.33203125" style="372" customWidth="1"/>
    <col min="13832" max="13832" width="16.77734375" style="372" bestFit="1" customWidth="1"/>
    <col min="13833" max="14080" width="9" style="372"/>
    <col min="14081" max="14081" width="3.109375" style="372" customWidth="1"/>
    <col min="14082" max="14082" width="15.33203125" style="372" customWidth="1"/>
    <col min="14083" max="14084" width="8.44140625" style="372" customWidth="1"/>
    <col min="14085" max="14086" width="8.6640625" style="372" customWidth="1"/>
    <col min="14087" max="14087" width="16.33203125" style="372" customWidth="1"/>
    <col min="14088" max="14088" width="16.77734375" style="372" bestFit="1" customWidth="1"/>
    <col min="14089" max="14336" width="9" style="372"/>
    <col min="14337" max="14337" width="3.109375" style="372" customWidth="1"/>
    <col min="14338" max="14338" width="15.33203125" style="372" customWidth="1"/>
    <col min="14339" max="14340" width="8.44140625" style="372" customWidth="1"/>
    <col min="14341" max="14342" width="8.6640625" style="372" customWidth="1"/>
    <col min="14343" max="14343" width="16.33203125" style="372" customWidth="1"/>
    <col min="14344" max="14344" width="16.77734375" style="372" bestFit="1" customWidth="1"/>
    <col min="14345" max="14592" width="9" style="372"/>
    <col min="14593" max="14593" width="3.109375" style="372" customWidth="1"/>
    <col min="14594" max="14594" width="15.33203125" style="372" customWidth="1"/>
    <col min="14595" max="14596" width="8.44140625" style="372" customWidth="1"/>
    <col min="14597" max="14598" width="8.6640625" style="372" customWidth="1"/>
    <col min="14599" max="14599" width="16.33203125" style="372" customWidth="1"/>
    <col min="14600" max="14600" width="16.77734375" style="372" bestFit="1" customWidth="1"/>
    <col min="14601" max="14848" width="9" style="372"/>
    <col min="14849" max="14849" width="3.109375" style="372" customWidth="1"/>
    <col min="14850" max="14850" width="15.33203125" style="372" customWidth="1"/>
    <col min="14851" max="14852" width="8.44140625" style="372" customWidth="1"/>
    <col min="14853" max="14854" width="8.6640625" style="372" customWidth="1"/>
    <col min="14855" max="14855" width="16.33203125" style="372" customWidth="1"/>
    <col min="14856" max="14856" width="16.77734375" style="372" bestFit="1" customWidth="1"/>
    <col min="14857" max="15104" width="9" style="372"/>
    <col min="15105" max="15105" width="3.109375" style="372" customWidth="1"/>
    <col min="15106" max="15106" width="15.33203125" style="372" customWidth="1"/>
    <col min="15107" max="15108" width="8.44140625" style="372" customWidth="1"/>
    <col min="15109" max="15110" width="8.6640625" style="372" customWidth="1"/>
    <col min="15111" max="15111" width="16.33203125" style="372" customWidth="1"/>
    <col min="15112" max="15112" width="16.77734375" style="372" bestFit="1" customWidth="1"/>
    <col min="15113" max="15360" width="9" style="372"/>
    <col min="15361" max="15361" width="3.109375" style="372" customWidth="1"/>
    <col min="15362" max="15362" width="15.33203125" style="372" customWidth="1"/>
    <col min="15363" max="15364" width="8.44140625" style="372" customWidth="1"/>
    <col min="15365" max="15366" width="8.6640625" style="372" customWidth="1"/>
    <col min="15367" max="15367" width="16.33203125" style="372" customWidth="1"/>
    <col min="15368" max="15368" width="16.77734375" style="372" bestFit="1" customWidth="1"/>
    <col min="15369" max="15616" width="9" style="372"/>
    <col min="15617" max="15617" width="3.109375" style="372" customWidth="1"/>
    <col min="15618" max="15618" width="15.33203125" style="372" customWidth="1"/>
    <col min="15619" max="15620" width="8.44140625" style="372" customWidth="1"/>
    <col min="15621" max="15622" width="8.6640625" style="372" customWidth="1"/>
    <col min="15623" max="15623" width="16.33203125" style="372" customWidth="1"/>
    <col min="15624" max="15624" width="16.77734375" style="372" bestFit="1" customWidth="1"/>
    <col min="15625" max="15872" width="9" style="372"/>
    <col min="15873" max="15873" width="3.109375" style="372" customWidth="1"/>
    <col min="15874" max="15874" width="15.33203125" style="372" customWidth="1"/>
    <col min="15875" max="15876" width="8.44140625" style="372" customWidth="1"/>
    <col min="15877" max="15878" width="8.6640625" style="372" customWidth="1"/>
    <col min="15879" max="15879" width="16.33203125" style="372" customWidth="1"/>
    <col min="15880" max="15880" width="16.77734375" style="372" bestFit="1" customWidth="1"/>
    <col min="15881" max="16128" width="9" style="372"/>
    <col min="16129" max="16129" width="3.109375" style="372" customWidth="1"/>
    <col min="16130" max="16130" width="15.33203125" style="372" customWidth="1"/>
    <col min="16131" max="16132" width="8.44140625" style="372" customWidth="1"/>
    <col min="16133" max="16134" width="8.6640625" style="372" customWidth="1"/>
    <col min="16135" max="16135" width="16.33203125" style="372" customWidth="1"/>
    <col min="16136" max="16136" width="16.77734375" style="372" bestFit="1" customWidth="1"/>
    <col min="16137" max="16384" width="9" style="372"/>
  </cols>
  <sheetData>
    <row r="1" spans="1:8" ht="27.75" customHeight="1" x14ac:dyDescent="0.2">
      <c r="A1" s="437"/>
      <c r="B1" s="438" t="s">
        <v>699</v>
      </c>
      <c r="G1" s="374"/>
      <c r="H1" s="411" t="s">
        <v>737</v>
      </c>
    </row>
    <row r="2" spans="1:8" ht="56.25" customHeight="1" x14ac:dyDescent="0.2">
      <c r="A2" s="2577" t="s">
        <v>601</v>
      </c>
      <c r="B2" s="2577"/>
      <c r="C2" s="2577"/>
      <c r="D2" s="2577"/>
      <c r="E2" s="2577"/>
      <c r="F2" s="2577"/>
      <c r="G2" s="2577"/>
      <c r="H2" s="2577"/>
    </row>
    <row r="3" spans="1:8" ht="15.75" customHeight="1" x14ac:dyDescent="0.2">
      <c r="A3" s="2574"/>
      <c r="B3" s="2574"/>
      <c r="C3" s="2574"/>
      <c r="D3" s="2574"/>
      <c r="E3" s="378"/>
      <c r="G3" s="374"/>
      <c r="H3" s="374"/>
    </row>
    <row r="4" spans="1:8" ht="15.75" customHeight="1" x14ac:dyDescent="0.2">
      <c r="A4" s="2594"/>
      <c r="B4" s="2594"/>
      <c r="C4" s="2595"/>
      <c r="D4" s="2574"/>
      <c r="E4" s="407"/>
    </row>
    <row r="5" spans="1:8" ht="17.25" customHeight="1" x14ac:dyDescent="0.2">
      <c r="A5" s="2594"/>
      <c r="B5" s="2594"/>
      <c r="C5" s="2631" t="s">
        <v>583</v>
      </c>
      <c r="D5" s="2631"/>
      <c r="E5" s="2812" t="s">
        <v>69</v>
      </c>
      <c r="F5" s="2813"/>
      <c r="G5" s="2813"/>
      <c r="H5" s="2814"/>
    </row>
    <row r="6" spans="1:8" ht="17.25" customHeight="1" x14ac:dyDescent="0.2">
      <c r="A6" s="2594"/>
      <c r="B6" s="2594"/>
      <c r="C6" s="2631"/>
      <c r="D6" s="2631"/>
      <c r="E6" s="2815"/>
      <c r="F6" s="2816"/>
      <c r="G6" s="2816"/>
      <c r="H6" s="2817"/>
    </row>
    <row r="7" spans="1:8" ht="17.25" customHeight="1" x14ac:dyDescent="0.2">
      <c r="A7" s="2594"/>
      <c r="B7" s="2594"/>
      <c r="C7" s="2631"/>
      <c r="D7" s="2631"/>
      <c r="E7" s="2818"/>
      <c r="F7" s="2819"/>
      <c r="G7" s="2819"/>
      <c r="H7" s="2820"/>
    </row>
    <row r="8" spans="1:8" ht="17.25" customHeight="1" x14ac:dyDescent="0.2">
      <c r="A8" s="431"/>
      <c r="B8" s="431"/>
      <c r="C8" s="436"/>
      <c r="D8" s="436"/>
      <c r="E8" s="435"/>
      <c r="F8" s="435"/>
      <c r="G8" s="435"/>
    </row>
    <row r="9" spans="1:8" ht="15" customHeight="1" x14ac:dyDescent="0.2">
      <c r="A9" s="431"/>
      <c r="B9" s="431"/>
      <c r="C9" s="2806" t="s">
        <v>761</v>
      </c>
      <c r="D9" s="2807"/>
      <c r="E9" s="434"/>
      <c r="F9" s="433"/>
      <c r="G9" s="433"/>
      <c r="H9" s="377"/>
    </row>
    <row r="10" spans="1:8" ht="15" customHeight="1" x14ac:dyDescent="0.2">
      <c r="A10" s="431"/>
      <c r="B10" s="431"/>
      <c r="C10" s="2808"/>
      <c r="D10" s="2809"/>
      <c r="E10" s="394">
        <v>1</v>
      </c>
      <c r="F10" s="382" t="s">
        <v>755</v>
      </c>
      <c r="G10" s="378"/>
      <c r="H10" s="393"/>
    </row>
    <row r="11" spans="1:8" ht="15" customHeight="1" x14ac:dyDescent="0.2">
      <c r="A11" s="431"/>
      <c r="B11" s="431"/>
      <c r="C11" s="2808"/>
      <c r="D11" s="2809"/>
      <c r="E11" s="394">
        <v>2</v>
      </c>
      <c r="F11" s="382" t="s">
        <v>754</v>
      </c>
      <c r="G11" s="378"/>
      <c r="H11" s="393"/>
    </row>
    <row r="12" spans="1:8" ht="15" customHeight="1" x14ac:dyDescent="0.2">
      <c r="A12" s="431"/>
      <c r="B12" s="431"/>
      <c r="C12" s="2808"/>
      <c r="D12" s="2809"/>
      <c r="E12" s="394">
        <v>3</v>
      </c>
      <c r="F12" s="382" t="s">
        <v>753</v>
      </c>
      <c r="G12" s="378"/>
      <c r="H12" s="393"/>
    </row>
    <row r="13" spans="1:8" ht="15" customHeight="1" x14ac:dyDescent="0.2">
      <c r="A13" s="431"/>
      <c r="B13" s="431"/>
      <c r="C13" s="2808"/>
      <c r="D13" s="2809"/>
      <c r="E13" s="432">
        <v>4</v>
      </c>
      <c r="F13" s="382" t="s">
        <v>752</v>
      </c>
      <c r="G13" s="378"/>
      <c r="H13" s="393"/>
    </row>
    <row r="14" spans="1:8" ht="15" customHeight="1" x14ac:dyDescent="0.2">
      <c r="A14" s="431"/>
      <c r="B14" s="431"/>
      <c r="C14" s="2808"/>
      <c r="D14" s="2809"/>
      <c r="E14" s="432">
        <v>5</v>
      </c>
      <c r="F14" s="382" t="s">
        <v>751</v>
      </c>
      <c r="G14" s="378"/>
      <c r="H14" s="393"/>
    </row>
    <row r="15" spans="1:8" ht="15" customHeight="1" x14ac:dyDescent="0.2">
      <c r="A15" s="431"/>
      <c r="B15" s="431"/>
      <c r="C15" s="2808"/>
      <c r="D15" s="2809"/>
      <c r="E15" s="432">
        <v>6</v>
      </c>
      <c r="F15" s="382" t="s">
        <v>750</v>
      </c>
      <c r="G15" s="378"/>
      <c r="H15" s="393"/>
    </row>
    <row r="16" spans="1:8" ht="15" customHeight="1" x14ac:dyDescent="0.2">
      <c r="A16" s="431"/>
      <c r="B16" s="431"/>
      <c r="C16" s="2808"/>
      <c r="D16" s="2809"/>
      <c r="E16" s="432">
        <v>7</v>
      </c>
      <c r="F16" s="382" t="s">
        <v>749</v>
      </c>
      <c r="G16" s="378"/>
      <c r="H16" s="393"/>
    </row>
    <row r="17" spans="1:8" ht="15" customHeight="1" x14ac:dyDescent="0.2">
      <c r="A17" s="431"/>
      <c r="B17" s="431"/>
      <c r="C17" s="2810"/>
      <c r="D17" s="2811"/>
      <c r="E17" s="430"/>
      <c r="F17" s="429"/>
      <c r="G17" s="429"/>
      <c r="H17" s="396"/>
    </row>
    <row r="18" spans="1:8" ht="15.75" customHeight="1" x14ac:dyDescent="0.2"/>
    <row r="19" spans="1:8" ht="15.75" customHeight="1" thickBot="1" x14ac:dyDescent="0.25">
      <c r="A19" s="400"/>
      <c r="B19" s="400"/>
      <c r="C19" s="400"/>
      <c r="D19" s="400"/>
      <c r="E19" s="400"/>
      <c r="F19" s="400"/>
      <c r="G19" s="400"/>
      <c r="H19" s="400"/>
    </row>
    <row r="20" spans="1:8" s="400" customFormat="1" ht="24.75" customHeight="1" x14ac:dyDescent="0.2">
      <c r="A20" s="402"/>
      <c r="B20" s="428" t="s">
        <v>54</v>
      </c>
      <c r="C20" s="2547" t="s">
        <v>735</v>
      </c>
      <c r="D20" s="2547"/>
      <c r="E20" s="2547" t="s">
        <v>186</v>
      </c>
      <c r="F20" s="2600"/>
      <c r="G20" s="427" t="s">
        <v>760</v>
      </c>
      <c r="H20" s="405" t="s">
        <v>413</v>
      </c>
    </row>
    <row r="21" spans="1:8" s="400" customFormat="1" ht="17.25" customHeight="1" x14ac:dyDescent="0.2">
      <c r="A21" s="402">
        <v>1</v>
      </c>
      <c r="B21" s="423"/>
      <c r="C21" s="2604"/>
      <c r="D21" s="2605"/>
      <c r="E21" s="2603"/>
      <c r="F21" s="2596"/>
      <c r="G21" s="424"/>
      <c r="H21" s="403"/>
    </row>
    <row r="22" spans="1:8" s="400" customFormat="1" ht="17.25" customHeight="1" x14ac:dyDescent="0.2">
      <c r="A22" s="402">
        <v>2</v>
      </c>
      <c r="B22" s="423"/>
      <c r="C22" s="2604"/>
      <c r="D22" s="2605"/>
      <c r="E22" s="2603"/>
      <c r="F22" s="2596"/>
      <c r="G22" s="424"/>
      <c r="H22" s="403"/>
    </row>
    <row r="23" spans="1:8" s="400" customFormat="1" ht="17.25" customHeight="1" x14ac:dyDescent="0.2">
      <c r="A23" s="402">
        <v>3</v>
      </c>
      <c r="B23" s="425"/>
      <c r="C23" s="2610"/>
      <c r="D23" s="2611"/>
      <c r="E23" s="2596"/>
      <c r="F23" s="2597"/>
      <c r="G23" s="424"/>
      <c r="H23" s="403"/>
    </row>
    <row r="24" spans="1:8" s="400" customFormat="1" ht="17.25" customHeight="1" x14ac:dyDescent="0.2">
      <c r="A24" s="402">
        <v>4</v>
      </c>
      <c r="B24" s="425"/>
      <c r="C24" s="2610"/>
      <c r="D24" s="2611"/>
      <c r="E24" s="2596"/>
      <c r="F24" s="2597"/>
      <c r="G24" s="424"/>
      <c r="H24" s="403"/>
    </row>
    <row r="25" spans="1:8" s="400" customFormat="1" ht="17.25" customHeight="1" x14ac:dyDescent="0.2">
      <c r="A25" s="402">
        <v>5</v>
      </c>
      <c r="B25" s="425"/>
      <c r="C25" s="2610"/>
      <c r="D25" s="2611"/>
      <c r="E25" s="2596"/>
      <c r="F25" s="2597"/>
      <c r="G25" s="424"/>
      <c r="H25" s="403"/>
    </row>
    <row r="26" spans="1:8" s="400" customFormat="1" ht="17.25" customHeight="1" x14ac:dyDescent="0.2">
      <c r="A26" s="402">
        <v>6</v>
      </c>
      <c r="B26" s="425"/>
      <c r="C26" s="2610"/>
      <c r="D26" s="2611"/>
      <c r="E26" s="2596"/>
      <c r="F26" s="2597"/>
      <c r="G26" s="424"/>
      <c r="H26" s="401"/>
    </row>
    <row r="27" spans="1:8" s="400" customFormat="1" ht="17.25" customHeight="1" x14ac:dyDescent="0.2">
      <c r="A27" s="402">
        <v>7</v>
      </c>
      <c r="B27" s="423"/>
      <c r="C27" s="2603"/>
      <c r="D27" s="2603"/>
      <c r="E27" s="2603"/>
      <c r="F27" s="2596"/>
      <c r="G27" s="426"/>
      <c r="H27" s="404"/>
    </row>
    <row r="28" spans="1:8" s="400" customFormat="1" ht="17.25" customHeight="1" x14ac:dyDescent="0.2">
      <c r="A28" s="402">
        <v>8</v>
      </c>
      <c r="B28" s="423"/>
      <c r="C28" s="2603"/>
      <c r="D28" s="2603"/>
      <c r="E28" s="2603"/>
      <c r="F28" s="2596"/>
      <c r="G28" s="426"/>
      <c r="H28" s="401"/>
    </row>
    <row r="29" spans="1:8" s="400" customFormat="1" ht="17.25" customHeight="1" x14ac:dyDescent="0.2">
      <c r="A29" s="402">
        <v>9</v>
      </c>
      <c r="B29" s="423"/>
      <c r="C29" s="2603"/>
      <c r="D29" s="2603"/>
      <c r="E29" s="2603"/>
      <c r="F29" s="2596"/>
      <c r="G29" s="426"/>
      <c r="H29" s="401"/>
    </row>
    <row r="30" spans="1:8" s="400" customFormat="1" ht="17.25" customHeight="1" x14ac:dyDescent="0.2">
      <c r="A30" s="402">
        <v>10</v>
      </c>
      <c r="B30" s="423"/>
      <c r="C30" s="2603"/>
      <c r="D30" s="2603"/>
      <c r="E30" s="2603"/>
      <c r="F30" s="2596"/>
      <c r="G30" s="426"/>
      <c r="H30" s="401"/>
    </row>
    <row r="31" spans="1:8" s="400" customFormat="1" ht="17.25" customHeight="1" x14ac:dyDescent="0.2">
      <c r="A31" s="402">
        <v>11</v>
      </c>
      <c r="B31" s="425"/>
      <c r="C31" s="2610"/>
      <c r="D31" s="2611"/>
      <c r="E31" s="2603"/>
      <c r="F31" s="2596"/>
      <c r="G31" s="424"/>
      <c r="H31" s="403"/>
    </row>
    <row r="32" spans="1:8" s="400" customFormat="1" ht="17.25" customHeight="1" x14ac:dyDescent="0.2">
      <c r="A32" s="402">
        <v>12</v>
      </c>
      <c r="B32" s="423"/>
      <c r="C32" s="2604"/>
      <c r="D32" s="2605"/>
      <c r="E32" s="2603"/>
      <c r="F32" s="2596"/>
      <c r="G32" s="424"/>
      <c r="H32" s="403"/>
    </row>
    <row r="33" spans="1:8" s="400" customFormat="1" ht="17.25" customHeight="1" x14ac:dyDescent="0.2">
      <c r="A33" s="402">
        <v>13</v>
      </c>
      <c r="B33" s="425"/>
      <c r="C33" s="2610"/>
      <c r="D33" s="2611"/>
      <c r="E33" s="2596"/>
      <c r="F33" s="2597"/>
      <c r="G33" s="424"/>
      <c r="H33" s="403"/>
    </row>
    <row r="34" spans="1:8" s="400" customFormat="1" ht="17.25" customHeight="1" x14ac:dyDescent="0.2">
      <c r="A34" s="402">
        <v>14</v>
      </c>
      <c r="B34" s="423"/>
      <c r="C34" s="2604"/>
      <c r="D34" s="2605"/>
      <c r="E34" s="2603"/>
      <c r="F34" s="2596"/>
      <c r="G34" s="424"/>
      <c r="H34" s="403"/>
    </row>
    <row r="35" spans="1:8" s="400" customFormat="1" ht="17.25" customHeight="1" x14ac:dyDescent="0.2">
      <c r="A35" s="402">
        <v>15</v>
      </c>
      <c r="B35" s="423"/>
      <c r="C35" s="2610"/>
      <c r="D35" s="2617"/>
      <c r="E35" s="2603"/>
      <c r="F35" s="2596"/>
      <c r="G35" s="424"/>
      <c r="H35" s="401"/>
    </row>
    <row r="36" spans="1:8" s="400" customFormat="1" ht="17.25" customHeight="1" x14ac:dyDescent="0.2">
      <c r="A36" s="402">
        <v>16</v>
      </c>
      <c r="B36" s="423"/>
      <c r="C36" s="2618"/>
      <c r="D36" s="2603"/>
      <c r="E36" s="2603"/>
      <c r="F36" s="2596"/>
      <c r="G36" s="424"/>
      <c r="H36" s="401"/>
    </row>
    <row r="37" spans="1:8" s="400" customFormat="1" ht="17.25" customHeight="1" x14ac:dyDescent="0.2">
      <c r="A37" s="402">
        <v>17</v>
      </c>
      <c r="B37" s="423"/>
      <c r="C37" s="2603"/>
      <c r="D37" s="2603"/>
      <c r="E37" s="2603"/>
      <c r="F37" s="2596"/>
      <c r="G37" s="424"/>
      <c r="H37" s="401"/>
    </row>
    <row r="38" spans="1:8" s="400" customFormat="1" ht="17.25" customHeight="1" x14ac:dyDescent="0.2">
      <c r="A38" s="402">
        <v>18</v>
      </c>
      <c r="B38" s="423"/>
      <c r="C38" s="2603"/>
      <c r="D38" s="2603"/>
      <c r="E38" s="2603"/>
      <c r="F38" s="2596"/>
      <c r="G38" s="424"/>
      <c r="H38" s="401"/>
    </row>
    <row r="39" spans="1:8" s="400" customFormat="1" ht="17.25" customHeight="1" x14ac:dyDescent="0.2">
      <c r="A39" s="402">
        <v>19</v>
      </c>
      <c r="B39" s="423"/>
      <c r="C39" s="2603"/>
      <c r="D39" s="2603"/>
      <c r="E39" s="2603"/>
      <c r="F39" s="2596"/>
      <c r="G39" s="424"/>
      <c r="H39" s="401"/>
    </row>
    <row r="40" spans="1:8" s="400" customFormat="1" ht="17.25" customHeight="1" thickBot="1" x14ac:dyDescent="0.25">
      <c r="A40" s="402">
        <v>20</v>
      </c>
      <c r="B40" s="423"/>
      <c r="C40" s="2603"/>
      <c r="D40" s="2603"/>
      <c r="E40" s="2603"/>
      <c r="F40" s="2596"/>
      <c r="G40" s="422"/>
      <c r="H40" s="401"/>
    </row>
    <row r="41" spans="1:8" ht="39.75" customHeight="1" x14ac:dyDescent="0.2">
      <c r="A41" s="2625" t="s">
        <v>759</v>
      </c>
      <c r="B41" s="2626"/>
      <c r="C41" s="2626"/>
      <c r="D41" s="2626"/>
      <c r="E41" s="2626"/>
      <c r="F41" s="2626"/>
      <c r="G41" s="2626"/>
      <c r="H41" s="2626"/>
    </row>
    <row r="42" spans="1:8" ht="114.6" customHeight="1" x14ac:dyDescent="0.2">
      <c r="A42" s="2626"/>
      <c r="B42" s="2626"/>
      <c r="C42" s="2626"/>
      <c r="D42" s="2626"/>
      <c r="E42" s="2626"/>
      <c r="F42" s="2626"/>
      <c r="G42" s="2626"/>
      <c r="H42" s="2626"/>
    </row>
  </sheetData>
  <customSheetViews>
    <customSheetView guid="{FA98832E-F01A-4598-9960-E27C2FDAB118}" showPageBreaks="1" showGridLines="0" printArea="1" view="pageBreakPreview">
      <selection activeCell="L2" sqref="L2"/>
      <pageMargins left="0.7" right="0.7" top="0.75" bottom="0.75" header="0.3" footer="0.3"/>
      <pageSetup paperSize="9" scale="89" orientation="portrait" r:id="rId1"/>
    </customSheetView>
    <customSheetView guid="{8494577A-77FB-45FD-BD2B-C737BCFAD5B3}" showPageBreaks="1" showGridLines="0" printArea="1" view="pageBreakPreview">
      <selection activeCell="J20" sqref="J20"/>
      <pageMargins left="0.7" right="0.7" top="0.75" bottom="0.75" header="0.3" footer="0.3"/>
      <pageSetup paperSize="9" scale="89" orientation="portrait" r:id="rId2"/>
    </customSheetView>
  </customSheetViews>
  <mergeCells count="54">
    <mergeCell ref="C37:D37"/>
    <mergeCell ref="E37:F37"/>
    <mergeCell ref="A41:H42"/>
    <mergeCell ref="C38:D38"/>
    <mergeCell ref="E38:F38"/>
    <mergeCell ref="C39:D39"/>
    <mergeCell ref="E39:F39"/>
    <mergeCell ref="C40:D40"/>
    <mergeCell ref="E40:F40"/>
    <mergeCell ref="C34:D34"/>
    <mergeCell ref="E34:F34"/>
    <mergeCell ref="C35:D35"/>
    <mergeCell ref="E35:F35"/>
    <mergeCell ref="C36:D36"/>
    <mergeCell ref="E36:F36"/>
    <mergeCell ref="C31:D31"/>
    <mergeCell ref="E31:F31"/>
    <mergeCell ref="C32:D32"/>
    <mergeCell ref="E32:F32"/>
    <mergeCell ref="C33:D33"/>
    <mergeCell ref="E33:F33"/>
    <mergeCell ref="C28:D28"/>
    <mergeCell ref="E28:F28"/>
    <mergeCell ref="C29:D29"/>
    <mergeCell ref="E29:F29"/>
    <mergeCell ref="C30:D30"/>
    <mergeCell ref="E30:F30"/>
    <mergeCell ref="C25:D25"/>
    <mergeCell ref="E25:F25"/>
    <mergeCell ref="C26:D26"/>
    <mergeCell ref="E26:F26"/>
    <mergeCell ref="C27:D27"/>
    <mergeCell ref="E27:F27"/>
    <mergeCell ref="C23:D23"/>
    <mergeCell ref="E23:F23"/>
    <mergeCell ref="C24:D24"/>
    <mergeCell ref="E24:F24"/>
    <mergeCell ref="C22:D22"/>
    <mergeCell ref="E22:F22"/>
    <mergeCell ref="C9:D17"/>
    <mergeCell ref="C20:D20"/>
    <mergeCell ref="E20:F20"/>
    <mergeCell ref="C21:D21"/>
    <mergeCell ref="A2:H2"/>
    <mergeCell ref="A3:B3"/>
    <mergeCell ref="C3:D3"/>
    <mergeCell ref="A4:B4"/>
    <mergeCell ref="C4:D4"/>
    <mergeCell ref="A5:B5"/>
    <mergeCell ref="C5:D7"/>
    <mergeCell ref="E5:H7"/>
    <mergeCell ref="A6:B6"/>
    <mergeCell ref="A7:B7"/>
    <mergeCell ref="E21:F21"/>
  </mergeCells>
  <phoneticPr fontId="6"/>
  <pageMargins left="0.7" right="0.7" top="0.75" bottom="0.75" header="0.3" footer="0.3"/>
  <pageSetup paperSize="9" scale="89" orientation="portrait" r:id="rId3"/>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4"/>
  <sheetViews>
    <sheetView showGridLines="0" view="pageBreakPreview" zoomScale="85" zoomScaleNormal="100" zoomScaleSheetLayoutView="85" workbookViewId="0">
      <selection activeCell="A3" sqref="A3:AL4"/>
    </sheetView>
  </sheetViews>
  <sheetFormatPr defaultColWidth="2.21875" defaultRowHeight="13.2" x14ac:dyDescent="0.2"/>
  <cols>
    <col min="1" max="1" width="2.21875" style="372" customWidth="1"/>
    <col min="2" max="2" width="2.21875" style="373" customWidth="1"/>
    <col min="3" max="5" width="2.21875" style="372"/>
    <col min="6" max="6" width="2.44140625" style="372" bestFit="1" customWidth="1"/>
    <col min="7" max="8" width="2.21875" style="372"/>
    <col min="9" max="36" width="2.33203125" style="372" customWidth="1"/>
    <col min="37" max="37" width="2.21875" style="372"/>
    <col min="38" max="38" width="2.21875" style="372" customWidth="1"/>
    <col min="39" max="224" width="2.21875" style="372"/>
    <col min="225" max="226" width="2.21875" style="372" customWidth="1"/>
    <col min="227" max="229" width="2.21875" style="372"/>
    <col min="230" max="230" width="2.44140625" style="372" bestFit="1" customWidth="1"/>
    <col min="231" max="232" width="2.21875" style="372"/>
    <col min="233" max="260" width="2.33203125" style="372" customWidth="1"/>
    <col min="261" max="261" width="2.21875" style="372"/>
    <col min="262" max="262" width="2.21875" style="372" customWidth="1"/>
    <col min="263" max="480" width="2.21875" style="372"/>
    <col min="481" max="482" width="2.21875" style="372" customWidth="1"/>
    <col min="483" max="485" width="2.21875" style="372"/>
    <col min="486" max="486" width="2.44140625" style="372" bestFit="1" customWidth="1"/>
    <col min="487" max="488" width="2.21875" style="372"/>
    <col min="489" max="516" width="2.33203125" style="372" customWidth="1"/>
    <col min="517" max="517" width="2.21875" style="372"/>
    <col min="518" max="518" width="2.21875" style="372" customWidth="1"/>
    <col min="519" max="736" width="2.21875" style="372"/>
    <col min="737" max="738" width="2.21875" style="372" customWidth="1"/>
    <col min="739" max="741" width="2.21875" style="372"/>
    <col min="742" max="742" width="2.44140625" style="372" bestFit="1" customWidth="1"/>
    <col min="743" max="744" width="2.21875" style="372"/>
    <col min="745" max="772" width="2.33203125" style="372" customWidth="1"/>
    <col min="773" max="773" width="2.21875" style="372"/>
    <col min="774" max="774" width="2.21875" style="372" customWidth="1"/>
    <col min="775" max="992" width="2.21875" style="372"/>
    <col min="993" max="994" width="2.21875" style="372" customWidth="1"/>
    <col min="995" max="997" width="2.21875" style="372"/>
    <col min="998" max="998" width="2.44140625" style="372" bestFit="1" customWidth="1"/>
    <col min="999" max="1000" width="2.21875" style="372"/>
    <col min="1001" max="1028" width="2.33203125" style="372" customWidth="1"/>
    <col min="1029" max="1029" width="2.21875" style="372"/>
    <col min="1030" max="1030" width="2.21875" style="372" customWidth="1"/>
    <col min="1031" max="1248" width="2.21875" style="372"/>
    <col min="1249" max="1250" width="2.21875" style="372" customWidth="1"/>
    <col min="1251" max="1253" width="2.21875" style="372"/>
    <col min="1254" max="1254" width="2.44140625" style="372" bestFit="1" customWidth="1"/>
    <col min="1255" max="1256" width="2.21875" style="372"/>
    <col min="1257" max="1284" width="2.33203125" style="372" customWidth="1"/>
    <col min="1285" max="1285" width="2.21875" style="372"/>
    <col min="1286" max="1286" width="2.21875" style="372" customWidth="1"/>
    <col min="1287" max="1504" width="2.21875" style="372"/>
    <col min="1505" max="1506" width="2.21875" style="372" customWidth="1"/>
    <col min="1507" max="1509" width="2.21875" style="372"/>
    <col min="1510" max="1510" width="2.44140625" style="372" bestFit="1" customWidth="1"/>
    <col min="1511" max="1512" width="2.21875" style="372"/>
    <col min="1513" max="1540" width="2.33203125" style="372" customWidth="1"/>
    <col min="1541" max="1541" width="2.21875" style="372"/>
    <col min="1542" max="1542" width="2.21875" style="372" customWidth="1"/>
    <col min="1543" max="1760" width="2.21875" style="372"/>
    <col min="1761" max="1762" width="2.21875" style="372" customWidth="1"/>
    <col min="1763" max="1765" width="2.21875" style="372"/>
    <col min="1766" max="1766" width="2.44140625" style="372" bestFit="1" customWidth="1"/>
    <col min="1767" max="1768" width="2.21875" style="372"/>
    <col min="1769" max="1796" width="2.33203125" style="372" customWidth="1"/>
    <col min="1797" max="1797" width="2.21875" style="372"/>
    <col min="1798" max="1798" width="2.21875" style="372" customWidth="1"/>
    <col min="1799" max="2016" width="2.21875" style="372"/>
    <col min="2017" max="2018" width="2.21875" style="372" customWidth="1"/>
    <col min="2019" max="2021" width="2.21875" style="372"/>
    <col min="2022" max="2022" width="2.44140625" style="372" bestFit="1" customWidth="1"/>
    <col min="2023" max="2024" width="2.21875" style="372"/>
    <col min="2025" max="2052" width="2.33203125" style="372" customWidth="1"/>
    <col min="2053" max="2053" width="2.21875" style="372"/>
    <col min="2054" max="2054" width="2.21875" style="372" customWidth="1"/>
    <col min="2055" max="2272" width="2.21875" style="372"/>
    <col min="2273" max="2274" width="2.21875" style="372" customWidth="1"/>
    <col min="2275" max="2277" width="2.21875" style="372"/>
    <col min="2278" max="2278" width="2.44140625" style="372" bestFit="1" customWidth="1"/>
    <col min="2279" max="2280" width="2.21875" style="372"/>
    <col min="2281" max="2308" width="2.33203125" style="372" customWidth="1"/>
    <col min="2309" max="2309" width="2.21875" style="372"/>
    <col min="2310" max="2310" width="2.21875" style="372" customWidth="1"/>
    <col min="2311" max="2528" width="2.21875" style="372"/>
    <col min="2529" max="2530" width="2.21875" style="372" customWidth="1"/>
    <col min="2531" max="2533" width="2.21875" style="372"/>
    <col min="2534" max="2534" width="2.44140625" style="372" bestFit="1" customWidth="1"/>
    <col min="2535" max="2536" width="2.21875" style="372"/>
    <col min="2537" max="2564" width="2.33203125" style="372" customWidth="1"/>
    <col min="2565" max="2565" width="2.21875" style="372"/>
    <col min="2566" max="2566" width="2.21875" style="372" customWidth="1"/>
    <col min="2567" max="2784" width="2.21875" style="372"/>
    <col min="2785" max="2786" width="2.21875" style="372" customWidth="1"/>
    <col min="2787" max="2789" width="2.21875" style="372"/>
    <col min="2790" max="2790" width="2.44140625" style="372" bestFit="1" customWidth="1"/>
    <col min="2791" max="2792" width="2.21875" style="372"/>
    <col min="2793" max="2820" width="2.33203125" style="372" customWidth="1"/>
    <col min="2821" max="2821" width="2.21875" style="372"/>
    <col min="2822" max="2822" width="2.21875" style="372" customWidth="1"/>
    <col min="2823" max="3040" width="2.21875" style="372"/>
    <col min="3041" max="3042" width="2.21875" style="372" customWidth="1"/>
    <col min="3043" max="3045" width="2.21875" style="372"/>
    <col min="3046" max="3046" width="2.44140625" style="372" bestFit="1" customWidth="1"/>
    <col min="3047" max="3048" width="2.21875" style="372"/>
    <col min="3049" max="3076" width="2.33203125" style="372" customWidth="1"/>
    <col min="3077" max="3077" width="2.21875" style="372"/>
    <col min="3078" max="3078" width="2.21875" style="372" customWidth="1"/>
    <col min="3079" max="3296" width="2.21875" style="372"/>
    <col min="3297" max="3298" width="2.21875" style="372" customWidth="1"/>
    <col min="3299" max="3301" width="2.21875" style="372"/>
    <col min="3302" max="3302" width="2.44140625" style="372" bestFit="1" customWidth="1"/>
    <col min="3303" max="3304" width="2.21875" style="372"/>
    <col min="3305" max="3332" width="2.33203125" style="372" customWidth="1"/>
    <col min="3333" max="3333" width="2.21875" style="372"/>
    <col min="3334" max="3334" width="2.21875" style="372" customWidth="1"/>
    <col min="3335" max="3552" width="2.21875" style="372"/>
    <col min="3553" max="3554" width="2.21875" style="372" customWidth="1"/>
    <col min="3555" max="3557" width="2.21875" style="372"/>
    <col min="3558" max="3558" width="2.44140625" style="372" bestFit="1" customWidth="1"/>
    <col min="3559" max="3560" width="2.21875" style="372"/>
    <col min="3561" max="3588" width="2.33203125" style="372" customWidth="1"/>
    <col min="3589" max="3589" width="2.21875" style="372"/>
    <col min="3590" max="3590" width="2.21875" style="372" customWidth="1"/>
    <col min="3591" max="3808" width="2.21875" style="372"/>
    <col min="3809" max="3810" width="2.21875" style="372" customWidth="1"/>
    <col min="3811" max="3813" width="2.21875" style="372"/>
    <col min="3814" max="3814" width="2.44140625" style="372" bestFit="1" customWidth="1"/>
    <col min="3815" max="3816" width="2.21875" style="372"/>
    <col min="3817" max="3844" width="2.33203125" style="372" customWidth="1"/>
    <col min="3845" max="3845" width="2.21875" style="372"/>
    <col min="3846" max="3846" width="2.21875" style="372" customWidth="1"/>
    <col min="3847" max="4064" width="2.21875" style="372"/>
    <col min="4065" max="4066" width="2.21875" style="372" customWidth="1"/>
    <col min="4067" max="4069" width="2.21875" style="372"/>
    <col min="4070" max="4070" width="2.44140625" style="372" bestFit="1" customWidth="1"/>
    <col min="4071" max="4072" width="2.21875" style="372"/>
    <col min="4073" max="4100" width="2.33203125" style="372" customWidth="1"/>
    <col min="4101" max="4101" width="2.21875" style="372"/>
    <col min="4102" max="4102" width="2.21875" style="372" customWidth="1"/>
    <col min="4103" max="4320" width="2.21875" style="372"/>
    <col min="4321" max="4322" width="2.21875" style="372" customWidth="1"/>
    <col min="4323" max="4325" width="2.21875" style="372"/>
    <col min="4326" max="4326" width="2.44140625" style="372" bestFit="1" customWidth="1"/>
    <col min="4327" max="4328" width="2.21875" style="372"/>
    <col min="4329" max="4356" width="2.33203125" style="372" customWidth="1"/>
    <col min="4357" max="4357" width="2.21875" style="372"/>
    <col min="4358" max="4358" width="2.21875" style="372" customWidth="1"/>
    <col min="4359" max="4576" width="2.21875" style="372"/>
    <col min="4577" max="4578" width="2.21875" style="372" customWidth="1"/>
    <col min="4579" max="4581" width="2.21875" style="372"/>
    <col min="4582" max="4582" width="2.44140625" style="372" bestFit="1" customWidth="1"/>
    <col min="4583" max="4584" width="2.21875" style="372"/>
    <col min="4585" max="4612" width="2.33203125" style="372" customWidth="1"/>
    <col min="4613" max="4613" width="2.21875" style="372"/>
    <col min="4614" max="4614" width="2.21875" style="372" customWidth="1"/>
    <col min="4615" max="4832" width="2.21875" style="372"/>
    <col min="4833" max="4834" width="2.21875" style="372" customWidth="1"/>
    <col min="4835" max="4837" width="2.21875" style="372"/>
    <col min="4838" max="4838" width="2.44140625" style="372" bestFit="1" customWidth="1"/>
    <col min="4839" max="4840" width="2.21875" style="372"/>
    <col min="4841" max="4868" width="2.33203125" style="372" customWidth="1"/>
    <col min="4869" max="4869" width="2.21875" style="372"/>
    <col min="4870" max="4870" width="2.21875" style="372" customWidth="1"/>
    <col min="4871" max="5088" width="2.21875" style="372"/>
    <col min="5089" max="5090" width="2.21875" style="372" customWidth="1"/>
    <col min="5091" max="5093" width="2.21875" style="372"/>
    <col min="5094" max="5094" width="2.44140625" style="372" bestFit="1" customWidth="1"/>
    <col min="5095" max="5096" width="2.21875" style="372"/>
    <col min="5097" max="5124" width="2.33203125" style="372" customWidth="1"/>
    <col min="5125" max="5125" width="2.21875" style="372"/>
    <col min="5126" max="5126" width="2.21875" style="372" customWidth="1"/>
    <col min="5127" max="5344" width="2.21875" style="372"/>
    <col min="5345" max="5346" width="2.21875" style="372" customWidth="1"/>
    <col min="5347" max="5349" width="2.21875" style="372"/>
    <col min="5350" max="5350" width="2.44140625" style="372" bestFit="1" customWidth="1"/>
    <col min="5351" max="5352" width="2.21875" style="372"/>
    <col min="5353" max="5380" width="2.33203125" style="372" customWidth="1"/>
    <col min="5381" max="5381" width="2.21875" style="372"/>
    <col min="5382" max="5382" width="2.21875" style="372" customWidth="1"/>
    <col min="5383" max="5600" width="2.21875" style="372"/>
    <col min="5601" max="5602" width="2.21875" style="372" customWidth="1"/>
    <col min="5603" max="5605" width="2.21875" style="372"/>
    <col min="5606" max="5606" width="2.44140625" style="372" bestFit="1" customWidth="1"/>
    <col min="5607" max="5608" width="2.21875" style="372"/>
    <col min="5609" max="5636" width="2.33203125" style="372" customWidth="1"/>
    <col min="5637" max="5637" width="2.21875" style="372"/>
    <col min="5638" max="5638" width="2.21875" style="372" customWidth="1"/>
    <col min="5639" max="5856" width="2.21875" style="372"/>
    <col min="5857" max="5858" width="2.21875" style="372" customWidth="1"/>
    <col min="5859" max="5861" width="2.21875" style="372"/>
    <col min="5862" max="5862" width="2.44140625" style="372" bestFit="1" customWidth="1"/>
    <col min="5863" max="5864" width="2.21875" style="372"/>
    <col min="5865" max="5892" width="2.33203125" style="372" customWidth="1"/>
    <col min="5893" max="5893" width="2.21875" style="372"/>
    <col min="5894" max="5894" width="2.21875" style="372" customWidth="1"/>
    <col min="5895" max="6112" width="2.21875" style="372"/>
    <col min="6113" max="6114" width="2.21875" style="372" customWidth="1"/>
    <col min="6115" max="6117" width="2.21875" style="372"/>
    <col min="6118" max="6118" width="2.44140625" style="372" bestFit="1" customWidth="1"/>
    <col min="6119" max="6120" width="2.21875" style="372"/>
    <col min="6121" max="6148" width="2.33203125" style="372" customWidth="1"/>
    <col min="6149" max="6149" width="2.21875" style="372"/>
    <col min="6150" max="6150" width="2.21875" style="372" customWidth="1"/>
    <col min="6151" max="6368" width="2.21875" style="372"/>
    <col min="6369" max="6370" width="2.21875" style="372" customWidth="1"/>
    <col min="6371" max="6373" width="2.21875" style="372"/>
    <col min="6374" max="6374" width="2.44140625" style="372" bestFit="1" customWidth="1"/>
    <col min="6375" max="6376" width="2.21875" style="372"/>
    <col min="6377" max="6404" width="2.33203125" style="372" customWidth="1"/>
    <col min="6405" max="6405" width="2.21875" style="372"/>
    <col min="6406" max="6406" width="2.21875" style="372" customWidth="1"/>
    <col min="6407" max="6624" width="2.21875" style="372"/>
    <col min="6625" max="6626" width="2.21875" style="372" customWidth="1"/>
    <col min="6627" max="6629" width="2.21875" style="372"/>
    <col min="6630" max="6630" width="2.44140625" style="372" bestFit="1" customWidth="1"/>
    <col min="6631" max="6632" width="2.21875" style="372"/>
    <col min="6633" max="6660" width="2.33203125" style="372" customWidth="1"/>
    <col min="6661" max="6661" width="2.21875" style="372"/>
    <col min="6662" max="6662" width="2.21875" style="372" customWidth="1"/>
    <col min="6663" max="6880" width="2.21875" style="372"/>
    <col min="6881" max="6882" width="2.21875" style="372" customWidth="1"/>
    <col min="6883" max="6885" width="2.21875" style="372"/>
    <col min="6886" max="6886" width="2.44140625" style="372" bestFit="1" customWidth="1"/>
    <col min="6887" max="6888" width="2.21875" style="372"/>
    <col min="6889" max="6916" width="2.33203125" style="372" customWidth="1"/>
    <col min="6917" max="6917" width="2.21875" style="372"/>
    <col min="6918" max="6918" width="2.21875" style="372" customWidth="1"/>
    <col min="6919" max="7136" width="2.21875" style="372"/>
    <col min="7137" max="7138" width="2.21875" style="372" customWidth="1"/>
    <col min="7139" max="7141" width="2.21875" style="372"/>
    <col min="7142" max="7142" width="2.44140625" style="372" bestFit="1" customWidth="1"/>
    <col min="7143" max="7144" width="2.21875" style="372"/>
    <col min="7145" max="7172" width="2.33203125" style="372" customWidth="1"/>
    <col min="7173" max="7173" width="2.21875" style="372"/>
    <col min="7174" max="7174" width="2.21875" style="372" customWidth="1"/>
    <col min="7175" max="7392" width="2.21875" style="372"/>
    <col min="7393" max="7394" width="2.21875" style="372" customWidth="1"/>
    <col min="7395" max="7397" width="2.21875" style="372"/>
    <col min="7398" max="7398" width="2.44140625" style="372" bestFit="1" customWidth="1"/>
    <col min="7399" max="7400" width="2.21875" style="372"/>
    <col min="7401" max="7428" width="2.33203125" style="372" customWidth="1"/>
    <col min="7429" max="7429" width="2.21875" style="372"/>
    <col min="7430" max="7430" width="2.21875" style="372" customWidth="1"/>
    <col min="7431" max="7648" width="2.21875" style="372"/>
    <col min="7649" max="7650" width="2.21875" style="372" customWidth="1"/>
    <col min="7651" max="7653" width="2.21875" style="372"/>
    <col min="7654" max="7654" width="2.44140625" style="372" bestFit="1" customWidth="1"/>
    <col min="7655" max="7656" width="2.21875" style="372"/>
    <col min="7657" max="7684" width="2.33203125" style="372" customWidth="1"/>
    <col min="7685" max="7685" width="2.21875" style="372"/>
    <col min="7686" max="7686" width="2.21875" style="372" customWidth="1"/>
    <col min="7687" max="7904" width="2.21875" style="372"/>
    <col min="7905" max="7906" width="2.21875" style="372" customWidth="1"/>
    <col min="7907" max="7909" width="2.21875" style="372"/>
    <col min="7910" max="7910" width="2.44140625" style="372" bestFit="1" customWidth="1"/>
    <col min="7911" max="7912" width="2.21875" style="372"/>
    <col min="7913" max="7940" width="2.33203125" style="372" customWidth="1"/>
    <col min="7941" max="7941" width="2.21875" style="372"/>
    <col min="7942" max="7942" width="2.21875" style="372" customWidth="1"/>
    <col min="7943" max="8160" width="2.21875" style="372"/>
    <col min="8161" max="8162" width="2.21875" style="372" customWidth="1"/>
    <col min="8163" max="8165" width="2.21875" style="372"/>
    <col min="8166" max="8166" width="2.44140625" style="372" bestFit="1" customWidth="1"/>
    <col min="8167" max="8168" width="2.21875" style="372"/>
    <col min="8169" max="8196" width="2.33203125" style="372" customWidth="1"/>
    <col min="8197" max="8197" width="2.21875" style="372"/>
    <col min="8198" max="8198" width="2.21875" style="372" customWidth="1"/>
    <col min="8199" max="8416" width="2.21875" style="372"/>
    <col min="8417" max="8418" width="2.21875" style="372" customWidth="1"/>
    <col min="8419" max="8421" width="2.21875" style="372"/>
    <col min="8422" max="8422" width="2.44140625" style="372" bestFit="1" customWidth="1"/>
    <col min="8423" max="8424" width="2.21875" style="372"/>
    <col min="8425" max="8452" width="2.33203125" style="372" customWidth="1"/>
    <col min="8453" max="8453" width="2.21875" style="372"/>
    <col min="8454" max="8454" width="2.21875" style="372" customWidth="1"/>
    <col min="8455" max="8672" width="2.21875" style="372"/>
    <col min="8673" max="8674" width="2.21875" style="372" customWidth="1"/>
    <col min="8675" max="8677" width="2.21875" style="372"/>
    <col min="8678" max="8678" width="2.44140625" style="372" bestFit="1" customWidth="1"/>
    <col min="8679" max="8680" width="2.21875" style="372"/>
    <col min="8681" max="8708" width="2.33203125" style="372" customWidth="1"/>
    <col min="8709" max="8709" width="2.21875" style="372"/>
    <col min="8710" max="8710" width="2.21875" style="372" customWidth="1"/>
    <col min="8711" max="8928" width="2.21875" style="372"/>
    <col min="8929" max="8930" width="2.21875" style="372" customWidth="1"/>
    <col min="8931" max="8933" width="2.21875" style="372"/>
    <col min="8934" max="8934" width="2.44140625" style="372" bestFit="1" customWidth="1"/>
    <col min="8935" max="8936" width="2.21875" style="372"/>
    <col min="8937" max="8964" width="2.33203125" style="372" customWidth="1"/>
    <col min="8965" max="8965" width="2.21875" style="372"/>
    <col min="8966" max="8966" width="2.21875" style="372" customWidth="1"/>
    <col min="8967" max="9184" width="2.21875" style="372"/>
    <col min="9185" max="9186" width="2.21875" style="372" customWidth="1"/>
    <col min="9187" max="9189" width="2.21875" style="372"/>
    <col min="9190" max="9190" width="2.44140625" style="372" bestFit="1" customWidth="1"/>
    <col min="9191" max="9192" width="2.21875" style="372"/>
    <col min="9193" max="9220" width="2.33203125" style="372" customWidth="1"/>
    <col min="9221" max="9221" width="2.21875" style="372"/>
    <col min="9222" max="9222" width="2.21875" style="372" customWidth="1"/>
    <col min="9223" max="9440" width="2.21875" style="372"/>
    <col min="9441" max="9442" width="2.21875" style="372" customWidth="1"/>
    <col min="9443" max="9445" width="2.21875" style="372"/>
    <col min="9446" max="9446" width="2.44140625" style="372" bestFit="1" customWidth="1"/>
    <col min="9447" max="9448" width="2.21875" style="372"/>
    <col min="9449" max="9476" width="2.33203125" style="372" customWidth="1"/>
    <col min="9477" max="9477" width="2.21875" style="372"/>
    <col min="9478" max="9478" width="2.21875" style="372" customWidth="1"/>
    <col min="9479" max="9696" width="2.21875" style="372"/>
    <col min="9697" max="9698" width="2.21875" style="372" customWidth="1"/>
    <col min="9699" max="9701" width="2.21875" style="372"/>
    <col min="9702" max="9702" width="2.44140625" style="372" bestFit="1" customWidth="1"/>
    <col min="9703" max="9704" width="2.21875" style="372"/>
    <col min="9705" max="9732" width="2.33203125" style="372" customWidth="1"/>
    <col min="9733" max="9733" width="2.21875" style="372"/>
    <col min="9734" max="9734" width="2.21875" style="372" customWidth="1"/>
    <col min="9735" max="9952" width="2.21875" style="372"/>
    <col min="9953" max="9954" width="2.21875" style="372" customWidth="1"/>
    <col min="9955" max="9957" width="2.21875" style="372"/>
    <col min="9958" max="9958" width="2.44140625" style="372" bestFit="1" customWidth="1"/>
    <col min="9959" max="9960" width="2.21875" style="372"/>
    <col min="9961" max="9988" width="2.33203125" style="372" customWidth="1"/>
    <col min="9989" max="9989" width="2.21875" style="372"/>
    <col min="9990" max="9990" width="2.21875" style="372" customWidth="1"/>
    <col min="9991" max="10208" width="2.21875" style="372"/>
    <col min="10209" max="10210" width="2.21875" style="372" customWidth="1"/>
    <col min="10211" max="10213" width="2.21875" style="372"/>
    <col min="10214" max="10214" width="2.44140625" style="372" bestFit="1" customWidth="1"/>
    <col min="10215" max="10216" width="2.21875" style="372"/>
    <col min="10217" max="10244" width="2.33203125" style="372" customWidth="1"/>
    <col min="10245" max="10245" width="2.21875" style="372"/>
    <col min="10246" max="10246" width="2.21875" style="372" customWidth="1"/>
    <col min="10247" max="10464" width="2.21875" style="372"/>
    <col min="10465" max="10466" width="2.21875" style="372" customWidth="1"/>
    <col min="10467" max="10469" width="2.21875" style="372"/>
    <col min="10470" max="10470" width="2.44140625" style="372" bestFit="1" customWidth="1"/>
    <col min="10471" max="10472" width="2.21875" style="372"/>
    <col min="10473" max="10500" width="2.33203125" style="372" customWidth="1"/>
    <col min="10501" max="10501" width="2.21875" style="372"/>
    <col min="10502" max="10502" width="2.21875" style="372" customWidth="1"/>
    <col min="10503" max="10720" width="2.21875" style="372"/>
    <col min="10721" max="10722" width="2.21875" style="372" customWidth="1"/>
    <col min="10723" max="10725" width="2.21875" style="372"/>
    <col min="10726" max="10726" width="2.44140625" style="372" bestFit="1" customWidth="1"/>
    <col min="10727" max="10728" width="2.21875" style="372"/>
    <col min="10729" max="10756" width="2.33203125" style="372" customWidth="1"/>
    <col min="10757" max="10757" width="2.21875" style="372"/>
    <col min="10758" max="10758" width="2.21875" style="372" customWidth="1"/>
    <col min="10759" max="10976" width="2.21875" style="372"/>
    <col min="10977" max="10978" width="2.21875" style="372" customWidth="1"/>
    <col min="10979" max="10981" width="2.21875" style="372"/>
    <col min="10982" max="10982" width="2.44140625" style="372" bestFit="1" customWidth="1"/>
    <col min="10983" max="10984" width="2.21875" style="372"/>
    <col min="10985" max="11012" width="2.33203125" style="372" customWidth="1"/>
    <col min="11013" max="11013" width="2.21875" style="372"/>
    <col min="11014" max="11014" width="2.21875" style="372" customWidth="1"/>
    <col min="11015" max="11232" width="2.21875" style="372"/>
    <col min="11233" max="11234" width="2.21875" style="372" customWidth="1"/>
    <col min="11235" max="11237" width="2.21875" style="372"/>
    <col min="11238" max="11238" width="2.44140625" style="372" bestFit="1" customWidth="1"/>
    <col min="11239" max="11240" width="2.21875" style="372"/>
    <col min="11241" max="11268" width="2.33203125" style="372" customWidth="1"/>
    <col min="11269" max="11269" width="2.21875" style="372"/>
    <col min="11270" max="11270" width="2.21875" style="372" customWidth="1"/>
    <col min="11271" max="11488" width="2.21875" style="372"/>
    <col min="11489" max="11490" width="2.21875" style="372" customWidth="1"/>
    <col min="11491" max="11493" width="2.21875" style="372"/>
    <col min="11494" max="11494" width="2.44140625" style="372" bestFit="1" customWidth="1"/>
    <col min="11495" max="11496" width="2.21875" style="372"/>
    <col min="11497" max="11524" width="2.33203125" style="372" customWidth="1"/>
    <col min="11525" max="11525" width="2.21875" style="372"/>
    <col min="11526" max="11526" width="2.21875" style="372" customWidth="1"/>
    <col min="11527" max="11744" width="2.21875" style="372"/>
    <col min="11745" max="11746" width="2.21875" style="372" customWidth="1"/>
    <col min="11747" max="11749" width="2.21875" style="372"/>
    <col min="11750" max="11750" width="2.44140625" style="372" bestFit="1" customWidth="1"/>
    <col min="11751" max="11752" width="2.21875" style="372"/>
    <col min="11753" max="11780" width="2.33203125" style="372" customWidth="1"/>
    <col min="11781" max="11781" width="2.21875" style="372"/>
    <col min="11782" max="11782" width="2.21875" style="372" customWidth="1"/>
    <col min="11783" max="12000" width="2.21875" style="372"/>
    <col min="12001" max="12002" width="2.21875" style="372" customWidth="1"/>
    <col min="12003" max="12005" width="2.21875" style="372"/>
    <col min="12006" max="12006" width="2.44140625" style="372" bestFit="1" customWidth="1"/>
    <col min="12007" max="12008" width="2.21875" style="372"/>
    <col min="12009" max="12036" width="2.33203125" style="372" customWidth="1"/>
    <col min="12037" max="12037" width="2.21875" style="372"/>
    <col min="12038" max="12038" width="2.21875" style="372" customWidth="1"/>
    <col min="12039" max="12256" width="2.21875" style="372"/>
    <col min="12257" max="12258" width="2.21875" style="372" customWidth="1"/>
    <col min="12259" max="12261" width="2.21875" style="372"/>
    <col min="12262" max="12262" width="2.44140625" style="372" bestFit="1" customWidth="1"/>
    <col min="12263" max="12264" width="2.21875" style="372"/>
    <col min="12265" max="12292" width="2.33203125" style="372" customWidth="1"/>
    <col min="12293" max="12293" width="2.21875" style="372"/>
    <col min="12294" max="12294" width="2.21875" style="372" customWidth="1"/>
    <col min="12295" max="12512" width="2.21875" style="372"/>
    <col min="12513" max="12514" width="2.21875" style="372" customWidth="1"/>
    <col min="12515" max="12517" width="2.21875" style="372"/>
    <col min="12518" max="12518" width="2.44140625" style="372" bestFit="1" customWidth="1"/>
    <col min="12519" max="12520" width="2.21875" style="372"/>
    <col min="12521" max="12548" width="2.33203125" style="372" customWidth="1"/>
    <col min="12549" max="12549" width="2.21875" style="372"/>
    <col min="12550" max="12550" width="2.21875" style="372" customWidth="1"/>
    <col min="12551" max="12768" width="2.21875" style="372"/>
    <col min="12769" max="12770" width="2.21875" style="372" customWidth="1"/>
    <col min="12771" max="12773" width="2.21875" style="372"/>
    <col min="12774" max="12774" width="2.44140625" style="372" bestFit="1" customWidth="1"/>
    <col min="12775" max="12776" width="2.21875" style="372"/>
    <col min="12777" max="12804" width="2.33203125" style="372" customWidth="1"/>
    <col min="12805" max="12805" width="2.21875" style="372"/>
    <col min="12806" max="12806" width="2.21875" style="372" customWidth="1"/>
    <col min="12807" max="13024" width="2.21875" style="372"/>
    <col min="13025" max="13026" width="2.21875" style="372" customWidth="1"/>
    <col min="13027" max="13029" width="2.21875" style="372"/>
    <col min="13030" max="13030" width="2.44140625" style="372" bestFit="1" customWidth="1"/>
    <col min="13031" max="13032" width="2.21875" style="372"/>
    <col min="13033" max="13060" width="2.33203125" style="372" customWidth="1"/>
    <col min="13061" max="13061" width="2.21875" style="372"/>
    <col min="13062" max="13062" width="2.21875" style="372" customWidth="1"/>
    <col min="13063" max="13280" width="2.21875" style="372"/>
    <col min="13281" max="13282" width="2.21875" style="372" customWidth="1"/>
    <col min="13283" max="13285" width="2.21875" style="372"/>
    <col min="13286" max="13286" width="2.44140625" style="372" bestFit="1" customWidth="1"/>
    <col min="13287" max="13288" width="2.21875" style="372"/>
    <col min="13289" max="13316" width="2.33203125" style="372" customWidth="1"/>
    <col min="13317" max="13317" width="2.21875" style="372"/>
    <col min="13318" max="13318" width="2.21875" style="372" customWidth="1"/>
    <col min="13319" max="13536" width="2.21875" style="372"/>
    <col min="13537" max="13538" width="2.21875" style="372" customWidth="1"/>
    <col min="13539" max="13541" width="2.21875" style="372"/>
    <col min="13542" max="13542" width="2.44140625" style="372" bestFit="1" customWidth="1"/>
    <col min="13543" max="13544" width="2.21875" style="372"/>
    <col min="13545" max="13572" width="2.33203125" style="372" customWidth="1"/>
    <col min="13573" max="13573" width="2.21875" style="372"/>
    <col min="13574" max="13574" width="2.21875" style="372" customWidth="1"/>
    <col min="13575" max="13792" width="2.21875" style="372"/>
    <col min="13793" max="13794" width="2.21875" style="372" customWidth="1"/>
    <col min="13795" max="13797" width="2.21875" style="372"/>
    <col min="13798" max="13798" width="2.44140625" style="372" bestFit="1" customWidth="1"/>
    <col min="13799" max="13800" width="2.21875" style="372"/>
    <col min="13801" max="13828" width="2.33203125" style="372" customWidth="1"/>
    <col min="13829" max="13829" width="2.21875" style="372"/>
    <col min="13830" max="13830" width="2.21875" style="372" customWidth="1"/>
    <col min="13831" max="14048" width="2.21875" style="372"/>
    <col min="14049" max="14050" width="2.21875" style="372" customWidth="1"/>
    <col min="14051" max="14053" width="2.21875" style="372"/>
    <col min="14054" max="14054" width="2.44140625" style="372" bestFit="1" customWidth="1"/>
    <col min="14055" max="14056" width="2.21875" style="372"/>
    <col min="14057" max="14084" width="2.33203125" style="372" customWidth="1"/>
    <col min="14085" max="14085" width="2.21875" style="372"/>
    <col min="14086" max="14086" width="2.21875" style="372" customWidth="1"/>
    <col min="14087" max="14304" width="2.21875" style="372"/>
    <col min="14305" max="14306" width="2.21875" style="372" customWidth="1"/>
    <col min="14307" max="14309" width="2.21875" style="372"/>
    <col min="14310" max="14310" width="2.44140625" style="372" bestFit="1" customWidth="1"/>
    <col min="14311" max="14312" width="2.21875" style="372"/>
    <col min="14313" max="14340" width="2.33203125" style="372" customWidth="1"/>
    <col min="14341" max="14341" width="2.21875" style="372"/>
    <col min="14342" max="14342" width="2.21875" style="372" customWidth="1"/>
    <col min="14343" max="14560" width="2.21875" style="372"/>
    <col min="14561" max="14562" width="2.21875" style="372" customWidth="1"/>
    <col min="14563" max="14565" width="2.21875" style="372"/>
    <col min="14566" max="14566" width="2.44140625" style="372" bestFit="1" customWidth="1"/>
    <col min="14567" max="14568" width="2.21875" style="372"/>
    <col min="14569" max="14596" width="2.33203125" style="372" customWidth="1"/>
    <col min="14597" max="14597" width="2.21875" style="372"/>
    <col min="14598" max="14598" width="2.21875" style="372" customWidth="1"/>
    <col min="14599" max="14816" width="2.21875" style="372"/>
    <col min="14817" max="14818" width="2.21875" style="372" customWidth="1"/>
    <col min="14819" max="14821" width="2.21875" style="372"/>
    <col min="14822" max="14822" width="2.44140625" style="372" bestFit="1" customWidth="1"/>
    <col min="14823" max="14824" width="2.21875" style="372"/>
    <col min="14825" max="14852" width="2.33203125" style="372" customWidth="1"/>
    <col min="14853" max="14853" width="2.21875" style="372"/>
    <col min="14854" max="14854" width="2.21875" style="372" customWidth="1"/>
    <col min="14855" max="15072" width="2.21875" style="372"/>
    <col min="15073" max="15074" width="2.21875" style="372" customWidth="1"/>
    <col min="15075" max="15077" width="2.21875" style="372"/>
    <col min="15078" max="15078" width="2.44140625" style="372" bestFit="1" customWidth="1"/>
    <col min="15079" max="15080" width="2.21875" style="372"/>
    <col min="15081" max="15108" width="2.33203125" style="372" customWidth="1"/>
    <col min="15109" max="15109" width="2.21875" style="372"/>
    <col min="15110" max="15110" width="2.21875" style="372" customWidth="1"/>
    <col min="15111" max="15328" width="2.21875" style="372"/>
    <col min="15329" max="15330" width="2.21875" style="372" customWidth="1"/>
    <col min="15331" max="15333" width="2.21875" style="372"/>
    <col min="15334" max="15334" width="2.44140625" style="372" bestFit="1" customWidth="1"/>
    <col min="15335" max="15336" width="2.21875" style="372"/>
    <col min="15337" max="15364" width="2.33203125" style="372" customWidth="1"/>
    <col min="15365" max="15365" width="2.21875" style="372"/>
    <col min="15366" max="15366" width="2.21875" style="372" customWidth="1"/>
    <col min="15367" max="15584" width="2.21875" style="372"/>
    <col min="15585" max="15586" width="2.21875" style="372" customWidth="1"/>
    <col min="15587" max="15589" width="2.21875" style="372"/>
    <col min="15590" max="15590" width="2.44140625" style="372" bestFit="1" customWidth="1"/>
    <col min="15591" max="15592" width="2.21875" style="372"/>
    <col min="15593" max="15620" width="2.33203125" style="372" customWidth="1"/>
    <col min="15621" max="15621" width="2.21875" style="372"/>
    <col min="15622" max="15622" width="2.21875" style="372" customWidth="1"/>
    <col min="15623" max="15840" width="2.21875" style="372"/>
    <col min="15841" max="15842" width="2.21875" style="372" customWidth="1"/>
    <col min="15843" max="15845" width="2.21875" style="372"/>
    <col min="15846" max="15846" width="2.44140625" style="372" bestFit="1" customWidth="1"/>
    <col min="15847" max="15848" width="2.21875" style="372"/>
    <col min="15849" max="15876" width="2.33203125" style="372" customWidth="1"/>
    <col min="15877" max="15877" width="2.21875" style="372"/>
    <col min="15878" max="15878" width="2.21875" style="372" customWidth="1"/>
    <col min="15879" max="16096" width="2.21875" style="372"/>
    <col min="16097" max="16098" width="2.21875" style="372" customWidth="1"/>
    <col min="16099" max="16101" width="2.21875" style="372"/>
    <col min="16102" max="16102" width="2.44140625" style="372" bestFit="1" customWidth="1"/>
    <col min="16103" max="16104" width="2.21875" style="372"/>
    <col min="16105" max="16132" width="2.33203125" style="372" customWidth="1"/>
    <col min="16133" max="16133" width="2.21875" style="372"/>
    <col min="16134" max="16134" width="2.21875" style="372" customWidth="1"/>
    <col min="16135" max="16384" width="2.21875" style="372"/>
  </cols>
  <sheetData>
    <row r="1" spans="1:39" x14ac:dyDescent="0.2">
      <c r="B1" s="398" t="s">
        <v>700</v>
      </c>
      <c r="C1" s="399"/>
      <c r="D1" s="399"/>
      <c r="E1" s="399"/>
      <c r="F1" s="399"/>
      <c r="AL1" s="411" t="s">
        <v>772</v>
      </c>
    </row>
    <row r="2" spans="1:39" ht="12.75" customHeight="1" x14ac:dyDescent="0.2"/>
    <row r="3" spans="1:39" ht="12.75" customHeight="1" x14ac:dyDescent="0.2">
      <c r="A3" s="2578" t="s">
        <v>603</v>
      </c>
      <c r="B3" s="2578"/>
      <c r="C3" s="2578"/>
      <c r="D3" s="2578"/>
      <c r="E3" s="2578"/>
      <c r="F3" s="2578"/>
      <c r="G3" s="2578"/>
      <c r="H3" s="2578"/>
      <c r="I3" s="2578"/>
      <c r="J3" s="2578"/>
      <c r="K3" s="2578"/>
      <c r="L3" s="2578"/>
      <c r="M3" s="2578"/>
      <c r="N3" s="2578"/>
      <c r="O3" s="2578"/>
      <c r="P3" s="2578"/>
      <c r="Q3" s="2578"/>
      <c r="R3" s="2578"/>
      <c r="S3" s="2578"/>
      <c r="T3" s="2578"/>
      <c r="U3" s="2578"/>
      <c r="V3" s="2578"/>
      <c r="W3" s="2578"/>
      <c r="X3" s="2578"/>
      <c r="Y3" s="2578"/>
      <c r="Z3" s="2578"/>
      <c r="AA3" s="2578"/>
      <c r="AB3" s="2578"/>
      <c r="AC3" s="2578"/>
      <c r="AD3" s="2578"/>
      <c r="AE3" s="2578"/>
      <c r="AF3" s="2578"/>
      <c r="AG3" s="2578"/>
      <c r="AH3" s="2578"/>
      <c r="AI3" s="2578"/>
      <c r="AJ3" s="2578"/>
      <c r="AK3" s="2578"/>
      <c r="AL3" s="2578"/>
      <c r="AM3" s="408"/>
    </row>
    <row r="4" spans="1:39" ht="12.75" customHeight="1" x14ac:dyDescent="0.2">
      <c r="A4" s="2578"/>
      <c r="B4" s="2578"/>
      <c r="C4" s="2578"/>
      <c r="D4" s="2578"/>
      <c r="E4" s="2578"/>
      <c r="F4" s="2578"/>
      <c r="G4" s="2578"/>
      <c r="H4" s="2578"/>
      <c r="I4" s="2578"/>
      <c r="J4" s="2578"/>
      <c r="K4" s="2578"/>
      <c r="L4" s="2578"/>
      <c r="M4" s="2578"/>
      <c r="N4" s="2578"/>
      <c r="O4" s="2578"/>
      <c r="P4" s="2578"/>
      <c r="Q4" s="2578"/>
      <c r="R4" s="2578"/>
      <c r="S4" s="2578"/>
      <c r="T4" s="2578"/>
      <c r="U4" s="2578"/>
      <c r="V4" s="2578"/>
      <c r="W4" s="2578"/>
      <c r="X4" s="2578"/>
      <c r="Y4" s="2578"/>
      <c r="Z4" s="2578"/>
      <c r="AA4" s="2578"/>
      <c r="AB4" s="2578"/>
      <c r="AC4" s="2578"/>
      <c r="AD4" s="2578"/>
      <c r="AE4" s="2578"/>
      <c r="AF4" s="2578"/>
      <c r="AG4" s="2578"/>
      <c r="AH4" s="2578"/>
      <c r="AI4" s="2578"/>
      <c r="AJ4" s="2578"/>
      <c r="AK4" s="2578"/>
      <c r="AL4" s="2578"/>
      <c r="AM4" s="408"/>
    </row>
    <row r="5" spans="1:39" ht="12.75" customHeight="1" x14ac:dyDescent="0.2"/>
    <row r="6" spans="1:39" ht="13.2" customHeight="1" x14ac:dyDescent="0.2">
      <c r="B6" s="2549" t="s">
        <v>506</v>
      </c>
      <c r="C6" s="2550"/>
      <c r="D6" s="2550"/>
      <c r="E6" s="2550"/>
      <c r="F6" s="2550"/>
      <c r="G6" s="2550"/>
      <c r="H6" s="446"/>
      <c r="I6" s="439"/>
      <c r="J6" s="2550"/>
      <c r="K6" s="2550"/>
      <c r="L6" s="2550"/>
      <c r="M6" s="2550"/>
      <c r="N6" s="2550"/>
      <c r="O6" s="2550"/>
      <c r="P6" s="2550"/>
      <c r="Q6" s="2550"/>
      <c r="R6" s="2550"/>
      <c r="S6" s="2550"/>
      <c r="T6" s="2550"/>
      <c r="U6" s="2550"/>
      <c r="V6" s="2550"/>
      <c r="W6" s="2550"/>
      <c r="X6" s="2550"/>
      <c r="Y6" s="2550"/>
      <c r="Z6" s="2550"/>
      <c r="AA6" s="2550"/>
      <c r="AB6" s="2550"/>
      <c r="AC6" s="2550"/>
      <c r="AD6" s="2550"/>
      <c r="AE6" s="2550"/>
      <c r="AF6" s="2550"/>
      <c r="AG6" s="2550"/>
      <c r="AH6" s="2550"/>
      <c r="AI6" s="2550"/>
      <c r="AJ6" s="2550"/>
      <c r="AK6" s="2550"/>
      <c r="AL6" s="2551"/>
    </row>
    <row r="7" spans="1:39" ht="13.2" customHeight="1" x14ac:dyDescent="0.2">
      <c r="B7" s="2552"/>
      <c r="C7" s="2553"/>
      <c r="D7" s="2553"/>
      <c r="E7" s="2553"/>
      <c r="F7" s="2553"/>
      <c r="G7" s="2553"/>
      <c r="H7" s="445"/>
      <c r="I7" s="387"/>
      <c r="J7" s="2553"/>
      <c r="K7" s="2553"/>
      <c r="L7" s="2553"/>
      <c r="M7" s="2553"/>
      <c r="N7" s="2553"/>
      <c r="O7" s="2553"/>
      <c r="P7" s="2553"/>
      <c r="Q7" s="2553"/>
      <c r="R7" s="2553"/>
      <c r="S7" s="2553"/>
      <c r="T7" s="2553"/>
      <c r="U7" s="2553"/>
      <c r="V7" s="2553"/>
      <c r="W7" s="2553"/>
      <c r="X7" s="2553"/>
      <c r="Y7" s="2553"/>
      <c r="Z7" s="2553"/>
      <c r="AA7" s="2553"/>
      <c r="AB7" s="2553"/>
      <c r="AC7" s="2553"/>
      <c r="AD7" s="2553"/>
      <c r="AE7" s="2553"/>
      <c r="AF7" s="2553"/>
      <c r="AG7" s="2553"/>
      <c r="AH7" s="2553"/>
      <c r="AI7" s="2553"/>
      <c r="AJ7" s="2553"/>
      <c r="AK7" s="2553"/>
      <c r="AL7" s="2554"/>
    </row>
    <row r="8" spans="1:39" ht="13.2" customHeight="1" x14ac:dyDescent="0.2">
      <c r="B8" s="2638" t="s">
        <v>1754</v>
      </c>
      <c r="C8" s="2550"/>
      <c r="D8" s="2550"/>
      <c r="E8" s="2550"/>
      <c r="F8" s="2550"/>
      <c r="G8" s="2550"/>
      <c r="H8" s="446"/>
      <c r="I8" s="1033" t="s">
        <v>1755</v>
      </c>
      <c r="J8" s="1033"/>
      <c r="K8" s="1033"/>
      <c r="L8" s="1033"/>
      <c r="M8" s="1033"/>
      <c r="N8" s="1033"/>
      <c r="O8" s="1033"/>
      <c r="P8" s="1033"/>
      <c r="Q8" s="1033"/>
      <c r="R8" s="1033"/>
      <c r="S8" s="1033"/>
      <c r="T8" s="1033"/>
      <c r="U8" s="1033"/>
      <c r="V8" s="1033"/>
      <c r="W8" s="1033"/>
      <c r="X8" s="1033"/>
      <c r="Y8" s="1033"/>
      <c r="Z8" s="1033"/>
      <c r="AA8" s="1033"/>
      <c r="AB8" s="1033"/>
      <c r="AC8" s="1033"/>
      <c r="AD8" s="1033"/>
      <c r="AE8" s="1033"/>
      <c r="AF8" s="1033"/>
      <c r="AG8" s="1033"/>
      <c r="AH8" s="1033"/>
      <c r="AI8" s="1033"/>
      <c r="AJ8" s="1033"/>
      <c r="AK8" s="1033"/>
      <c r="AL8" s="1034"/>
    </row>
    <row r="9" spans="1:39" ht="13.2" customHeight="1" x14ac:dyDescent="0.2">
      <c r="B9" s="2829"/>
      <c r="C9" s="2574"/>
      <c r="D9" s="2574"/>
      <c r="E9" s="2574"/>
      <c r="F9" s="2574"/>
      <c r="G9" s="2574"/>
      <c r="H9" s="394"/>
      <c r="I9" s="2831" t="s">
        <v>1737</v>
      </c>
      <c r="J9" s="2831"/>
      <c r="K9" s="2831"/>
      <c r="L9" s="2831"/>
      <c r="M9" s="2823" t="s">
        <v>1735</v>
      </c>
      <c r="N9" s="2823"/>
      <c r="O9" s="2823"/>
      <c r="P9" s="2823"/>
      <c r="Q9" s="2823"/>
      <c r="R9" s="2823"/>
      <c r="S9" s="2823"/>
      <c r="T9" s="2823"/>
      <c r="U9" s="2823"/>
      <c r="V9" s="2823"/>
      <c r="W9" s="2823"/>
      <c r="X9" s="2823"/>
      <c r="Y9" s="2823"/>
      <c r="Z9" s="2823"/>
      <c r="AA9" s="2823"/>
      <c r="AB9" s="2823"/>
      <c r="AC9" s="2823"/>
      <c r="AD9" s="2823"/>
      <c r="AE9" s="2823"/>
      <c r="AF9" s="2823"/>
      <c r="AG9" s="2823"/>
      <c r="AH9" s="2823"/>
      <c r="AI9" s="2823"/>
      <c r="AJ9" s="2823"/>
      <c r="AK9" s="382"/>
      <c r="AL9" s="383"/>
    </row>
    <row r="10" spans="1:39" ht="13.2" customHeight="1" x14ac:dyDescent="0.2">
      <c r="B10" s="2829"/>
      <c r="C10" s="2574"/>
      <c r="D10" s="2574"/>
      <c r="E10" s="2574"/>
      <c r="F10" s="2574"/>
      <c r="G10" s="2574"/>
      <c r="H10" s="394"/>
      <c r="I10" s="2831"/>
      <c r="J10" s="2831"/>
      <c r="K10" s="2831"/>
      <c r="L10" s="2831"/>
      <c r="M10" s="2831" t="s">
        <v>1748</v>
      </c>
      <c r="N10" s="2831"/>
      <c r="O10" s="2831"/>
      <c r="P10" s="2831"/>
      <c r="Q10" s="2831"/>
      <c r="R10" s="2831"/>
      <c r="S10" s="2831"/>
      <c r="T10" s="2831"/>
      <c r="U10" s="2831"/>
      <c r="V10" s="2831"/>
      <c r="W10" s="2831"/>
      <c r="X10" s="2831"/>
      <c r="Y10" s="2831" t="s">
        <v>1736</v>
      </c>
      <c r="Z10" s="2831"/>
      <c r="AA10" s="2831"/>
      <c r="AB10" s="2831"/>
      <c r="AC10" s="2831"/>
      <c r="AD10" s="2831"/>
      <c r="AE10" s="2831"/>
      <c r="AF10" s="2831"/>
      <c r="AG10" s="2831"/>
      <c r="AH10" s="2831"/>
      <c r="AI10" s="2831"/>
      <c r="AJ10" s="2831"/>
      <c r="AL10" s="383"/>
    </row>
    <row r="11" spans="1:39" x14ac:dyDescent="0.2">
      <c r="B11" s="2829"/>
      <c r="C11" s="2574"/>
      <c r="D11" s="2574"/>
      <c r="E11" s="2574"/>
      <c r="F11" s="2574"/>
      <c r="G11" s="2574"/>
      <c r="H11" s="394"/>
      <c r="I11" s="2831"/>
      <c r="J11" s="2831"/>
      <c r="K11" s="2831"/>
      <c r="L11" s="2831"/>
      <c r="M11" s="2831"/>
      <c r="N11" s="2831"/>
      <c r="O11" s="2831"/>
      <c r="P11" s="2831"/>
      <c r="Q11" s="2831"/>
      <c r="R11" s="2831"/>
      <c r="S11" s="2831"/>
      <c r="T11" s="2831"/>
      <c r="U11" s="2831"/>
      <c r="V11" s="2831"/>
      <c r="W11" s="2831"/>
      <c r="X11" s="2831"/>
      <c r="Y11" s="2831"/>
      <c r="Z11" s="2831"/>
      <c r="AA11" s="2831"/>
      <c r="AB11" s="2831"/>
      <c r="AC11" s="2831"/>
      <c r="AD11" s="2831"/>
      <c r="AE11" s="2831"/>
      <c r="AF11" s="2831"/>
      <c r="AG11" s="2831"/>
      <c r="AH11" s="2831"/>
      <c r="AI11" s="2831"/>
      <c r="AJ11" s="2831"/>
      <c r="AL11" s="383"/>
    </row>
    <row r="12" spans="1:39" x14ac:dyDescent="0.2">
      <c r="B12" s="2829"/>
      <c r="C12" s="2574"/>
      <c r="D12" s="2574"/>
      <c r="E12" s="2574"/>
      <c r="F12" s="2574"/>
      <c r="G12" s="2574"/>
      <c r="H12" s="394"/>
      <c r="I12" s="2831"/>
      <c r="J12" s="2831"/>
      <c r="K12" s="2831"/>
      <c r="L12" s="2831"/>
      <c r="M12" s="2831"/>
      <c r="N12" s="2831"/>
      <c r="O12" s="2831"/>
      <c r="P12" s="2831"/>
      <c r="Q12" s="2831"/>
      <c r="R12" s="2831"/>
      <c r="S12" s="2831"/>
      <c r="T12" s="2831"/>
      <c r="U12" s="2831"/>
      <c r="V12" s="2831"/>
      <c r="W12" s="2831"/>
      <c r="X12" s="2831"/>
      <c r="Y12" s="2831"/>
      <c r="Z12" s="2831"/>
      <c r="AA12" s="2831"/>
      <c r="AB12" s="2831"/>
      <c r="AC12" s="2831"/>
      <c r="AD12" s="2831"/>
      <c r="AE12" s="2831"/>
      <c r="AF12" s="2831"/>
      <c r="AG12" s="2831"/>
      <c r="AH12" s="2831"/>
      <c r="AI12" s="2831"/>
      <c r="AJ12" s="2831"/>
      <c r="AL12" s="383"/>
    </row>
    <row r="13" spans="1:39" ht="13.2" customHeight="1" x14ac:dyDescent="0.2">
      <c r="B13" s="2830"/>
      <c r="C13" s="2574"/>
      <c r="D13" s="2574"/>
      <c r="E13" s="2574"/>
      <c r="F13" s="2574"/>
      <c r="G13" s="2574"/>
      <c r="H13" s="394"/>
      <c r="I13" s="2827" t="s">
        <v>1732</v>
      </c>
      <c r="J13" s="2827"/>
      <c r="K13" s="2827"/>
      <c r="L13" s="2827"/>
      <c r="M13" s="2823" t="s">
        <v>1747</v>
      </c>
      <c r="N13" s="2823"/>
      <c r="O13" s="2823"/>
      <c r="P13" s="2823"/>
      <c r="Q13" s="2823"/>
      <c r="R13" s="2823"/>
      <c r="S13" s="2823"/>
      <c r="T13" s="2823"/>
      <c r="U13" s="2823"/>
      <c r="V13" s="2823" t="s">
        <v>757</v>
      </c>
      <c r="W13" s="2823"/>
      <c r="X13" s="2823"/>
      <c r="Y13" s="2823" t="s">
        <v>1751</v>
      </c>
      <c r="Z13" s="2823"/>
      <c r="AA13" s="2823"/>
      <c r="AB13" s="2823"/>
      <c r="AC13" s="2823"/>
      <c r="AD13" s="2823"/>
      <c r="AE13" s="2823"/>
      <c r="AF13" s="2823"/>
      <c r="AG13" s="2823"/>
      <c r="AH13" s="2823" t="s">
        <v>757</v>
      </c>
      <c r="AI13" s="2823"/>
      <c r="AJ13" s="2823"/>
      <c r="AK13" s="382"/>
      <c r="AL13" s="383"/>
    </row>
    <row r="14" spans="1:39" x14ac:dyDescent="0.2">
      <c r="B14" s="2829"/>
      <c r="C14" s="2574"/>
      <c r="D14" s="2574"/>
      <c r="E14" s="2574"/>
      <c r="F14" s="2574"/>
      <c r="G14" s="2574"/>
      <c r="H14" s="394"/>
      <c r="I14" s="2828" t="s">
        <v>1733</v>
      </c>
      <c r="J14" s="2828"/>
      <c r="K14" s="2828"/>
      <c r="L14" s="2828"/>
      <c r="M14" s="2823" t="s">
        <v>1749</v>
      </c>
      <c r="N14" s="2823"/>
      <c r="O14" s="2823"/>
      <c r="P14" s="2823"/>
      <c r="Q14" s="2823"/>
      <c r="R14" s="2823"/>
      <c r="S14" s="2823"/>
      <c r="T14" s="2823"/>
      <c r="U14" s="2823"/>
      <c r="V14" s="2823"/>
      <c r="W14" s="2823"/>
      <c r="X14" s="2823"/>
      <c r="Y14" s="2823" t="s">
        <v>1752</v>
      </c>
      <c r="Z14" s="2823"/>
      <c r="AA14" s="2823"/>
      <c r="AB14" s="2823"/>
      <c r="AC14" s="2823"/>
      <c r="AD14" s="2823"/>
      <c r="AE14" s="2823"/>
      <c r="AF14" s="2823"/>
      <c r="AG14" s="2823"/>
      <c r="AH14" s="2823" t="s">
        <v>757</v>
      </c>
      <c r="AI14" s="2823"/>
      <c r="AJ14" s="2823"/>
      <c r="AK14" s="382"/>
      <c r="AL14" s="383"/>
    </row>
    <row r="15" spans="1:39" x14ac:dyDescent="0.2">
      <c r="B15" s="2830"/>
      <c r="C15" s="2574"/>
      <c r="D15" s="2574"/>
      <c r="E15" s="2574"/>
      <c r="F15" s="2574"/>
      <c r="G15" s="2574"/>
      <c r="H15" s="394"/>
      <c r="I15" s="2828" t="s">
        <v>1734</v>
      </c>
      <c r="J15" s="2828"/>
      <c r="K15" s="2828"/>
      <c r="L15" s="2828"/>
      <c r="M15" s="2823" t="s">
        <v>1750</v>
      </c>
      <c r="N15" s="2823"/>
      <c r="O15" s="2823"/>
      <c r="P15" s="2823"/>
      <c r="Q15" s="2823"/>
      <c r="R15" s="2823"/>
      <c r="S15" s="2823"/>
      <c r="T15" s="2823"/>
      <c r="U15" s="2823"/>
      <c r="V15" s="2823"/>
      <c r="W15" s="2823"/>
      <c r="X15" s="2823"/>
      <c r="Y15" s="2823" t="s">
        <v>1753</v>
      </c>
      <c r="Z15" s="2823"/>
      <c r="AA15" s="2823"/>
      <c r="AB15" s="2823"/>
      <c r="AC15" s="2823"/>
      <c r="AD15" s="2823"/>
      <c r="AE15" s="2823"/>
      <c r="AF15" s="2823"/>
      <c r="AG15" s="2823"/>
      <c r="AH15" s="2823" t="s">
        <v>757</v>
      </c>
      <c r="AI15" s="2823"/>
      <c r="AJ15" s="2823"/>
      <c r="AK15" s="382"/>
      <c r="AL15" s="383"/>
    </row>
    <row r="16" spans="1:39" x14ac:dyDescent="0.2">
      <c r="B16" s="2552"/>
      <c r="C16" s="2553"/>
      <c r="D16" s="2553"/>
      <c r="E16" s="2553"/>
      <c r="F16" s="2553"/>
      <c r="G16" s="2553"/>
      <c r="H16" s="445"/>
      <c r="I16" s="1035"/>
      <c r="J16" s="1035"/>
      <c r="K16" s="1035"/>
      <c r="L16" s="1035"/>
      <c r="M16" s="1035"/>
      <c r="N16" s="1035"/>
      <c r="O16" s="1035"/>
      <c r="P16" s="1035"/>
      <c r="Q16" s="1035"/>
      <c r="R16" s="1035"/>
      <c r="S16" s="1035"/>
      <c r="T16" s="1035"/>
      <c r="U16" s="1035"/>
      <c r="V16" s="1035"/>
      <c r="W16" s="1035"/>
      <c r="X16" s="1035"/>
      <c r="Y16" s="1035"/>
      <c r="Z16" s="1035"/>
      <c r="AA16" s="1035"/>
      <c r="AB16" s="1035"/>
      <c r="AC16" s="1035"/>
      <c r="AD16" s="1035"/>
      <c r="AE16" s="1035"/>
      <c r="AF16" s="1035"/>
      <c r="AG16" s="1035"/>
      <c r="AH16" s="1035"/>
      <c r="AI16" s="1035"/>
      <c r="AJ16" s="1035"/>
      <c r="AK16" s="1035"/>
      <c r="AL16" s="1036"/>
    </row>
    <row r="17" spans="2:38" ht="13.5" customHeight="1" x14ac:dyDescent="0.2">
      <c r="B17" s="2638" t="s">
        <v>579</v>
      </c>
      <c r="C17" s="2639"/>
      <c r="D17" s="2639"/>
      <c r="E17" s="2639"/>
      <c r="F17" s="2639"/>
      <c r="G17" s="2639"/>
      <c r="H17" s="444"/>
      <c r="I17" s="443"/>
      <c r="J17" s="375"/>
      <c r="K17" s="375"/>
      <c r="L17" s="375"/>
      <c r="M17" s="375"/>
      <c r="N17" s="375"/>
      <c r="O17" s="375"/>
      <c r="P17" s="375"/>
      <c r="Q17" s="375"/>
      <c r="R17" s="421"/>
      <c r="S17" s="421"/>
      <c r="T17" s="375"/>
      <c r="U17" s="375"/>
      <c r="V17" s="375"/>
      <c r="W17" s="375"/>
      <c r="X17" s="375"/>
      <c r="Y17" s="375"/>
      <c r="Z17" s="375"/>
      <c r="AA17" s="375"/>
      <c r="AB17" s="375"/>
      <c r="AC17" s="375"/>
      <c r="AD17" s="375"/>
      <c r="AE17" s="375"/>
      <c r="AF17" s="375"/>
      <c r="AG17" s="375"/>
      <c r="AH17" s="375"/>
      <c r="AI17" s="375"/>
      <c r="AJ17" s="375"/>
      <c r="AK17" s="375"/>
      <c r="AL17" s="377"/>
    </row>
    <row r="18" spans="2:38" ht="13.5" customHeight="1" x14ac:dyDescent="0.2">
      <c r="B18" s="2641"/>
      <c r="C18" s="2642"/>
      <c r="D18" s="2642"/>
      <c r="E18" s="2642"/>
      <c r="F18" s="2642"/>
      <c r="G18" s="2642"/>
      <c r="H18" s="442"/>
      <c r="I18" s="416"/>
      <c r="J18" s="378"/>
      <c r="L18" s="419">
        <v>1</v>
      </c>
      <c r="M18" s="381"/>
      <c r="N18" s="382" t="s">
        <v>502</v>
      </c>
      <c r="O18" s="378"/>
      <c r="P18" s="378"/>
      <c r="Q18" s="378"/>
      <c r="R18" s="420"/>
      <c r="S18" s="420"/>
      <c r="T18" s="378"/>
      <c r="U18" s="382"/>
      <c r="V18" s="378"/>
      <c r="W18" s="382"/>
      <c r="X18" s="378"/>
      <c r="Y18" s="419">
        <v>4</v>
      </c>
      <c r="Z18" s="381"/>
      <c r="AA18" s="382" t="s">
        <v>571</v>
      </c>
      <c r="AB18" s="378"/>
      <c r="AC18" s="378"/>
      <c r="AD18" s="378"/>
      <c r="AE18" s="378"/>
      <c r="AF18" s="378"/>
      <c r="AG18" s="378"/>
      <c r="AH18" s="378"/>
      <c r="AI18" s="378"/>
      <c r="AJ18" s="378"/>
      <c r="AK18" s="378"/>
      <c r="AL18" s="393"/>
    </row>
    <row r="19" spans="2:38" x14ac:dyDescent="0.2">
      <c r="B19" s="2641"/>
      <c r="C19" s="2642"/>
      <c r="D19" s="2642"/>
      <c r="E19" s="2642"/>
      <c r="F19" s="2642"/>
      <c r="G19" s="2642"/>
      <c r="H19" s="442"/>
      <c r="I19" s="416"/>
      <c r="J19" s="378"/>
      <c r="L19" s="419">
        <v>2</v>
      </c>
      <c r="M19" s="381"/>
      <c r="N19" s="382" t="s">
        <v>575</v>
      </c>
      <c r="O19" s="378"/>
      <c r="P19" s="378"/>
      <c r="Q19" s="378"/>
      <c r="R19" s="420"/>
      <c r="S19" s="420"/>
      <c r="T19" s="378"/>
      <c r="U19" s="382"/>
      <c r="V19" s="378"/>
      <c r="W19" s="382"/>
      <c r="X19" s="382"/>
      <c r="Y19" s="419">
        <v>5</v>
      </c>
      <c r="Z19" s="381"/>
      <c r="AA19" s="382" t="s">
        <v>504</v>
      </c>
      <c r="AB19" s="382"/>
      <c r="AC19" s="382"/>
      <c r="AD19" s="382"/>
      <c r="AE19" s="382"/>
      <c r="AF19" s="382"/>
      <c r="AG19" s="382"/>
      <c r="AH19" s="382"/>
      <c r="AI19" s="382"/>
      <c r="AJ19" s="382"/>
      <c r="AK19" s="382"/>
      <c r="AL19" s="380"/>
    </row>
    <row r="20" spans="2:38" ht="13.2" customHeight="1" x14ac:dyDescent="0.2">
      <c r="B20" s="2641"/>
      <c r="C20" s="2642"/>
      <c r="D20" s="2642"/>
      <c r="E20" s="2642"/>
      <c r="F20" s="2642"/>
      <c r="G20" s="2642"/>
      <c r="H20" s="442"/>
      <c r="I20" s="416"/>
      <c r="J20" s="382"/>
      <c r="L20" s="419">
        <v>3</v>
      </c>
      <c r="M20" s="381"/>
      <c r="N20" s="382" t="s">
        <v>573</v>
      </c>
      <c r="O20" s="382"/>
      <c r="P20" s="382"/>
      <c r="Q20" s="382"/>
      <c r="R20" s="420"/>
      <c r="S20" s="420"/>
      <c r="T20" s="378"/>
      <c r="U20" s="382"/>
      <c r="V20" s="378"/>
      <c r="W20" s="382"/>
      <c r="X20" s="382"/>
      <c r="Y20" s="382"/>
      <c r="Z20" s="382"/>
      <c r="AA20" s="382"/>
      <c r="AB20" s="382"/>
      <c r="AC20" s="382"/>
      <c r="AD20" s="382"/>
      <c r="AE20" s="382"/>
      <c r="AF20" s="382"/>
      <c r="AG20" s="382"/>
      <c r="AH20" s="382"/>
      <c r="AI20" s="382"/>
      <c r="AJ20" s="382"/>
      <c r="AK20" s="382"/>
      <c r="AL20" s="383"/>
    </row>
    <row r="21" spans="2:38" ht="13.2" customHeight="1" x14ac:dyDescent="0.2">
      <c r="B21" s="2644"/>
      <c r="C21" s="2645"/>
      <c r="D21" s="2645"/>
      <c r="E21" s="2645"/>
      <c r="F21" s="2645"/>
      <c r="G21" s="2645"/>
      <c r="H21" s="441"/>
      <c r="I21" s="440"/>
      <c r="J21" s="387"/>
      <c r="K21" s="387"/>
      <c r="L21" s="387"/>
      <c r="M21" s="387"/>
      <c r="N21" s="387"/>
      <c r="O21" s="387"/>
      <c r="P21" s="387"/>
      <c r="Q21" s="387"/>
      <c r="R21" s="418"/>
      <c r="S21" s="418"/>
      <c r="T21" s="384"/>
      <c r="U21" s="386"/>
      <c r="V21" s="384"/>
      <c r="W21" s="387"/>
      <c r="X21" s="387"/>
      <c r="Y21" s="387"/>
      <c r="Z21" s="387"/>
      <c r="AA21" s="387"/>
      <c r="AB21" s="387"/>
      <c r="AC21" s="387"/>
      <c r="AD21" s="387"/>
      <c r="AE21" s="387"/>
      <c r="AF21" s="387"/>
      <c r="AG21" s="387"/>
      <c r="AH21" s="387"/>
      <c r="AI21" s="387"/>
      <c r="AJ21" s="387"/>
      <c r="AK21" s="387"/>
      <c r="AL21" s="388"/>
    </row>
    <row r="22" spans="2:38" ht="21" customHeight="1" x14ac:dyDescent="0.2">
      <c r="B22" s="2582" t="s">
        <v>1746</v>
      </c>
      <c r="C22" s="2583"/>
      <c r="D22" s="2638" t="s">
        <v>602</v>
      </c>
      <c r="E22" s="2639"/>
      <c r="F22" s="2639"/>
      <c r="G22" s="2640"/>
      <c r="I22" s="382"/>
      <c r="J22" s="382"/>
      <c r="K22" s="382"/>
      <c r="L22" s="382"/>
      <c r="M22" s="382"/>
      <c r="N22" s="382"/>
      <c r="O22" s="382"/>
      <c r="P22" s="382"/>
      <c r="Q22" s="382"/>
      <c r="R22" s="420"/>
      <c r="S22" s="420"/>
      <c r="T22" s="378"/>
      <c r="U22" s="413"/>
      <c r="V22" s="378"/>
      <c r="W22" s="382"/>
      <c r="X22" s="382"/>
      <c r="Y22" s="382"/>
      <c r="Z22" s="382"/>
      <c r="AA22" s="382"/>
      <c r="AB22" s="382"/>
      <c r="AC22" s="382"/>
      <c r="AD22" s="382"/>
      <c r="AE22" s="382"/>
      <c r="AF22" s="382"/>
      <c r="AG22" s="382"/>
      <c r="AH22" s="382"/>
      <c r="AI22" s="382"/>
      <c r="AJ22" s="382"/>
      <c r="AK22" s="382"/>
      <c r="AL22" s="380"/>
    </row>
    <row r="23" spans="2:38" ht="21" customHeight="1" x14ac:dyDescent="0.2">
      <c r="B23" s="2584"/>
      <c r="C23" s="2585"/>
      <c r="D23" s="2641"/>
      <c r="E23" s="2642"/>
      <c r="F23" s="2642"/>
      <c r="G23" s="2643"/>
      <c r="I23" s="382"/>
      <c r="J23" s="382"/>
      <c r="K23" s="382"/>
      <c r="L23" s="382">
        <v>1</v>
      </c>
      <c r="M23" s="378"/>
      <c r="N23" s="382" t="s">
        <v>771</v>
      </c>
      <c r="O23" s="382"/>
      <c r="P23" s="382"/>
      <c r="Q23" s="382"/>
      <c r="R23" s="420"/>
      <c r="S23" s="420"/>
      <c r="T23" s="378"/>
      <c r="U23" s="413"/>
      <c r="V23" s="378"/>
      <c r="W23" s="382"/>
      <c r="X23" s="382"/>
      <c r="Y23" s="413">
        <v>6</v>
      </c>
      <c r="Z23" s="378"/>
      <c r="AA23" s="382" t="s">
        <v>770</v>
      </c>
      <c r="AB23" s="382"/>
      <c r="AC23" s="382"/>
      <c r="AD23" s="382"/>
      <c r="AE23" s="382"/>
      <c r="AF23" s="382"/>
      <c r="AG23" s="382"/>
      <c r="AH23" s="382"/>
      <c r="AI23" s="382"/>
      <c r="AJ23" s="382"/>
      <c r="AK23" s="382"/>
      <c r="AL23" s="380"/>
    </row>
    <row r="24" spans="2:38" ht="21" customHeight="1" x14ac:dyDescent="0.2">
      <c r="B24" s="2584"/>
      <c r="C24" s="2585"/>
      <c r="D24" s="2641"/>
      <c r="E24" s="2642"/>
      <c r="F24" s="2642"/>
      <c r="G24" s="2643"/>
      <c r="I24" s="382"/>
      <c r="J24" s="382"/>
      <c r="K24" s="382"/>
      <c r="L24" s="382">
        <v>2</v>
      </c>
      <c r="M24" s="378"/>
      <c r="N24" s="382" t="s">
        <v>769</v>
      </c>
      <c r="O24" s="382"/>
      <c r="P24" s="382"/>
      <c r="Q24" s="382"/>
      <c r="R24" s="420"/>
      <c r="S24" s="420"/>
      <c r="T24" s="378"/>
      <c r="U24" s="413"/>
      <c r="V24" s="378"/>
      <c r="W24" s="382"/>
      <c r="X24" s="382"/>
      <c r="Y24" s="413">
        <v>7</v>
      </c>
      <c r="Z24" s="378"/>
      <c r="AA24" s="382" t="s">
        <v>768</v>
      </c>
      <c r="AB24" s="382"/>
      <c r="AC24" s="382"/>
      <c r="AD24" s="382"/>
      <c r="AE24" s="382"/>
      <c r="AF24" s="382"/>
      <c r="AG24" s="382"/>
      <c r="AH24" s="382"/>
      <c r="AI24" s="382"/>
      <c r="AJ24" s="382"/>
      <c r="AK24" s="382"/>
      <c r="AL24" s="380"/>
    </row>
    <row r="25" spans="2:38" ht="21" customHeight="1" x14ac:dyDescent="0.2">
      <c r="B25" s="2584"/>
      <c r="C25" s="2585"/>
      <c r="D25" s="2641"/>
      <c r="E25" s="2642"/>
      <c r="F25" s="2642"/>
      <c r="G25" s="2643"/>
      <c r="H25" s="378"/>
      <c r="I25" s="378"/>
      <c r="J25" s="378"/>
      <c r="K25" s="378"/>
      <c r="L25" s="382">
        <v>3</v>
      </c>
      <c r="M25" s="378"/>
      <c r="N25" s="382" t="s">
        <v>767</v>
      </c>
      <c r="O25" s="378"/>
      <c r="P25" s="378"/>
      <c r="Q25" s="378"/>
      <c r="R25" s="420"/>
      <c r="S25" s="420"/>
      <c r="T25" s="378"/>
      <c r="U25" s="413"/>
      <c r="V25" s="378"/>
      <c r="W25" s="382"/>
      <c r="X25" s="382"/>
      <c r="Y25" s="413">
        <v>8</v>
      </c>
      <c r="Z25" s="378"/>
      <c r="AA25" s="382" t="s">
        <v>766</v>
      </c>
      <c r="AB25" s="382"/>
      <c r="AC25" s="382"/>
      <c r="AD25" s="382"/>
      <c r="AE25" s="382"/>
      <c r="AF25" s="382"/>
      <c r="AG25" s="382"/>
      <c r="AH25" s="382"/>
      <c r="AI25" s="382"/>
      <c r="AJ25" s="382"/>
      <c r="AK25" s="382"/>
      <c r="AL25" s="380"/>
    </row>
    <row r="26" spans="2:38" ht="21" customHeight="1" x14ac:dyDescent="0.2">
      <c r="B26" s="2584"/>
      <c r="C26" s="2585"/>
      <c r="D26" s="2641"/>
      <c r="E26" s="2642"/>
      <c r="F26" s="2642"/>
      <c r="G26" s="2643"/>
      <c r="H26" s="378"/>
      <c r="I26" s="378"/>
      <c r="J26" s="378"/>
      <c r="K26" s="378"/>
      <c r="L26" s="413">
        <v>4</v>
      </c>
      <c r="M26" s="378"/>
      <c r="N26" s="382" t="s">
        <v>765</v>
      </c>
      <c r="O26" s="378"/>
      <c r="P26" s="378"/>
      <c r="Q26" s="378"/>
      <c r="R26" s="420"/>
      <c r="S26" s="420"/>
      <c r="T26" s="378"/>
      <c r="U26" s="413"/>
      <c r="V26" s="378"/>
      <c r="W26" s="382"/>
      <c r="X26" s="382"/>
      <c r="Y26" s="413">
        <v>9</v>
      </c>
      <c r="Z26" s="378"/>
      <c r="AA26" s="382" t="s">
        <v>567</v>
      </c>
      <c r="AB26" s="382"/>
      <c r="AC26" s="382"/>
      <c r="AD26" s="382"/>
      <c r="AE26" s="382"/>
      <c r="AF26" s="382"/>
      <c r="AG26" s="382"/>
      <c r="AH26" s="382"/>
      <c r="AI26" s="382"/>
      <c r="AJ26" s="382"/>
      <c r="AK26" s="382"/>
      <c r="AL26" s="380"/>
    </row>
    <row r="27" spans="2:38" ht="21" customHeight="1" x14ac:dyDescent="0.2">
      <c r="B27" s="2584"/>
      <c r="C27" s="2585"/>
      <c r="D27" s="2641"/>
      <c r="E27" s="2642"/>
      <c r="F27" s="2642"/>
      <c r="G27" s="2643"/>
      <c r="H27" s="378"/>
      <c r="I27" s="378"/>
      <c r="J27" s="378"/>
      <c r="K27" s="378"/>
      <c r="L27" s="413">
        <v>5</v>
      </c>
      <c r="M27" s="378"/>
      <c r="N27" s="382" t="s">
        <v>764</v>
      </c>
      <c r="O27" s="378"/>
      <c r="P27" s="378"/>
      <c r="Q27" s="378"/>
      <c r="R27" s="420"/>
      <c r="S27" s="420"/>
      <c r="T27" s="378"/>
      <c r="U27" s="413"/>
      <c r="V27" s="378"/>
      <c r="W27" s="382"/>
      <c r="X27" s="382"/>
      <c r="Y27" s="382"/>
      <c r="Z27" s="382"/>
      <c r="AA27" s="382"/>
      <c r="AB27" s="382"/>
      <c r="AC27" s="382"/>
      <c r="AD27" s="382"/>
      <c r="AE27" s="382"/>
      <c r="AF27" s="382"/>
      <c r="AG27" s="382"/>
      <c r="AH27" s="382"/>
      <c r="AI27" s="382"/>
      <c r="AJ27" s="382"/>
      <c r="AK27" s="382"/>
      <c r="AL27" s="380"/>
    </row>
    <row r="28" spans="2:38" ht="21" customHeight="1" x14ac:dyDescent="0.2">
      <c r="B28" s="2584"/>
      <c r="C28" s="2585"/>
      <c r="D28" s="2644"/>
      <c r="E28" s="2645"/>
      <c r="F28" s="2645"/>
      <c r="G28" s="2646"/>
      <c r="H28" s="384"/>
      <c r="I28" s="384"/>
      <c r="J28" s="384"/>
      <c r="K28" s="384"/>
      <c r="O28" s="384"/>
      <c r="P28" s="384"/>
      <c r="Q28" s="384"/>
      <c r="R28" s="418"/>
      <c r="S28" s="418"/>
      <c r="T28" s="384"/>
      <c r="U28" s="386"/>
      <c r="V28" s="384"/>
      <c r="W28" s="387"/>
      <c r="X28" s="387"/>
      <c r="Y28" s="387"/>
      <c r="Z28" s="387"/>
      <c r="AA28" s="387"/>
      <c r="AB28" s="387"/>
      <c r="AC28" s="387"/>
      <c r="AD28" s="387"/>
      <c r="AE28" s="387"/>
      <c r="AF28" s="387"/>
      <c r="AG28" s="387"/>
      <c r="AH28" s="387"/>
      <c r="AI28" s="387"/>
      <c r="AJ28" s="387"/>
      <c r="AK28" s="387"/>
      <c r="AL28" s="388"/>
    </row>
    <row r="29" spans="2:38" ht="10.5" customHeight="1" x14ac:dyDescent="0.2">
      <c r="B29" s="2584"/>
      <c r="C29" s="2585"/>
      <c r="D29" s="2638" t="s">
        <v>1759</v>
      </c>
      <c r="E29" s="2639"/>
      <c r="F29" s="2639"/>
      <c r="G29" s="2640"/>
      <c r="H29" s="375"/>
      <c r="I29" s="375"/>
      <c r="J29" s="375"/>
      <c r="K29" s="375"/>
      <c r="L29" s="375"/>
      <c r="M29" s="375"/>
      <c r="N29" s="375"/>
      <c r="O29" s="375"/>
      <c r="P29" s="375"/>
      <c r="Q29" s="375"/>
      <c r="R29" s="389"/>
      <c r="S29" s="389"/>
      <c r="T29" s="375"/>
      <c r="U29" s="375"/>
      <c r="V29" s="375"/>
      <c r="W29" s="390"/>
      <c r="X29" s="390"/>
      <c r="Y29" s="390"/>
      <c r="Z29" s="390"/>
      <c r="AA29" s="390"/>
      <c r="AB29" s="390"/>
      <c r="AC29" s="390"/>
      <c r="AD29" s="390"/>
      <c r="AE29" s="390"/>
      <c r="AF29" s="390"/>
      <c r="AG29" s="390"/>
      <c r="AH29" s="390"/>
      <c r="AI29" s="390"/>
      <c r="AJ29" s="390"/>
      <c r="AK29" s="390"/>
      <c r="AL29" s="377"/>
    </row>
    <row r="30" spans="2:38" ht="10.5" customHeight="1" x14ac:dyDescent="0.2">
      <c r="B30" s="2584"/>
      <c r="C30" s="2585"/>
      <c r="D30" s="2641"/>
      <c r="E30" s="2642"/>
      <c r="F30" s="2642"/>
      <c r="G30" s="2643"/>
      <c r="H30" s="415"/>
      <c r="I30" s="2823" t="s">
        <v>1738</v>
      </c>
      <c r="J30" s="2823"/>
      <c r="K30" s="2824" t="s">
        <v>1745</v>
      </c>
      <c r="L30" s="2824"/>
      <c r="M30" s="2824"/>
      <c r="N30" s="2824"/>
      <c r="O30" s="2824"/>
      <c r="P30" s="2824"/>
      <c r="Q30" s="2824"/>
      <c r="R30" s="2824"/>
      <c r="S30" s="2824"/>
      <c r="T30" s="2824"/>
      <c r="U30" s="2824"/>
      <c r="V30" s="2824"/>
      <c r="W30" s="2824"/>
      <c r="X30" s="2824"/>
      <c r="Y30" s="2824"/>
      <c r="Z30" s="2824"/>
      <c r="AA30" s="2824"/>
      <c r="AB30" s="2824"/>
      <c r="AC30" s="2824"/>
      <c r="AD30" s="2824"/>
      <c r="AE30" s="2822"/>
      <c r="AF30" s="2822"/>
      <c r="AG30" s="2822"/>
      <c r="AH30" s="2822"/>
      <c r="AI30" s="2822"/>
      <c r="AJ30" s="2822"/>
      <c r="AK30" s="2822"/>
      <c r="AL30" s="393"/>
    </row>
    <row r="31" spans="2:38" ht="10.5" customHeight="1" x14ac:dyDescent="0.2">
      <c r="B31" s="2584"/>
      <c r="C31" s="2585"/>
      <c r="D31" s="2641"/>
      <c r="E31" s="2642"/>
      <c r="F31" s="2642"/>
      <c r="G31" s="2643"/>
      <c r="H31" s="415"/>
      <c r="I31" s="2823"/>
      <c r="J31" s="2823"/>
      <c r="K31" s="2824"/>
      <c r="L31" s="2824"/>
      <c r="M31" s="2824"/>
      <c r="N31" s="2824"/>
      <c r="O31" s="2824"/>
      <c r="P31" s="2824"/>
      <c r="Q31" s="2824"/>
      <c r="R31" s="2824"/>
      <c r="S31" s="2824"/>
      <c r="T31" s="2824"/>
      <c r="U31" s="2824"/>
      <c r="V31" s="2824"/>
      <c r="W31" s="2824"/>
      <c r="X31" s="2824"/>
      <c r="Y31" s="2824"/>
      <c r="Z31" s="2824"/>
      <c r="AA31" s="2824"/>
      <c r="AB31" s="2824"/>
      <c r="AC31" s="2824"/>
      <c r="AD31" s="2824"/>
      <c r="AE31" s="2822"/>
      <c r="AF31" s="2822"/>
      <c r="AG31" s="2822"/>
      <c r="AH31" s="2822"/>
      <c r="AI31" s="2822"/>
      <c r="AJ31" s="2822"/>
      <c r="AK31" s="2822"/>
      <c r="AL31" s="393"/>
    </row>
    <row r="32" spans="2:38" ht="10.5" customHeight="1" x14ac:dyDescent="0.2">
      <c r="B32" s="2584"/>
      <c r="C32" s="2585"/>
      <c r="D32" s="2641"/>
      <c r="E32" s="2642"/>
      <c r="F32" s="2642"/>
      <c r="G32" s="2643"/>
      <c r="H32" s="382"/>
      <c r="I32" s="2823" t="s">
        <v>1739</v>
      </c>
      <c r="J32" s="2823"/>
      <c r="K32" s="2826" t="s">
        <v>1741</v>
      </c>
      <c r="L32" s="2826"/>
      <c r="M32" s="2826"/>
      <c r="N32" s="2826"/>
      <c r="O32" s="2826"/>
      <c r="P32" s="2826"/>
      <c r="Q32" s="2826"/>
      <c r="R32" s="2826"/>
      <c r="S32" s="2826"/>
      <c r="T32" s="2826"/>
      <c r="U32" s="2826"/>
      <c r="V32" s="2826"/>
      <c r="W32" s="2826"/>
      <c r="X32" s="2826"/>
      <c r="Y32" s="2826"/>
      <c r="Z32" s="2826"/>
      <c r="AA32" s="2826"/>
      <c r="AB32" s="2826"/>
      <c r="AC32" s="2826"/>
      <c r="AD32" s="2826"/>
      <c r="AE32" s="2823" t="e">
        <f>$AE$36/$AE$38</f>
        <v>#DIV/0!</v>
      </c>
      <c r="AF32" s="2823"/>
      <c r="AG32" s="2823"/>
      <c r="AH32" s="2823"/>
      <c r="AI32" s="2823"/>
      <c r="AJ32" s="2823"/>
      <c r="AK32" s="2823"/>
      <c r="AL32" s="393"/>
    </row>
    <row r="33" spans="2:38" ht="10.5" customHeight="1" x14ac:dyDescent="0.2">
      <c r="B33" s="2584"/>
      <c r="C33" s="2585"/>
      <c r="D33" s="2641"/>
      <c r="E33" s="2642"/>
      <c r="F33" s="2642"/>
      <c r="G33" s="2643"/>
      <c r="H33" s="382"/>
      <c r="I33" s="2823"/>
      <c r="J33" s="2823"/>
      <c r="K33" s="2826"/>
      <c r="L33" s="2826"/>
      <c r="M33" s="2826"/>
      <c r="N33" s="2826"/>
      <c r="O33" s="2826"/>
      <c r="P33" s="2826"/>
      <c r="Q33" s="2826"/>
      <c r="R33" s="2826"/>
      <c r="S33" s="2826"/>
      <c r="T33" s="2826"/>
      <c r="U33" s="2826"/>
      <c r="V33" s="2826"/>
      <c r="W33" s="2826"/>
      <c r="X33" s="2826"/>
      <c r="Y33" s="2826"/>
      <c r="Z33" s="2826"/>
      <c r="AA33" s="2826"/>
      <c r="AB33" s="2826"/>
      <c r="AC33" s="2826"/>
      <c r="AD33" s="2826"/>
      <c r="AE33" s="2823"/>
      <c r="AF33" s="2823"/>
      <c r="AG33" s="2823"/>
      <c r="AH33" s="2823"/>
      <c r="AI33" s="2823"/>
      <c r="AJ33" s="2823"/>
      <c r="AK33" s="2823"/>
      <c r="AL33" s="393"/>
    </row>
    <row r="34" spans="2:38" ht="10.5" customHeight="1" x14ac:dyDescent="0.2">
      <c r="B34" s="2584"/>
      <c r="C34" s="2585"/>
      <c r="D34" s="2641"/>
      <c r="E34" s="2642"/>
      <c r="F34" s="2642"/>
      <c r="G34" s="2643"/>
      <c r="H34" s="382"/>
      <c r="I34" s="2823"/>
      <c r="J34" s="2823"/>
      <c r="K34" s="2826"/>
      <c r="L34" s="2826"/>
      <c r="M34" s="2826"/>
      <c r="N34" s="2826"/>
      <c r="O34" s="2826"/>
      <c r="P34" s="2826"/>
      <c r="Q34" s="2826"/>
      <c r="R34" s="2826"/>
      <c r="S34" s="2826"/>
      <c r="T34" s="2826"/>
      <c r="U34" s="2826"/>
      <c r="V34" s="2826"/>
      <c r="W34" s="2826"/>
      <c r="X34" s="2826"/>
      <c r="Y34" s="2826"/>
      <c r="Z34" s="2826"/>
      <c r="AA34" s="2826"/>
      <c r="AB34" s="2826"/>
      <c r="AC34" s="2826"/>
      <c r="AD34" s="2826"/>
      <c r="AE34" s="2823"/>
      <c r="AF34" s="2823"/>
      <c r="AG34" s="2823"/>
      <c r="AH34" s="2823"/>
      <c r="AI34" s="2823"/>
      <c r="AJ34" s="2823"/>
      <c r="AK34" s="2823"/>
      <c r="AL34" s="393"/>
    </row>
    <row r="35" spans="2:38" ht="10.5" customHeight="1" x14ac:dyDescent="0.2">
      <c r="B35" s="2584"/>
      <c r="C35" s="2585"/>
      <c r="D35" s="2641"/>
      <c r="E35" s="2642"/>
      <c r="F35" s="2642"/>
      <c r="G35" s="2643"/>
      <c r="H35" s="382"/>
      <c r="I35" s="2823"/>
      <c r="J35" s="2823"/>
      <c r="K35" s="2826"/>
      <c r="L35" s="2826"/>
      <c r="M35" s="2826"/>
      <c r="N35" s="2826"/>
      <c r="O35" s="2826"/>
      <c r="P35" s="2826"/>
      <c r="Q35" s="2826"/>
      <c r="R35" s="2826"/>
      <c r="S35" s="2826"/>
      <c r="T35" s="2826"/>
      <c r="U35" s="2826"/>
      <c r="V35" s="2826"/>
      <c r="W35" s="2826"/>
      <c r="X35" s="2826"/>
      <c r="Y35" s="2826"/>
      <c r="Z35" s="2826"/>
      <c r="AA35" s="2826"/>
      <c r="AB35" s="2826"/>
      <c r="AC35" s="2826"/>
      <c r="AD35" s="2826"/>
      <c r="AE35" s="2823"/>
      <c r="AF35" s="2823"/>
      <c r="AG35" s="2823"/>
      <c r="AH35" s="2823"/>
      <c r="AI35" s="2823"/>
      <c r="AJ35" s="2823"/>
      <c r="AK35" s="2823"/>
      <c r="AL35" s="393"/>
    </row>
    <row r="36" spans="2:38" ht="10.5" customHeight="1" x14ac:dyDescent="0.2">
      <c r="B36" s="2584"/>
      <c r="C36" s="2585"/>
      <c r="D36" s="2641"/>
      <c r="E36" s="2642"/>
      <c r="F36" s="2642"/>
      <c r="G36" s="2643"/>
      <c r="H36" s="382"/>
      <c r="I36" s="2823"/>
      <c r="J36" s="2823"/>
      <c r="K36" s="2825" t="s">
        <v>1742</v>
      </c>
      <c r="L36" s="2825"/>
      <c r="M36" s="2825"/>
      <c r="N36" s="2825"/>
      <c r="O36" s="2825"/>
      <c r="P36" s="2825"/>
      <c r="Q36" s="2825"/>
      <c r="R36" s="2825"/>
      <c r="S36" s="2825"/>
      <c r="T36" s="2825"/>
      <c r="U36" s="2825"/>
      <c r="V36" s="2825"/>
      <c r="W36" s="2825"/>
      <c r="X36" s="2825"/>
      <c r="Y36" s="2825"/>
      <c r="Z36" s="2825"/>
      <c r="AA36" s="2825"/>
      <c r="AB36" s="2825"/>
      <c r="AC36" s="2825"/>
      <c r="AD36" s="2825"/>
      <c r="AE36" s="2822"/>
      <c r="AF36" s="2822"/>
      <c r="AG36" s="2822"/>
      <c r="AH36" s="2822"/>
      <c r="AI36" s="2822"/>
      <c r="AJ36" s="2822"/>
      <c r="AK36" s="2822"/>
      <c r="AL36" s="393"/>
    </row>
    <row r="37" spans="2:38" ht="10.5" customHeight="1" x14ac:dyDescent="0.2">
      <c r="B37" s="2584"/>
      <c r="C37" s="2585"/>
      <c r="D37" s="2641"/>
      <c r="E37" s="2642"/>
      <c r="F37" s="2642"/>
      <c r="G37" s="2643"/>
      <c r="H37" s="382"/>
      <c r="I37" s="2823"/>
      <c r="J37" s="2823"/>
      <c r="K37" s="2825"/>
      <c r="L37" s="2825"/>
      <c r="M37" s="2825"/>
      <c r="N37" s="2825"/>
      <c r="O37" s="2825"/>
      <c r="P37" s="2825"/>
      <c r="Q37" s="2825"/>
      <c r="R37" s="2825"/>
      <c r="S37" s="2825"/>
      <c r="T37" s="2825"/>
      <c r="U37" s="2825"/>
      <c r="V37" s="2825"/>
      <c r="W37" s="2825"/>
      <c r="X37" s="2825"/>
      <c r="Y37" s="2825"/>
      <c r="Z37" s="2825"/>
      <c r="AA37" s="2825"/>
      <c r="AB37" s="2825"/>
      <c r="AC37" s="2825"/>
      <c r="AD37" s="2825"/>
      <c r="AE37" s="2822"/>
      <c r="AF37" s="2822"/>
      <c r="AG37" s="2822"/>
      <c r="AH37" s="2822"/>
      <c r="AI37" s="2822"/>
      <c r="AJ37" s="2822"/>
      <c r="AK37" s="2822"/>
      <c r="AL37" s="393"/>
    </row>
    <row r="38" spans="2:38" ht="10.5" customHeight="1" x14ac:dyDescent="0.2">
      <c r="B38" s="2584"/>
      <c r="C38" s="2585"/>
      <c r="D38" s="2641"/>
      <c r="E38" s="2642"/>
      <c r="F38" s="2642"/>
      <c r="G38" s="2643"/>
      <c r="H38" s="382"/>
      <c r="I38" s="2823"/>
      <c r="J38" s="2823"/>
      <c r="K38" s="2825" t="s">
        <v>1743</v>
      </c>
      <c r="L38" s="2825"/>
      <c r="M38" s="2825"/>
      <c r="N38" s="2825"/>
      <c r="O38" s="2825"/>
      <c r="P38" s="2825"/>
      <c r="Q38" s="2825"/>
      <c r="R38" s="2825"/>
      <c r="S38" s="2825"/>
      <c r="T38" s="2825"/>
      <c r="U38" s="2825"/>
      <c r="V38" s="2825"/>
      <c r="W38" s="2825"/>
      <c r="X38" s="2825"/>
      <c r="Y38" s="2825"/>
      <c r="Z38" s="2825"/>
      <c r="AA38" s="2825"/>
      <c r="AB38" s="2825"/>
      <c r="AC38" s="2825"/>
      <c r="AD38" s="2825"/>
      <c r="AE38" s="2822"/>
      <c r="AF38" s="2822"/>
      <c r="AG38" s="2822"/>
      <c r="AH38" s="2822"/>
      <c r="AI38" s="2822"/>
      <c r="AJ38" s="2822"/>
      <c r="AK38" s="2822"/>
      <c r="AL38" s="393"/>
    </row>
    <row r="39" spans="2:38" ht="10.5" customHeight="1" x14ac:dyDescent="0.2">
      <c r="B39" s="2584"/>
      <c r="C39" s="2585"/>
      <c r="D39" s="2641"/>
      <c r="E39" s="2642"/>
      <c r="F39" s="2642"/>
      <c r="G39" s="2643"/>
      <c r="H39" s="382"/>
      <c r="I39" s="2823"/>
      <c r="J39" s="2823"/>
      <c r="K39" s="2825"/>
      <c r="L39" s="2825"/>
      <c r="M39" s="2825"/>
      <c r="N39" s="2825"/>
      <c r="O39" s="2825"/>
      <c r="P39" s="2825"/>
      <c r="Q39" s="2825"/>
      <c r="R39" s="2825"/>
      <c r="S39" s="2825"/>
      <c r="T39" s="2825"/>
      <c r="U39" s="2825"/>
      <c r="V39" s="2825"/>
      <c r="W39" s="2825"/>
      <c r="X39" s="2825"/>
      <c r="Y39" s="2825"/>
      <c r="Z39" s="2825"/>
      <c r="AA39" s="2825"/>
      <c r="AB39" s="2825"/>
      <c r="AC39" s="2825"/>
      <c r="AD39" s="2825"/>
      <c r="AE39" s="2822"/>
      <c r="AF39" s="2822"/>
      <c r="AG39" s="2822"/>
      <c r="AH39" s="2822"/>
      <c r="AI39" s="2822"/>
      <c r="AJ39" s="2822"/>
      <c r="AK39" s="2822"/>
      <c r="AL39" s="393"/>
    </row>
    <row r="40" spans="2:38" ht="10.5" customHeight="1" x14ac:dyDescent="0.2">
      <c r="B40" s="2584"/>
      <c r="C40" s="2585"/>
      <c r="D40" s="2641"/>
      <c r="E40" s="2642"/>
      <c r="F40" s="2642"/>
      <c r="G40" s="2643"/>
      <c r="H40" s="382"/>
      <c r="I40" s="2823" t="s">
        <v>1740</v>
      </c>
      <c r="J40" s="2823"/>
      <c r="K40" s="2826" t="s">
        <v>1758</v>
      </c>
      <c r="L40" s="2824"/>
      <c r="M40" s="2824"/>
      <c r="N40" s="2824"/>
      <c r="O40" s="2824"/>
      <c r="P40" s="2824"/>
      <c r="Q40" s="2824"/>
      <c r="R40" s="2824"/>
      <c r="S40" s="2824"/>
      <c r="T40" s="2824"/>
      <c r="U40" s="2824"/>
      <c r="V40" s="2824"/>
      <c r="W40" s="2824"/>
      <c r="X40" s="2824"/>
      <c r="Y40" s="2824"/>
      <c r="Z40" s="2824"/>
      <c r="AA40" s="2824"/>
      <c r="AB40" s="2824"/>
      <c r="AC40" s="2824"/>
      <c r="AD40" s="2824"/>
      <c r="AE40" s="2823" t="e">
        <f>($AE$30/$AE$32)/12</f>
        <v>#DIV/0!</v>
      </c>
      <c r="AF40" s="2823"/>
      <c r="AG40" s="2823"/>
      <c r="AH40" s="2823"/>
      <c r="AI40" s="2823"/>
      <c r="AJ40" s="2823"/>
      <c r="AK40" s="2823"/>
      <c r="AL40" s="393"/>
    </row>
    <row r="41" spans="2:38" ht="10.5" customHeight="1" x14ac:dyDescent="0.2">
      <c r="B41" s="2584"/>
      <c r="C41" s="2585"/>
      <c r="D41" s="2641"/>
      <c r="E41" s="2642"/>
      <c r="F41" s="2642"/>
      <c r="G41" s="2643"/>
      <c r="H41" s="382"/>
      <c r="I41" s="2823"/>
      <c r="J41" s="2823"/>
      <c r="K41" s="2824"/>
      <c r="L41" s="2824"/>
      <c r="M41" s="2824"/>
      <c r="N41" s="2824"/>
      <c r="O41" s="2824"/>
      <c r="P41" s="2824"/>
      <c r="Q41" s="2824"/>
      <c r="R41" s="2824"/>
      <c r="S41" s="2824"/>
      <c r="T41" s="2824"/>
      <c r="U41" s="2824"/>
      <c r="V41" s="2824"/>
      <c r="W41" s="2824"/>
      <c r="X41" s="2824"/>
      <c r="Y41" s="2824"/>
      <c r="Z41" s="2824"/>
      <c r="AA41" s="2824"/>
      <c r="AB41" s="2824"/>
      <c r="AC41" s="2824"/>
      <c r="AD41" s="2824"/>
      <c r="AE41" s="2823"/>
      <c r="AF41" s="2823"/>
      <c r="AG41" s="2823"/>
      <c r="AH41" s="2823"/>
      <c r="AI41" s="2823"/>
      <c r="AJ41" s="2823"/>
      <c r="AK41" s="2823"/>
      <c r="AL41" s="393"/>
    </row>
    <row r="42" spans="2:38" ht="10.5" customHeight="1" x14ac:dyDescent="0.2">
      <c r="B42" s="2584"/>
      <c r="C42" s="2585"/>
      <c r="D42" s="2641"/>
      <c r="E42" s="2642"/>
      <c r="F42" s="2642"/>
      <c r="G42" s="2643"/>
      <c r="H42" s="382"/>
      <c r="I42" s="2823"/>
      <c r="J42" s="2823"/>
      <c r="K42" s="2824"/>
      <c r="L42" s="2824"/>
      <c r="M42" s="2824"/>
      <c r="N42" s="2824"/>
      <c r="O42" s="2824"/>
      <c r="P42" s="2824"/>
      <c r="Q42" s="2824"/>
      <c r="R42" s="2824"/>
      <c r="S42" s="2824"/>
      <c r="T42" s="2824"/>
      <c r="U42" s="2824"/>
      <c r="V42" s="2824"/>
      <c r="W42" s="2824"/>
      <c r="X42" s="2824"/>
      <c r="Y42" s="2824"/>
      <c r="Z42" s="2824"/>
      <c r="AA42" s="2824"/>
      <c r="AB42" s="2824"/>
      <c r="AC42" s="2824"/>
      <c r="AD42" s="2824"/>
      <c r="AE42" s="2823"/>
      <c r="AF42" s="2823"/>
      <c r="AG42" s="2823"/>
      <c r="AH42" s="2823"/>
      <c r="AI42" s="2823"/>
      <c r="AJ42" s="2823"/>
      <c r="AK42" s="2823"/>
      <c r="AL42" s="393"/>
    </row>
    <row r="43" spans="2:38" ht="10.5" customHeight="1" x14ac:dyDescent="0.2">
      <c r="B43" s="2584"/>
      <c r="C43" s="2585"/>
      <c r="D43" s="2641"/>
      <c r="E43" s="2642"/>
      <c r="F43" s="2642"/>
      <c r="G43" s="2643"/>
      <c r="H43" s="382"/>
      <c r="I43" s="2823"/>
      <c r="J43" s="2823"/>
      <c r="K43" s="2824"/>
      <c r="L43" s="2824"/>
      <c r="M43" s="2824"/>
      <c r="N43" s="2824"/>
      <c r="O43" s="2824"/>
      <c r="P43" s="2824"/>
      <c r="Q43" s="2824"/>
      <c r="R43" s="2824"/>
      <c r="S43" s="2824"/>
      <c r="T43" s="2824"/>
      <c r="U43" s="2824"/>
      <c r="V43" s="2824"/>
      <c r="W43" s="2824"/>
      <c r="X43" s="2824"/>
      <c r="Y43" s="2824"/>
      <c r="Z43" s="2824"/>
      <c r="AA43" s="2824"/>
      <c r="AB43" s="2824"/>
      <c r="AC43" s="2824"/>
      <c r="AD43" s="2824"/>
      <c r="AE43" s="2823"/>
      <c r="AF43" s="2823"/>
      <c r="AG43" s="2823"/>
      <c r="AH43" s="2823"/>
      <c r="AI43" s="2823"/>
      <c r="AJ43" s="2823"/>
      <c r="AK43" s="2823"/>
      <c r="AL43" s="393"/>
    </row>
    <row r="44" spans="2:38" ht="10.5" customHeight="1" x14ac:dyDescent="0.2">
      <c r="B44" s="2584"/>
      <c r="C44" s="2585"/>
      <c r="D44" s="2641"/>
      <c r="E44" s="2642"/>
      <c r="F44" s="2642"/>
      <c r="G44" s="2643"/>
      <c r="H44" s="382"/>
      <c r="I44" s="2823"/>
      <c r="J44" s="2823"/>
      <c r="K44" s="2824"/>
      <c r="L44" s="2824"/>
      <c r="M44" s="2824"/>
      <c r="N44" s="2824"/>
      <c r="O44" s="2824"/>
      <c r="P44" s="2824"/>
      <c r="Q44" s="2824"/>
      <c r="R44" s="2824"/>
      <c r="S44" s="2824"/>
      <c r="T44" s="2824"/>
      <c r="U44" s="2824"/>
      <c r="V44" s="2824"/>
      <c r="W44" s="2824"/>
      <c r="X44" s="2824"/>
      <c r="Y44" s="2824"/>
      <c r="Z44" s="2824"/>
      <c r="AA44" s="2824"/>
      <c r="AB44" s="2824"/>
      <c r="AC44" s="2824"/>
      <c r="AD44" s="2824"/>
      <c r="AE44" s="2823"/>
      <c r="AF44" s="2823"/>
      <c r="AG44" s="2823"/>
      <c r="AH44" s="2823"/>
      <c r="AI44" s="2823"/>
      <c r="AJ44" s="2823"/>
      <c r="AK44" s="2823"/>
      <c r="AL44" s="393"/>
    </row>
    <row r="45" spans="2:38" ht="10.5" customHeight="1" x14ac:dyDescent="0.2">
      <c r="B45" s="2584"/>
      <c r="C45" s="2585"/>
      <c r="D45" s="2641"/>
      <c r="E45" s="2642"/>
      <c r="F45" s="2642"/>
      <c r="G45" s="2643"/>
      <c r="H45" s="382"/>
      <c r="I45" s="2821" t="s">
        <v>1756</v>
      </c>
      <c r="J45" s="2821"/>
      <c r="K45" s="2821"/>
      <c r="L45" s="2821"/>
      <c r="M45" s="2821"/>
      <c r="N45" s="2821"/>
      <c r="O45" s="2821"/>
      <c r="P45" s="2821"/>
      <c r="Q45" s="2821"/>
      <c r="R45" s="2821"/>
      <c r="S45" s="2821"/>
      <c r="T45" s="2821"/>
      <c r="U45" s="2821"/>
      <c r="V45" s="2821"/>
      <c r="W45" s="2821"/>
      <c r="X45" s="2821"/>
      <c r="Y45" s="2821"/>
      <c r="Z45" s="2821"/>
      <c r="AA45" s="2821"/>
      <c r="AB45" s="2821"/>
      <c r="AC45" s="2821"/>
      <c r="AD45" s="2821"/>
      <c r="AE45" s="2822"/>
      <c r="AF45" s="2822"/>
      <c r="AG45" s="2822"/>
      <c r="AH45" s="2822"/>
      <c r="AI45" s="2822"/>
      <c r="AJ45" s="2822"/>
      <c r="AK45" s="2822"/>
      <c r="AL45" s="393"/>
    </row>
    <row r="46" spans="2:38" ht="10.5" customHeight="1" x14ac:dyDescent="0.2">
      <c r="B46" s="2584"/>
      <c r="C46" s="2585"/>
      <c r="D46" s="2641"/>
      <c r="E46" s="2642"/>
      <c r="F46" s="2642"/>
      <c r="G46" s="2643"/>
      <c r="H46" s="382"/>
      <c r="I46" s="2821"/>
      <c r="J46" s="2821"/>
      <c r="K46" s="2821"/>
      <c r="L46" s="2821"/>
      <c r="M46" s="2821"/>
      <c r="N46" s="2821"/>
      <c r="O46" s="2821"/>
      <c r="P46" s="2821"/>
      <c r="Q46" s="2821"/>
      <c r="R46" s="2821"/>
      <c r="S46" s="2821"/>
      <c r="T46" s="2821"/>
      <c r="U46" s="2821"/>
      <c r="V46" s="2821"/>
      <c r="W46" s="2821"/>
      <c r="X46" s="2821"/>
      <c r="Y46" s="2821"/>
      <c r="Z46" s="2821"/>
      <c r="AA46" s="2821"/>
      <c r="AB46" s="2821"/>
      <c r="AC46" s="2821"/>
      <c r="AD46" s="2821"/>
      <c r="AE46" s="2822"/>
      <c r="AF46" s="2822"/>
      <c r="AG46" s="2822"/>
      <c r="AH46" s="2822"/>
      <c r="AI46" s="2822"/>
      <c r="AJ46" s="2822"/>
      <c r="AK46" s="2822"/>
      <c r="AL46" s="393"/>
    </row>
    <row r="47" spans="2:38" ht="10.5" customHeight="1" x14ac:dyDescent="0.2">
      <c r="B47" s="2584"/>
      <c r="C47" s="2585"/>
      <c r="D47" s="2641"/>
      <c r="E47" s="2642"/>
      <c r="F47" s="2642"/>
      <c r="G47" s="2643"/>
      <c r="H47" s="382"/>
      <c r="I47" s="2821"/>
      <c r="J47" s="2821"/>
      <c r="K47" s="2821"/>
      <c r="L47" s="2821"/>
      <c r="M47" s="2821"/>
      <c r="N47" s="2821"/>
      <c r="O47" s="2821"/>
      <c r="P47" s="2821"/>
      <c r="Q47" s="2821"/>
      <c r="R47" s="2821"/>
      <c r="S47" s="2821"/>
      <c r="T47" s="2821"/>
      <c r="U47" s="2821"/>
      <c r="V47" s="2821"/>
      <c r="W47" s="2821"/>
      <c r="X47" s="2821"/>
      <c r="Y47" s="2821"/>
      <c r="Z47" s="2821"/>
      <c r="AA47" s="2821"/>
      <c r="AB47" s="2821"/>
      <c r="AC47" s="2821"/>
      <c r="AD47" s="2821"/>
      <c r="AE47" s="2822"/>
      <c r="AF47" s="2822"/>
      <c r="AG47" s="2822"/>
      <c r="AH47" s="2822"/>
      <c r="AI47" s="2822"/>
      <c r="AJ47" s="2822"/>
      <c r="AK47" s="2822"/>
      <c r="AL47" s="393"/>
    </row>
    <row r="48" spans="2:38" ht="10.5" customHeight="1" x14ac:dyDescent="0.2">
      <c r="B48" s="2586"/>
      <c r="C48" s="2587"/>
      <c r="D48" s="2644"/>
      <c r="E48" s="2645"/>
      <c r="F48" s="2645"/>
      <c r="G48" s="2646"/>
      <c r="H48" s="387"/>
      <c r="I48" s="387"/>
      <c r="J48" s="387"/>
      <c r="K48" s="387"/>
      <c r="L48" s="387"/>
      <c r="M48" s="387"/>
      <c r="N48" s="387"/>
      <c r="O48" s="387"/>
      <c r="P48" s="387"/>
      <c r="Q48" s="387"/>
      <c r="R48" s="387"/>
      <c r="S48" s="387"/>
      <c r="T48" s="387"/>
      <c r="U48" s="387"/>
      <c r="V48" s="387"/>
      <c r="W48" s="387"/>
      <c r="X48" s="387"/>
      <c r="Y48" s="387"/>
      <c r="Z48" s="387"/>
      <c r="AA48" s="384"/>
      <c r="AB48" s="384"/>
      <c r="AC48" s="384"/>
      <c r="AD48" s="384"/>
      <c r="AE48" s="384"/>
      <c r="AF48" s="384"/>
      <c r="AG48" s="384"/>
      <c r="AH48" s="384"/>
      <c r="AI48" s="384"/>
      <c r="AJ48" s="384"/>
      <c r="AK48" s="384"/>
      <c r="AL48" s="396"/>
    </row>
    <row r="49" spans="2:38" ht="19.5" customHeight="1" x14ac:dyDescent="0.2">
      <c r="B49" s="2832" t="s">
        <v>1744</v>
      </c>
      <c r="C49" s="2833"/>
      <c r="D49" s="2838" t="s">
        <v>763</v>
      </c>
      <c r="E49" s="2839"/>
      <c r="F49" s="2839"/>
      <c r="G49" s="2839"/>
      <c r="H49" s="2839"/>
      <c r="I49" s="2839"/>
      <c r="J49" s="2839"/>
      <c r="K49" s="2839"/>
      <c r="L49" s="2839"/>
      <c r="M49" s="2839"/>
      <c r="N49" s="2839"/>
      <c r="O49" s="2839"/>
      <c r="P49" s="2839"/>
      <c r="Q49" s="2839"/>
      <c r="R49" s="2839"/>
      <c r="S49" s="2840"/>
      <c r="T49" s="2845" t="s">
        <v>762</v>
      </c>
      <c r="U49" s="2845"/>
      <c r="V49" s="2845"/>
      <c r="W49" s="2845"/>
      <c r="X49" s="2845"/>
      <c r="Y49" s="2845"/>
      <c r="Z49" s="2845"/>
      <c r="AA49" s="2845"/>
      <c r="AB49" s="2845"/>
      <c r="AC49" s="2845"/>
      <c r="AD49" s="2845"/>
      <c r="AE49" s="2845"/>
      <c r="AF49" s="2845"/>
      <c r="AG49" s="2845"/>
      <c r="AH49" s="2845"/>
      <c r="AI49" s="2845"/>
      <c r="AJ49" s="2845"/>
      <c r="AK49" s="2845"/>
      <c r="AL49" s="2846"/>
    </row>
    <row r="50" spans="2:38" ht="19.5" customHeight="1" x14ac:dyDescent="0.2">
      <c r="B50" s="2834"/>
      <c r="C50" s="2835"/>
      <c r="D50" s="2841"/>
      <c r="E50" s="2642"/>
      <c r="F50" s="2642"/>
      <c r="G50" s="2642"/>
      <c r="H50" s="2642"/>
      <c r="I50" s="2642"/>
      <c r="J50" s="2642"/>
      <c r="K50" s="2642"/>
      <c r="L50" s="2642"/>
      <c r="M50" s="2642"/>
      <c r="N50" s="2642"/>
      <c r="O50" s="2642"/>
      <c r="P50" s="2642"/>
      <c r="Q50" s="2642"/>
      <c r="R50" s="2642"/>
      <c r="S50" s="2643"/>
      <c r="T50" s="2574"/>
      <c r="U50" s="2574"/>
      <c r="V50" s="2574"/>
      <c r="W50" s="2574"/>
      <c r="X50" s="2574"/>
      <c r="Y50" s="2574"/>
      <c r="Z50" s="2574"/>
      <c r="AA50" s="2574"/>
      <c r="AB50" s="2574"/>
      <c r="AC50" s="2574"/>
      <c r="AD50" s="2574"/>
      <c r="AE50" s="2574"/>
      <c r="AF50" s="2574"/>
      <c r="AG50" s="2574"/>
      <c r="AH50" s="2574"/>
      <c r="AI50" s="2574"/>
      <c r="AJ50" s="2574"/>
      <c r="AK50" s="2574"/>
      <c r="AL50" s="2847"/>
    </row>
    <row r="51" spans="2:38" ht="19.5" customHeight="1" x14ac:dyDescent="0.2">
      <c r="B51" s="2834"/>
      <c r="C51" s="2835"/>
      <c r="D51" s="2841"/>
      <c r="E51" s="2642"/>
      <c r="F51" s="2642"/>
      <c r="G51" s="2642"/>
      <c r="H51" s="2642"/>
      <c r="I51" s="2642"/>
      <c r="J51" s="2642"/>
      <c r="K51" s="2642"/>
      <c r="L51" s="2642"/>
      <c r="M51" s="2642"/>
      <c r="N51" s="2642"/>
      <c r="O51" s="2642"/>
      <c r="P51" s="2642"/>
      <c r="Q51" s="2642"/>
      <c r="R51" s="2642"/>
      <c r="S51" s="2643"/>
      <c r="T51" s="2574"/>
      <c r="U51" s="2574"/>
      <c r="V51" s="2574"/>
      <c r="W51" s="2574"/>
      <c r="X51" s="2574"/>
      <c r="Y51" s="2574"/>
      <c r="Z51" s="2574"/>
      <c r="AA51" s="2574"/>
      <c r="AB51" s="2574"/>
      <c r="AC51" s="2574"/>
      <c r="AD51" s="2574"/>
      <c r="AE51" s="2574"/>
      <c r="AF51" s="2574"/>
      <c r="AG51" s="2574"/>
      <c r="AH51" s="2574"/>
      <c r="AI51" s="2574"/>
      <c r="AJ51" s="2574"/>
      <c r="AK51" s="2574"/>
      <c r="AL51" s="2847"/>
    </row>
    <row r="52" spans="2:38" ht="19.5" customHeight="1" x14ac:dyDescent="0.2">
      <c r="B52" s="2834"/>
      <c r="C52" s="2835"/>
      <c r="D52" s="2841"/>
      <c r="E52" s="2642"/>
      <c r="F52" s="2642"/>
      <c r="G52" s="2642"/>
      <c r="H52" s="2642"/>
      <c r="I52" s="2642"/>
      <c r="J52" s="2642"/>
      <c r="K52" s="2642"/>
      <c r="L52" s="2642"/>
      <c r="M52" s="2642"/>
      <c r="N52" s="2642"/>
      <c r="O52" s="2642"/>
      <c r="P52" s="2642"/>
      <c r="Q52" s="2642"/>
      <c r="R52" s="2642"/>
      <c r="S52" s="2643"/>
      <c r="T52" s="2574"/>
      <c r="U52" s="2574"/>
      <c r="V52" s="2574"/>
      <c r="W52" s="2574"/>
      <c r="X52" s="2574"/>
      <c r="Y52" s="2574"/>
      <c r="Z52" s="2574"/>
      <c r="AA52" s="2574"/>
      <c r="AB52" s="2574"/>
      <c r="AC52" s="2574"/>
      <c r="AD52" s="2574"/>
      <c r="AE52" s="2574"/>
      <c r="AF52" s="2574"/>
      <c r="AG52" s="2574"/>
      <c r="AH52" s="2574"/>
      <c r="AI52" s="2574"/>
      <c r="AJ52" s="2574"/>
      <c r="AK52" s="2574"/>
      <c r="AL52" s="2847"/>
    </row>
    <row r="53" spans="2:38" ht="19.5" customHeight="1" x14ac:dyDescent="0.2">
      <c r="B53" s="2836"/>
      <c r="C53" s="2837"/>
      <c r="D53" s="2842"/>
      <c r="E53" s="2843"/>
      <c r="F53" s="2843"/>
      <c r="G53" s="2843"/>
      <c r="H53" s="2843"/>
      <c r="I53" s="2843"/>
      <c r="J53" s="2843"/>
      <c r="K53" s="2843"/>
      <c r="L53" s="2843"/>
      <c r="M53" s="2843"/>
      <c r="N53" s="2843"/>
      <c r="O53" s="2843"/>
      <c r="P53" s="2843"/>
      <c r="Q53" s="2843"/>
      <c r="R53" s="2843"/>
      <c r="S53" s="2844"/>
      <c r="T53" s="2848"/>
      <c r="U53" s="2848"/>
      <c r="V53" s="2848"/>
      <c r="W53" s="2848"/>
      <c r="X53" s="2848"/>
      <c r="Y53" s="2848"/>
      <c r="Z53" s="2848"/>
      <c r="AA53" s="2848"/>
      <c r="AB53" s="2848"/>
      <c r="AC53" s="2848"/>
      <c r="AD53" s="2848"/>
      <c r="AE53" s="2848"/>
      <c r="AF53" s="2848"/>
      <c r="AG53" s="2848"/>
      <c r="AH53" s="2848"/>
      <c r="AI53" s="2848"/>
      <c r="AJ53" s="2848"/>
      <c r="AK53" s="2848"/>
      <c r="AL53" s="2849"/>
    </row>
    <row r="54" spans="2:38" ht="131.4" customHeight="1" x14ac:dyDescent="0.2">
      <c r="B54" s="2525" t="s">
        <v>1757</v>
      </c>
      <c r="C54" s="2525"/>
      <c r="D54" s="2525"/>
      <c r="E54" s="2525"/>
      <c r="F54" s="2525"/>
      <c r="G54" s="2525"/>
      <c r="H54" s="2525"/>
      <c r="I54" s="2525"/>
      <c r="J54" s="2525"/>
      <c r="K54" s="2525"/>
      <c r="L54" s="2525"/>
      <c r="M54" s="2525"/>
      <c r="N54" s="2525"/>
      <c r="O54" s="2525"/>
      <c r="P54" s="2525"/>
      <c r="Q54" s="2525"/>
      <c r="R54" s="2525"/>
      <c r="S54" s="2525"/>
      <c r="T54" s="2525"/>
      <c r="U54" s="2525"/>
      <c r="V54" s="2525"/>
      <c r="W54" s="2525"/>
      <c r="X54" s="2525"/>
      <c r="Y54" s="2525"/>
      <c r="Z54" s="2525"/>
      <c r="AA54" s="2525"/>
      <c r="AB54" s="2525"/>
      <c r="AC54" s="2525"/>
      <c r="AD54" s="2525"/>
      <c r="AE54" s="2525"/>
      <c r="AF54" s="2525"/>
      <c r="AG54" s="2525"/>
      <c r="AH54" s="2525"/>
      <c r="AI54" s="2525"/>
      <c r="AJ54" s="2525"/>
      <c r="AK54" s="2525"/>
      <c r="AL54" s="2525"/>
    </row>
  </sheetData>
  <customSheetViews>
    <customSheetView guid="{FA98832E-F01A-4598-9960-E27C2FDAB118}" showPageBreaks="1" showGridLines="0" printArea="1" view="pageBreakPreview">
      <selection activeCell="J20" sqref="J20"/>
      <pageMargins left="0.7" right="0.7" top="0.75" bottom="0.75" header="0.3" footer="0.3"/>
      <pageSetup paperSize="9" orientation="portrait" r:id="rId1"/>
    </customSheetView>
    <customSheetView guid="{8494577A-77FB-45FD-BD2B-C737BCFAD5B3}" showPageBreaks="1" showGridLines="0" printArea="1" view="pageBreakPreview">
      <selection activeCell="J20" sqref="J20"/>
      <pageMargins left="0.7" right="0.7" top="0.75" bottom="0.75" header="0.3" footer="0.3"/>
      <pageSetup paperSize="9" orientation="portrait" r:id="rId2"/>
    </customSheetView>
  </customSheetViews>
  <mergeCells count="46">
    <mergeCell ref="B54:AL54"/>
    <mergeCell ref="B49:C53"/>
    <mergeCell ref="D49:S53"/>
    <mergeCell ref="T49:AL53"/>
    <mergeCell ref="B17:G21"/>
    <mergeCell ref="B22:C48"/>
    <mergeCell ref="D22:G28"/>
    <mergeCell ref="D29:G48"/>
    <mergeCell ref="K32:AD35"/>
    <mergeCell ref="I30:J31"/>
    <mergeCell ref="I32:J39"/>
    <mergeCell ref="I40:J44"/>
    <mergeCell ref="AE32:AK35"/>
    <mergeCell ref="AE30:AK31"/>
    <mergeCell ref="AE36:AK37"/>
    <mergeCell ref="AE38:AK39"/>
    <mergeCell ref="K40:AD44"/>
    <mergeCell ref="I13:L13"/>
    <mergeCell ref="I14:L14"/>
    <mergeCell ref="I15:L15"/>
    <mergeCell ref="A3:AL4"/>
    <mergeCell ref="B6:G7"/>
    <mergeCell ref="J6:AL7"/>
    <mergeCell ref="B8:G16"/>
    <mergeCell ref="M13:U13"/>
    <mergeCell ref="V15:X15"/>
    <mergeCell ref="M9:AJ9"/>
    <mergeCell ref="I9:L12"/>
    <mergeCell ref="Y10:AJ12"/>
    <mergeCell ref="M10:X12"/>
    <mergeCell ref="I45:AD47"/>
    <mergeCell ref="AE45:AK47"/>
    <mergeCell ref="AH13:AJ13"/>
    <mergeCell ref="AH14:AJ14"/>
    <mergeCell ref="AH15:AJ15"/>
    <mergeCell ref="M14:U14"/>
    <mergeCell ref="M15:U15"/>
    <mergeCell ref="Y13:AG13"/>
    <mergeCell ref="Y14:AG14"/>
    <mergeCell ref="Y15:AG15"/>
    <mergeCell ref="V13:X13"/>
    <mergeCell ref="V14:X14"/>
    <mergeCell ref="AE40:AK44"/>
    <mergeCell ref="K30:AD31"/>
    <mergeCell ref="K38:AD39"/>
    <mergeCell ref="K36:AD37"/>
  </mergeCells>
  <phoneticPr fontId="6"/>
  <dataValidations count="1">
    <dataValidation type="list" allowBlank="1" showInputMessage="1" showErrorMessage="1" sqref="V13:X15 AH13:AJ15">
      <formula1>"〇, ,　,"</formula1>
    </dataValidation>
  </dataValidations>
  <pageMargins left="0.7" right="0.7" top="0.75" bottom="0.75" header="0.3" footer="0.3"/>
  <pageSetup paperSize="9" orientation="portrait" r:id="rId3"/>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3"/>
  <sheetViews>
    <sheetView showGridLines="0" view="pageBreakPreview" zoomScale="110" zoomScaleNormal="100" zoomScaleSheetLayoutView="110" workbookViewId="0">
      <selection activeCell="X47" sqref="X47"/>
    </sheetView>
  </sheetViews>
  <sheetFormatPr defaultColWidth="2.21875" defaultRowHeight="13.2" x14ac:dyDescent="0.2"/>
  <cols>
    <col min="1" max="1" width="2.21875" style="372" customWidth="1"/>
    <col min="2" max="2" width="2.21875" style="373" customWidth="1"/>
    <col min="3" max="5" width="2.21875" style="372"/>
    <col min="6" max="6" width="2.44140625" style="372" bestFit="1" customWidth="1"/>
    <col min="7" max="20" width="2.21875" style="372"/>
    <col min="21" max="21" width="2.6640625" style="372" bestFit="1" customWidth="1"/>
    <col min="22" max="256" width="2.21875" style="372"/>
    <col min="257" max="258" width="2.21875" style="372" customWidth="1"/>
    <col min="259" max="261" width="2.21875" style="372"/>
    <col min="262" max="262" width="2.44140625" style="372" bestFit="1" customWidth="1"/>
    <col min="263" max="276" width="2.21875" style="372"/>
    <col min="277" max="277" width="2.6640625" style="372" bestFit="1" customWidth="1"/>
    <col min="278" max="512" width="2.21875" style="372"/>
    <col min="513" max="514" width="2.21875" style="372" customWidth="1"/>
    <col min="515" max="517" width="2.21875" style="372"/>
    <col min="518" max="518" width="2.44140625" style="372" bestFit="1" customWidth="1"/>
    <col min="519" max="532" width="2.21875" style="372"/>
    <col min="533" max="533" width="2.6640625" style="372" bestFit="1" customWidth="1"/>
    <col min="534" max="768" width="2.21875" style="372"/>
    <col min="769" max="770" width="2.21875" style="372" customWidth="1"/>
    <col min="771" max="773" width="2.21875" style="372"/>
    <col min="774" max="774" width="2.44140625" style="372" bestFit="1" customWidth="1"/>
    <col min="775" max="788" width="2.21875" style="372"/>
    <col min="789" max="789" width="2.6640625" style="372" bestFit="1" customWidth="1"/>
    <col min="790" max="1024" width="2.21875" style="372"/>
    <col min="1025" max="1026" width="2.21875" style="372" customWidth="1"/>
    <col min="1027" max="1029" width="2.21875" style="372"/>
    <col min="1030" max="1030" width="2.44140625" style="372" bestFit="1" customWidth="1"/>
    <col min="1031" max="1044" width="2.21875" style="372"/>
    <col min="1045" max="1045" width="2.6640625" style="372" bestFit="1" customWidth="1"/>
    <col min="1046" max="1280" width="2.21875" style="372"/>
    <col min="1281" max="1282" width="2.21875" style="372" customWidth="1"/>
    <col min="1283" max="1285" width="2.21875" style="372"/>
    <col min="1286" max="1286" width="2.44140625" style="372" bestFit="1" customWidth="1"/>
    <col min="1287" max="1300" width="2.21875" style="372"/>
    <col min="1301" max="1301" width="2.6640625" style="372" bestFit="1" customWidth="1"/>
    <col min="1302" max="1536" width="2.21875" style="372"/>
    <col min="1537" max="1538" width="2.21875" style="372" customWidth="1"/>
    <col min="1539" max="1541" width="2.21875" style="372"/>
    <col min="1542" max="1542" width="2.44140625" style="372" bestFit="1" customWidth="1"/>
    <col min="1543" max="1556" width="2.21875" style="372"/>
    <col min="1557" max="1557" width="2.6640625" style="372" bestFit="1" customWidth="1"/>
    <col min="1558" max="1792" width="2.21875" style="372"/>
    <col min="1793" max="1794" width="2.21875" style="372" customWidth="1"/>
    <col min="1795" max="1797" width="2.21875" style="372"/>
    <col min="1798" max="1798" width="2.44140625" style="372" bestFit="1" customWidth="1"/>
    <col min="1799" max="1812" width="2.21875" style="372"/>
    <col min="1813" max="1813" width="2.6640625" style="372" bestFit="1" customWidth="1"/>
    <col min="1814" max="2048" width="2.21875" style="372"/>
    <col min="2049" max="2050" width="2.21875" style="372" customWidth="1"/>
    <col min="2051" max="2053" width="2.21875" style="372"/>
    <col min="2054" max="2054" width="2.44140625" style="372" bestFit="1" customWidth="1"/>
    <col min="2055" max="2068" width="2.21875" style="372"/>
    <col min="2069" max="2069" width="2.6640625" style="372" bestFit="1" customWidth="1"/>
    <col min="2070" max="2304" width="2.21875" style="372"/>
    <col min="2305" max="2306" width="2.21875" style="372" customWidth="1"/>
    <col min="2307" max="2309" width="2.21875" style="372"/>
    <col min="2310" max="2310" width="2.44140625" style="372" bestFit="1" customWidth="1"/>
    <col min="2311" max="2324" width="2.21875" style="372"/>
    <col min="2325" max="2325" width="2.6640625" style="372" bestFit="1" customWidth="1"/>
    <col min="2326" max="2560" width="2.21875" style="372"/>
    <col min="2561" max="2562" width="2.21875" style="372" customWidth="1"/>
    <col min="2563" max="2565" width="2.21875" style="372"/>
    <col min="2566" max="2566" width="2.44140625" style="372" bestFit="1" customWidth="1"/>
    <col min="2567" max="2580" width="2.21875" style="372"/>
    <col min="2581" max="2581" width="2.6640625" style="372" bestFit="1" customWidth="1"/>
    <col min="2582" max="2816" width="2.21875" style="372"/>
    <col min="2817" max="2818" width="2.21875" style="372" customWidth="1"/>
    <col min="2819" max="2821" width="2.21875" style="372"/>
    <col min="2822" max="2822" width="2.44140625" style="372" bestFit="1" customWidth="1"/>
    <col min="2823" max="2836" width="2.21875" style="372"/>
    <col min="2837" max="2837" width="2.6640625" style="372" bestFit="1" customWidth="1"/>
    <col min="2838" max="3072" width="2.21875" style="372"/>
    <col min="3073" max="3074" width="2.21875" style="372" customWidth="1"/>
    <col min="3075" max="3077" width="2.21875" style="372"/>
    <col min="3078" max="3078" width="2.44140625" style="372" bestFit="1" customWidth="1"/>
    <col min="3079" max="3092" width="2.21875" style="372"/>
    <col min="3093" max="3093" width="2.6640625" style="372" bestFit="1" customWidth="1"/>
    <col min="3094" max="3328" width="2.21875" style="372"/>
    <col min="3329" max="3330" width="2.21875" style="372" customWidth="1"/>
    <col min="3331" max="3333" width="2.21875" style="372"/>
    <col min="3334" max="3334" width="2.44140625" style="372" bestFit="1" customWidth="1"/>
    <col min="3335" max="3348" width="2.21875" style="372"/>
    <col min="3349" max="3349" width="2.6640625" style="372" bestFit="1" customWidth="1"/>
    <col min="3350" max="3584" width="2.21875" style="372"/>
    <col min="3585" max="3586" width="2.21875" style="372" customWidth="1"/>
    <col min="3587" max="3589" width="2.21875" style="372"/>
    <col min="3590" max="3590" width="2.44140625" style="372" bestFit="1" customWidth="1"/>
    <col min="3591" max="3604" width="2.21875" style="372"/>
    <col min="3605" max="3605" width="2.6640625" style="372" bestFit="1" customWidth="1"/>
    <col min="3606" max="3840" width="2.21875" style="372"/>
    <col min="3841" max="3842" width="2.21875" style="372" customWidth="1"/>
    <col min="3843" max="3845" width="2.21875" style="372"/>
    <col min="3846" max="3846" width="2.44140625" style="372" bestFit="1" customWidth="1"/>
    <col min="3847" max="3860" width="2.21875" style="372"/>
    <col min="3861" max="3861" width="2.6640625" style="372" bestFit="1" customWidth="1"/>
    <col min="3862" max="4096" width="2.21875" style="372"/>
    <col min="4097" max="4098" width="2.21875" style="372" customWidth="1"/>
    <col min="4099" max="4101" width="2.21875" style="372"/>
    <col min="4102" max="4102" width="2.44140625" style="372" bestFit="1" customWidth="1"/>
    <col min="4103" max="4116" width="2.21875" style="372"/>
    <col min="4117" max="4117" width="2.6640625" style="372" bestFit="1" customWidth="1"/>
    <col min="4118" max="4352" width="2.21875" style="372"/>
    <col min="4353" max="4354" width="2.21875" style="372" customWidth="1"/>
    <col min="4355" max="4357" width="2.21875" style="372"/>
    <col min="4358" max="4358" width="2.44140625" style="372" bestFit="1" customWidth="1"/>
    <col min="4359" max="4372" width="2.21875" style="372"/>
    <col min="4373" max="4373" width="2.6640625" style="372" bestFit="1" customWidth="1"/>
    <col min="4374" max="4608" width="2.21875" style="372"/>
    <col min="4609" max="4610" width="2.21875" style="372" customWidth="1"/>
    <col min="4611" max="4613" width="2.21875" style="372"/>
    <col min="4614" max="4614" width="2.44140625" style="372" bestFit="1" customWidth="1"/>
    <col min="4615" max="4628" width="2.21875" style="372"/>
    <col min="4629" max="4629" width="2.6640625" style="372" bestFit="1" customWidth="1"/>
    <col min="4630" max="4864" width="2.21875" style="372"/>
    <col min="4865" max="4866" width="2.21875" style="372" customWidth="1"/>
    <col min="4867" max="4869" width="2.21875" style="372"/>
    <col min="4870" max="4870" width="2.44140625" style="372" bestFit="1" customWidth="1"/>
    <col min="4871" max="4884" width="2.21875" style="372"/>
    <col min="4885" max="4885" width="2.6640625" style="372" bestFit="1" customWidth="1"/>
    <col min="4886" max="5120" width="2.21875" style="372"/>
    <col min="5121" max="5122" width="2.21875" style="372" customWidth="1"/>
    <col min="5123" max="5125" width="2.21875" style="372"/>
    <col min="5126" max="5126" width="2.44140625" style="372" bestFit="1" customWidth="1"/>
    <col min="5127" max="5140" width="2.21875" style="372"/>
    <col min="5141" max="5141" width="2.6640625" style="372" bestFit="1" customWidth="1"/>
    <col min="5142" max="5376" width="2.21875" style="372"/>
    <col min="5377" max="5378" width="2.21875" style="372" customWidth="1"/>
    <col min="5379" max="5381" width="2.21875" style="372"/>
    <col min="5382" max="5382" width="2.44140625" style="372" bestFit="1" customWidth="1"/>
    <col min="5383" max="5396" width="2.21875" style="372"/>
    <col min="5397" max="5397" width="2.6640625" style="372" bestFit="1" customWidth="1"/>
    <col min="5398" max="5632" width="2.21875" style="372"/>
    <col min="5633" max="5634" width="2.21875" style="372" customWidth="1"/>
    <col min="5635" max="5637" width="2.21875" style="372"/>
    <col min="5638" max="5638" width="2.44140625" style="372" bestFit="1" customWidth="1"/>
    <col min="5639" max="5652" width="2.21875" style="372"/>
    <col min="5653" max="5653" width="2.6640625" style="372" bestFit="1" customWidth="1"/>
    <col min="5654" max="5888" width="2.21875" style="372"/>
    <col min="5889" max="5890" width="2.21875" style="372" customWidth="1"/>
    <col min="5891" max="5893" width="2.21875" style="372"/>
    <col min="5894" max="5894" width="2.44140625" style="372" bestFit="1" customWidth="1"/>
    <col min="5895" max="5908" width="2.21875" style="372"/>
    <col min="5909" max="5909" width="2.6640625" style="372" bestFit="1" customWidth="1"/>
    <col min="5910" max="6144" width="2.21875" style="372"/>
    <col min="6145" max="6146" width="2.21875" style="372" customWidth="1"/>
    <col min="6147" max="6149" width="2.21875" style="372"/>
    <col min="6150" max="6150" width="2.44140625" style="372" bestFit="1" customWidth="1"/>
    <col min="6151" max="6164" width="2.21875" style="372"/>
    <col min="6165" max="6165" width="2.6640625" style="372" bestFit="1" customWidth="1"/>
    <col min="6166" max="6400" width="2.21875" style="372"/>
    <col min="6401" max="6402" width="2.21875" style="372" customWidth="1"/>
    <col min="6403" max="6405" width="2.21875" style="372"/>
    <col min="6406" max="6406" width="2.44140625" style="372" bestFit="1" customWidth="1"/>
    <col min="6407" max="6420" width="2.21875" style="372"/>
    <col min="6421" max="6421" width="2.6640625" style="372" bestFit="1" customWidth="1"/>
    <col min="6422" max="6656" width="2.21875" style="372"/>
    <col min="6657" max="6658" width="2.21875" style="372" customWidth="1"/>
    <col min="6659" max="6661" width="2.21875" style="372"/>
    <col min="6662" max="6662" width="2.44140625" style="372" bestFit="1" customWidth="1"/>
    <col min="6663" max="6676" width="2.21875" style="372"/>
    <col min="6677" max="6677" width="2.6640625" style="372" bestFit="1" customWidth="1"/>
    <col min="6678" max="6912" width="2.21875" style="372"/>
    <col min="6913" max="6914" width="2.21875" style="372" customWidth="1"/>
    <col min="6915" max="6917" width="2.21875" style="372"/>
    <col min="6918" max="6918" width="2.44140625" style="372" bestFit="1" customWidth="1"/>
    <col min="6919" max="6932" width="2.21875" style="372"/>
    <col min="6933" max="6933" width="2.6640625" style="372" bestFit="1" customWidth="1"/>
    <col min="6934" max="7168" width="2.21875" style="372"/>
    <col min="7169" max="7170" width="2.21875" style="372" customWidth="1"/>
    <col min="7171" max="7173" width="2.21875" style="372"/>
    <col min="7174" max="7174" width="2.44140625" style="372" bestFit="1" customWidth="1"/>
    <col min="7175" max="7188" width="2.21875" style="372"/>
    <col min="7189" max="7189" width="2.6640625" style="372" bestFit="1" customWidth="1"/>
    <col min="7190" max="7424" width="2.21875" style="372"/>
    <col min="7425" max="7426" width="2.21875" style="372" customWidth="1"/>
    <col min="7427" max="7429" width="2.21875" style="372"/>
    <col min="7430" max="7430" width="2.44140625" style="372" bestFit="1" customWidth="1"/>
    <col min="7431" max="7444" width="2.21875" style="372"/>
    <col min="7445" max="7445" width="2.6640625" style="372" bestFit="1" customWidth="1"/>
    <col min="7446" max="7680" width="2.21875" style="372"/>
    <col min="7681" max="7682" width="2.21875" style="372" customWidth="1"/>
    <col min="7683" max="7685" width="2.21875" style="372"/>
    <col min="7686" max="7686" width="2.44140625" style="372" bestFit="1" customWidth="1"/>
    <col min="7687" max="7700" width="2.21875" style="372"/>
    <col min="7701" max="7701" width="2.6640625" style="372" bestFit="1" customWidth="1"/>
    <col min="7702" max="7936" width="2.21875" style="372"/>
    <col min="7937" max="7938" width="2.21875" style="372" customWidth="1"/>
    <col min="7939" max="7941" width="2.21875" style="372"/>
    <col min="7942" max="7942" width="2.44140625" style="372" bestFit="1" customWidth="1"/>
    <col min="7943" max="7956" width="2.21875" style="372"/>
    <col min="7957" max="7957" width="2.6640625" style="372" bestFit="1" customWidth="1"/>
    <col min="7958" max="8192" width="2.21875" style="372"/>
    <col min="8193" max="8194" width="2.21875" style="372" customWidth="1"/>
    <col min="8195" max="8197" width="2.21875" style="372"/>
    <col min="8198" max="8198" width="2.44140625" style="372" bestFit="1" customWidth="1"/>
    <col min="8199" max="8212" width="2.21875" style="372"/>
    <col min="8213" max="8213" width="2.6640625" style="372" bestFit="1" customWidth="1"/>
    <col min="8214" max="8448" width="2.21875" style="372"/>
    <col min="8449" max="8450" width="2.21875" style="372" customWidth="1"/>
    <col min="8451" max="8453" width="2.21875" style="372"/>
    <col min="8454" max="8454" width="2.44140625" style="372" bestFit="1" customWidth="1"/>
    <col min="8455" max="8468" width="2.21875" style="372"/>
    <col min="8469" max="8469" width="2.6640625" style="372" bestFit="1" customWidth="1"/>
    <col min="8470" max="8704" width="2.21875" style="372"/>
    <col min="8705" max="8706" width="2.21875" style="372" customWidth="1"/>
    <col min="8707" max="8709" width="2.21875" style="372"/>
    <col min="8710" max="8710" width="2.44140625" style="372" bestFit="1" customWidth="1"/>
    <col min="8711" max="8724" width="2.21875" style="372"/>
    <col min="8725" max="8725" width="2.6640625" style="372" bestFit="1" customWidth="1"/>
    <col min="8726" max="8960" width="2.21875" style="372"/>
    <col min="8961" max="8962" width="2.21875" style="372" customWidth="1"/>
    <col min="8963" max="8965" width="2.21875" style="372"/>
    <col min="8966" max="8966" width="2.44140625" style="372" bestFit="1" customWidth="1"/>
    <col min="8967" max="8980" width="2.21875" style="372"/>
    <col min="8981" max="8981" width="2.6640625" style="372" bestFit="1" customWidth="1"/>
    <col min="8982" max="9216" width="2.21875" style="372"/>
    <col min="9217" max="9218" width="2.21875" style="372" customWidth="1"/>
    <col min="9219" max="9221" width="2.21875" style="372"/>
    <col min="9222" max="9222" width="2.44140625" style="372" bestFit="1" customWidth="1"/>
    <col min="9223" max="9236" width="2.21875" style="372"/>
    <col min="9237" max="9237" width="2.6640625" style="372" bestFit="1" customWidth="1"/>
    <col min="9238" max="9472" width="2.21875" style="372"/>
    <col min="9473" max="9474" width="2.21875" style="372" customWidth="1"/>
    <col min="9475" max="9477" width="2.21875" style="372"/>
    <col min="9478" max="9478" width="2.44140625" style="372" bestFit="1" customWidth="1"/>
    <col min="9479" max="9492" width="2.21875" style="372"/>
    <col min="9493" max="9493" width="2.6640625" style="372" bestFit="1" customWidth="1"/>
    <col min="9494" max="9728" width="2.21875" style="372"/>
    <col min="9729" max="9730" width="2.21875" style="372" customWidth="1"/>
    <col min="9731" max="9733" width="2.21875" style="372"/>
    <col min="9734" max="9734" width="2.44140625" style="372" bestFit="1" customWidth="1"/>
    <col min="9735" max="9748" width="2.21875" style="372"/>
    <col min="9749" max="9749" width="2.6640625" style="372" bestFit="1" customWidth="1"/>
    <col min="9750" max="9984" width="2.21875" style="372"/>
    <col min="9985" max="9986" width="2.21875" style="372" customWidth="1"/>
    <col min="9987" max="9989" width="2.21875" style="372"/>
    <col min="9990" max="9990" width="2.44140625" style="372" bestFit="1" customWidth="1"/>
    <col min="9991" max="10004" width="2.21875" style="372"/>
    <col min="10005" max="10005" width="2.6640625" style="372" bestFit="1" customWidth="1"/>
    <col min="10006" max="10240" width="2.21875" style="372"/>
    <col min="10241" max="10242" width="2.21875" style="372" customWidth="1"/>
    <col min="10243" max="10245" width="2.21875" style="372"/>
    <col min="10246" max="10246" width="2.44140625" style="372" bestFit="1" customWidth="1"/>
    <col min="10247" max="10260" width="2.21875" style="372"/>
    <col min="10261" max="10261" width="2.6640625" style="372" bestFit="1" customWidth="1"/>
    <col min="10262" max="10496" width="2.21875" style="372"/>
    <col min="10497" max="10498" width="2.21875" style="372" customWidth="1"/>
    <col min="10499" max="10501" width="2.21875" style="372"/>
    <col min="10502" max="10502" width="2.44140625" style="372" bestFit="1" customWidth="1"/>
    <col min="10503" max="10516" width="2.21875" style="372"/>
    <col min="10517" max="10517" width="2.6640625" style="372" bestFit="1" customWidth="1"/>
    <col min="10518" max="10752" width="2.21875" style="372"/>
    <col min="10753" max="10754" width="2.21875" style="372" customWidth="1"/>
    <col min="10755" max="10757" width="2.21875" style="372"/>
    <col min="10758" max="10758" width="2.44140625" style="372" bestFit="1" customWidth="1"/>
    <col min="10759" max="10772" width="2.21875" style="372"/>
    <col min="10773" max="10773" width="2.6640625" style="372" bestFit="1" customWidth="1"/>
    <col min="10774" max="11008" width="2.21875" style="372"/>
    <col min="11009" max="11010" width="2.21875" style="372" customWidth="1"/>
    <col min="11011" max="11013" width="2.21875" style="372"/>
    <col min="11014" max="11014" width="2.44140625" style="372" bestFit="1" customWidth="1"/>
    <col min="11015" max="11028" width="2.21875" style="372"/>
    <col min="11029" max="11029" width="2.6640625" style="372" bestFit="1" customWidth="1"/>
    <col min="11030" max="11264" width="2.21875" style="372"/>
    <col min="11265" max="11266" width="2.21875" style="372" customWidth="1"/>
    <col min="11267" max="11269" width="2.21875" style="372"/>
    <col min="11270" max="11270" width="2.44140625" style="372" bestFit="1" customWidth="1"/>
    <col min="11271" max="11284" width="2.21875" style="372"/>
    <col min="11285" max="11285" width="2.6640625" style="372" bestFit="1" customWidth="1"/>
    <col min="11286" max="11520" width="2.21875" style="372"/>
    <col min="11521" max="11522" width="2.21875" style="372" customWidth="1"/>
    <col min="11523" max="11525" width="2.21875" style="372"/>
    <col min="11526" max="11526" width="2.44140625" style="372" bestFit="1" customWidth="1"/>
    <col min="11527" max="11540" width="2.21875" style="372"/>
    <col min="11541" max="11541" width="2.6640625" style="372" bestFit="1" customWidth="1"/>
    <col min="11542" max="11776" width="2.21875" style="372"/>
    <col min="11777" max="11778" width="2.21875" style="372" customWidth="1"/>
    <col min="11779" max="11781" width="2.21875" style="372"/>
    <col min="11782" max="11782" width="2.44140625" style="372" bestFit="1" customWidth="1"/>
    <col min="11783" max="11796" width="2.21875" style="372"/>
    <col min="11797" max="11797" width="2.6640625" style="372" bestFit="1" customWidth="1"/>
    <col min="11798" max="12032" width="2.21875" style="372"/>
    <col min="12033" max="12034" width="2.21875" style="372" customWidth="1"/>
    <col min="12035" max="12037" width="2.21875" style="372"/>
    <col min="12038" max="12038" width="2.44140625" style="372" bestFit="1" customWidth="1"/>
    <col min="12039" max="12052" width="2.21875" style="372"/>
    <col min="12053" max="12053" width="2.6640625" style="372" bestFit="1" customWidth="1"/>
    <col min="12054" max="12288" width="2.21875" style="372"/>
    <col min="12289" max="12290" width="2.21875" style="372" customWidth="1"/>
    <col min="12291" max="12293" width="2.21875" style="372"/>
    <col min="12294" max="12294" width="2.44140625" style="372" bestFit="1" customWidth="1"/>
    <col min="12295" max="12308" width="2.21875" style="372"/>
    <col min="12309" max="12309" width="2.6640625" style="372" bestFit="1" customWidth="1"/>
    <col min="12310" max="12544" width="2.21875" style="372"/>
    <col min="12545" max="12546" width="2.21875" style="372" customWidth="1"/>
    <col min="12547" max="12549" width="2.21875" style="372"/>
    <col min="12550" max="12550" width="2.44140625" style="372" bestFit="1" customWidth="1"/>
    <col min="12551" max="12564" width="2.21875" style="372"/>
    <col min="12565" max="12565" width="2.6640625" style="372" bestFit="1" customWidth="1"/>
    <col min="12566" max="12800" width="2.21875" style="372"/>
    <col min="12801" max="12802" width="2.21875" style="372" customWidth="1"/>
    <col min="12803" max="12805" width="2.21875" style="372"/>
    <col min="12806" max="12806" width="2.44140625" style="372" bestFit="1" customWidth="1"/>
    <col min="12807" max="12820" width="2.21875" style="372"/>
    <col min="12821" max="12821" width="2.6640625" style="372" bestFit="1" customWidth="1"/>
    <col min="12822" max="13056" width="2.21875" style="372"/>
    <col min="13057" max="13058" width="2.21875" style="372" customWidth="1"/>
    <col min="13059" max="13061" width="2.21875" style="372"/>
    <col min="13062" max="13062" width="2.44140625" style="372" bestFit="1" customWidth="1"/>
    <col min="13063" max="13076" width="2.21875" style="372"/>
    <col min="13077" max="13077" width="2.6640625" style="372" bestFit="1" customWidth="1"/>
    <col min="13078" max="13312" width="2.21875" style="372"/>
    <col min="13313" max="13314" width="2.21875" style="372" customWidth="1"/>
    <col min="13315" max="13317" width="2.21875" style="372"/>
    <col min="13318" max="13318" width="2.44140625" style="372" bestFit="1" customWidth="1"/>
    <col min="13319" max="13332" width="2.21875" style="372"/>
    <col min="13333" max="13333" width="2.6640625" style="372" bestFit="1" customWidth="1"/>
    <col min="13334" max="13568" width="2.21875" style="372"/>
    <col min="13569" max="13570" width="2.21875" style="372" customWidth="1"/>
    <col min="13571" max="13573" width="2.21875" style="372"/>
    <col min="13574" max="13574" width="2.44140625" style="372" bestFit="1" customWidth="1"/>
    <col min="13575" max="13588" width="2.21875" style="372"/>
    <col min="13589" max="13589" width="2.6640625" style="372" bestFit="1" customWidth="1"/>
    <col min="13590" max="13824" width="2.21875" style="372"/>
    <col min="13825" max="13826" width="2.21875" style="372" customWidth="1"/>
    <col min="13827" max="13829" width="2.21875" style="372"/>
    <col min="13830" max="13830" width="2.44140625" style="372" bestFit="1" customWidth="1"/>
    <col min="13831" max="13844" width="2.21875" style="372"/>
    <col min="13845" max="13845" width="2.6640625" style="372" bestFit="1" customWidth="1"/>
    <col min="13846" max="14080" width="2.21875" style="372"/>
    <col min="14081" max="14082" width="2.21875" style="372" customWidth="1"/>
    <col min="14083" max="14085" width="2.21875" style="372"/>
    <col min="14086" max="14086" width="2.44140625" style="372" bestFit="1" customWidth="1"/>
    <col min="14087" max="14100" width="2.21875" style="372"/>
    <col min="14101" max="14101" width="2.6640625" style="372" bestFit="1" customWidth="1"/>
    <col min="14102" max="14336" width="2.21875" style="372"/>
    <col min="14337" max="14338" width="2.21875" style="372" customWidth="1"/>
    <col min="14339" max="14341" width="2.21875" style="372"/>
    <col min="14342" max="14342" width="2.44140625" style="372" bestFit="1" customWidth="1"/>
    <col min="14343" max="14356" width="2.21875" style="372"/>
    <col min="14357" max="14357" width="2.6640625" style="372" bestFit="1" customWidth="1"/>
    <col min="14358" max="14592" width="2.21875" style="372"/>
    <col min="14593" max="14594" width="2.21875" style="372" customWidth="1"/>
    <col min="14595" max="14597" width="2.21875" style="372"/>
    <col min="14598" max="14598" width="2.44140625" style="372" bestFit="1" customWidth="1"/>
    <col min="14599" max="14612" width="2.21875" style="372"/>
    <col min="14613" max="14613" width="2.6640625" style="372" bestFit="1" customWidth="1"/>
    <col min="14614" max="14848" width="2.21875" style="372"/>
    <col min="14849" max="14850" width="2.21875" style="372" customWidth="1"/>
    <col min="14851" max="14853" width="2.21875" style="372"/>
    <col min="14854" max="14854" width="2.44140625" style="372" bestFit="1" customWidth="1"/>
    <col min="14855" max="14868" width="2.21875" style="372"/>
    <col min="14869" max="14869" width="2.6640625" style="372" bestFit="1" customWidth="1"/>
    <col min="14870" max="15104" width="2.21875" style="372"/>
    <col min="15105" max="15106" width="2.21875" style="372" customWidth="1"/>
    <col min="15107" max="15109" width="2.21875" style="372"/>
    <col min="15110" max="15110" width="2.44140625" style="372" bestFit="1" customWidth="1"/>
    <col min="15111" max="15124" width="2.21875" style="372"/>
    <col min="15125" max="15125" width="2.6640625" style="372" bestFit="1" customWidth="1"/>
    <col min="15126" max="15360" width="2.21875" style="372"/>
    <col min="15361" max="15362" width="2.21875" style="372" customWidth="1"/>
    <col min="15363" max="15365" width="2.21875" style="372"/>
    <col min="15366" max="15366" width="2.44140625" style="372" bestFit="1" customWidth="1"/>
    <col min="15367" max="15380" width="2.21875" style="372"/>
    <col min="15381" max="15381" width="2.6640625" style="372" bestFit="1" customWidth="1"/>
    <col min="15382" max="15616" width="2.21875" style="372"/>
    <col min="15617" max="15618" width="2.21875" style="372" customWidth="1"/>
    <col min="15619" max="15621" width="2.21875" style="372"/>
    <col min="15622" max="15622" width="2.44140625" style="372" bestFit="1" customWidth="1"/>
    <col min="15623" max="15636" width="2.21875" style="372"/>
    <col min="15637" max="15637" width="2.6640625" style="372" bestFit="1" customWidth="1"/>
    <col min="15638" max="15872" width="2.21875" style="372"/>
    <col min="15873" max="15874" width="2.21875" style="372" customWidth="1"/>
    <col min="15875" max="15877" width="2.21875" style="372"/>
    <col min="15878" max="15878" width="2.44140625" style="372" bestFit="1" customWidth="1"/>
    <col min="15879" max="15892" width="2.21875" style="372"/>
    <col min="15893" max="15893" width="2.6640625" style="372" bestFit="1" customWidth="1"/>
    <col min="15894" max="16128" width="2.21875" style="372"/>
    <col min="16129" max="16130" width="2.21875" style="372" customWidth="1"/>
    <col min="16131" max="16133" width="2.21875" style="372"/>
    <col min="16134" max="16134" width="2.44140625" style="372" bestFit="1" customWidth="1"/>
    <col min="16135" max="16148" width="2.21875" style="372"/>
    <col min="16149" max="16149" width="2.6640625" style="372" bestFit="1" customWidth="1"/>
    <col min="16150" max="16384" width="2.21875" style="372"/>
  </cols>
  <sheetData>
    <row r="1" spans="1:39" x14ac:dyDescent="0.2">
      <c r="C1" s="398" t="s">
        <v>701</v>
      </c>
      <c r="D1" s="399"/>
      <c r="E1" s="399"/>
      <c r="F1" s="399"/>
      <c r="G1" s="399"/>
      <c r="AE1" s="372" t="s">
        <v>723</v>
      </c>
    </row>
    <row r="2" spans="1:39" ht="24" customHeight="1" x14ac:dyDescent="0.2"/>
    <row r="3" spans="1:39" x14ac:dyDescent="0.2">
      <c r="A3" s="2578" t="s">
        <v>507</v>
      </c>
      <c r="B3" s="2578"/>
      <c r="C3" s="2578"/>
      <c r="D3" s="2578"/>
      <c r="E3" s="2578"/>
      <c r="F3" s="2578"/>
      <c r="G3" s="2578"/>
      <c r="H3" s="2578"/>
      <c r="I3" s="2578"/>
      <c r="J3" s="2578"/>
      <c r="K3" s="2578"/>
      <c r="L3" s="2578"/>
      <c r="M3" s="2578"/>
      <c r="N3" s="2578"/>
      <c r="O3" s="2578"/>
      <c r="P3" s="2578"/>
      <c r="Q3" s="2578"/>
      <c r="R3" s="2578"/>
      <c r="S3" s="2578"/>
      <c r="T3" s="2578"/>
      <c r="U3" s="2578"/>
      <c r="V3" s="2578"/>
      <c r="W3" s="2578"/>
      <c r="X3" s="2578"/>
      <c r="Y3" s="2578"/>
      <c r="Z3" s="2578"/>
      <c r="AA3" s="2578"/>
      <c r="AB3" s="2578"/>
      <c r="AC3" s="2578"/>
      <c r="AD3" s="2578"/>
      <c r="AE3" s="2578"/>
      <c r="AF3" s="2578"/>
      <c r="AG3" s="2578"/>
      <c r="AH3" s="2578"/>
      <c r="AI3" s="2578"/>
      <c r="AJ3" s="2578"/>
      <c r="AK3" s="2578"/>
      <c r="AL3" s="2578"/>
      <c r="AM3" s="2578"/>
    </row>
    <row r="4" spans="1:39" x14ac:dyDescent="0.2">
      <c r="A4" s="2578"/>
      <c r="B4" s="2578"/>
      <c r="C4" s="2578"/>
      <c r="D4" s="2578"/>
      <c r="E4" s="2578"/>
      <c r="F4" s="2578"/>
      <c r="G4" s="2578"/>
      <c r="H4" s="2578"/>
      <c r="I4" s="2578"/>
      <c r="J4" s="2578"/>
      <c r="K4" s="2578"/>
      <c r="L4" s="2578"/>
      <c r="M4" s="2578"/>
      <c r="N4" s="2578"/>
      <c r="O4" s="2578"/>
      <c r="P4" s="2578"/>
      <c r="Q4" s="2578"/>
      <c r="R4" s="2578"/>
      <c r="S4" s="2578"/>
      <c r="T4" s="2578"/>
      <c r="U4" s="2578"/>
      <c r="V4" s="2578"/>
      <c r="W4" s="2578"/>
      <c r="X4" s="2578"/>
      <c r="Y4" s="2578"/>
      <c r="Z4" s="2578"/>
      <c r="AA4" s="2578"/>
      <c r="AB4" s="2578"/>
      <c r="AC4" s="2578"/>
      <c r="AD4" s="2578"/>
      <c r="AE4" s="2578"/>
      <c r="AF4" s="2578"/>
      <c r="AG4" s="2578"/>
      <c r="AH4" s="2578"/>
      <c r="AI4" s="2578"/>
      <c r="AJ4" s="2578"/>
      <c r="AK4" s="2578"/>
      <c r="AL4" s="2578"/>
      <c r="AM4" s="2578"/>
    </row>
    <row r="5" spans="1:39" ht="24" customHeight="1" x14ac:dyDescent="0.2"/>
    <row r="6" spans="1:39" x14ac:dyDescent="0.2">
      <c r="B6" s="2573" t="s">
        <v>506</v>
      </c>
      <c r="C6" s="2573"/>
      <c r="D6" s="2573"/>
      <c r="E6" s="2573"/>
      <c r="F6" s="2573"/>
      <c r="G6" s="2573"/>
      <c r="H6" s="2573"/>
      <c r="I6" s="2573"/>
      <c r="J6" s="2573"/>
      <c r="K6" s="2573"/>
      <c r="L6" s="2573"/>
      <c r="M6" s="2573"/>
      <c r="N6" s="2573"/>
      <c r="O6" s="2573"/>
      <c r="P6" s="2573"/>
      <c r="Q6" s="2573"/>
      <c r="R6" s="2573"/>
      <c r="S6" s="2573"/>
      <c r="T6" s="2573"/>
      <c r="U6" s="2573"/>
      <c r="V6" s="2573"/>
      <c r="W6" s="2573"/>
      <c r="X6" s="2573"/>
      <c r="Y6" s="2573"/>
      <c r="Z6" s="2573"/>
      <c r="AA6" s="2573"/>
      <c r="AB6" s="2573"/>
      <c r="AC6" s="2573"/>
      <c r="AD6" s="2573"/>
      <c r="AE6" s="2573"/>
      <c r="AF6" s="2573"/>
      <c r="AG6" s="2573"/>
      <c r="AH6" s="2573"/>
      <c r="AI6" s="2573"/>
      <c r="AJ6" s="2573"/>
      <c r="AK6" s="2573"/>
      <c r="AL6" s="2573"/>
    </row>
    <row r="7" spans="1:39" x14ac:dyDescent="0.2">
      <c r="B7" s="2573"/>
      <c r="C7" s="2573"/>
      <c r="D7" s="2573"/>
      <c r="E7" s="2573"/>
      <c r="F7" s="2573"/>
      <c r="G7" s="2573"/>
      <c r="H7" s="2573"/>
      <c r="I7" s="2573"/>
      <c r="J7" s="2573"/>
      <c r="K7" s="2573"/>
      <c r="L7" s="2573"/>
      <c r="M7" s="2573"/>
      <c r="N7" s="2573"/>
      <c r="O7" s="2573"/>
      <c r="P7" s="2573"/>
      <c r="Q7" s="2573"/>
      <c r="R7" s="2573"/>
      <c r="S7" s="2573"/>
      <c r="T7" s="2555"/>
      <c r="U7" s="2555"/>
      <c r="V7" s="2555"/>
      <c r="W7" s="2555"/>
      <c r="X7" s="2555"/>
      <c r="Y7" s="2555"/>
      <c r="Z7" s="2555"/>
      <c r="AA7" s="2555"/>
      <c r="AB7" s="2555"/>
      <c r="AC7" s="2555"/>
      <c r="AD7" s="2555"/>
      <c r="AE7" s="2555"/>
      <c r="AF7" s="2555"/>
      <c r="AG7" s="2555"/>
      <c r="AH7" s="2555"/>
      <c r="AI7" s="2555"/>
      <c r="AJ7" s="2555"/>
      <c r="AK7" s="2555"/>
      <c r="AL7" s="2555"/>
    </row>
    <row r="8" spans="1:39" ht="13.5" customHeight="1" x14ac:dyDescent="0.2">
      <c r="B8" s="2588" t="s">
        <v>505</v>
      </c>
      <c r="C8" s="2589"/>
      <c r="D8" s="375"/>
      <c r="E8" s="375"/>
      <c r="F8" s="375"/>
      <c r="G8" s="375"/>
      <c r="H8" s="375"/>
      <c r="I8" s="375"/>
      <c r="J8" s="375"/>
      <c r="K8" s="375"/>
      <c r="L8" s="375"/>
      <c r="M8" s="375"/>
      <c r="N8" s="375"/>
      <c r="O8" s="375"/>
      <c r="P8" s="375"/>
      <c r="Q8" s="375"/>
      <c r="R8" s="1038"/>
      <c r="S8" s="1038"/>
      <c r="T8" s="1037"/>
      <c r="U8" s="1037"/>
      <c r="V8" s="1037"/>
      <c r="W8" s="1037"/>
      <c r="X8" s="1037"/>
      <c r="Y8" s="1037"/>
      <c r="Z8" s="1037"/>
      <c r="AA8" s="375"/>
      <c r="AB8" s="375"/>
      <c r="AC8" s="375"/>
      <c r="AD8" s="375"/>
      <c r="AE8" s="375"/>
      <c r="AF8" s="375"/>
      <c r="AG8" s="375"/>
      <c r="AH8" s="375"/>
      <c r="AI8" s="375"/>
      <c r="AJ8" s="375"/>
      <c r="AK8" s="375"/>
      <c r="AL8" s="377"/>
    </row>
    <row r="9" spans="1:39" x14ac:dyDescent="0.2">
      <c r="B9" s="2590"/>
      <c r="C9" s="2591"/>
      <c r="D9" s="378"/>
      <c r="E9" s="382">
        <v>1</v>
      </c>
      <c r="F9" s="378"/>
      <c r="G9" s="382" t="s">
        <v>777</v>
      </c>
      <c r="H9" s="382"/>
      <c r="I9" s="382"/>
      <c r="J9" s="382"/>
      <c r="K9" s="382"/>
      <c r="L9" s="382"/>
      <c r="M9" s="382"/>
      <c r="N9" s="382"/>
      <c r="O9" s="382"/>
      <c r="P9" s="382"/>
      <c r="Q9" s="382"/>
      <c r="R9" s="382"/>
      <c r="S9" s="420"/>
      <c r="T9" s="378"/>
      <c r="U9" s="382"/>
      <c r="V9" s="378"/>
      <c r="W9" s="382"/>
      <c r="X9" s="382"/>
      <c r="Y9" s="382"/>
      <c r="Z9" s="382"/>
      <c r="AA9" s="382"/>
      <c r="AB9" s="382"/>
      <c r="AC9" s="382"/>
      <c r="AD9" s="382"/>
      <c r="AE9" s="382"/>
      <c r="AF9" s="382"/>
      <c r="AG9" s="382"/>
      <c r="AH9" s="382"/>
      <c r="AI9" s="382"/>
      <c r="AJ9" s="382"/>
      <c r="AK9" s="382"/>
      <c r="AL9" s="380"/>
    </row>
    <row r="10" spans="1:39" x14ac:dyDescent="0.2">
      <c r="B10" s="2590"/>
      <c r="C10" s="2591"/>
      <c r="E10" s="382">
        <v>2</v>
      </c>
      <c r="F10" s="378"/>
      <c r="G10" s="382" t="s">
        <v>776</v>
      </c>
      <c r="H10" s="382"/>
      <c r="I10" s="382"/>
      <c r="J10" s="382"/>
      <c r="K10" s="382"/>
      <c r="L10" s="382"/>
      <c r="M10" s="382"/>
      <c r="N10" s="382"/>
      <c r="O10" s="382"/>
      <c r="P10" s="382"/>
      <c r="Q10" s="382"/>
      <c r="R10" s="382"/>
      <c r="S10" s="420"/>
      <c r="T10" s="378"/>
      <c r="U10" s="382"/>
      <c r="V10" s="378"/>
      <c r="W10" s="382"/>
      <c r="X10" s="382"/>
      <c r="Y10" s="382"/>
      <c r="Z10" s="382"/>
      <c r="AA10" s="382"/>
      <c r="AB10" s="382"/>
      <c r="AC10" s="382"/>
      <c r="AD10" s="382"/>
      <c r="AE10" s="382"/>
      <c r="AF10" s="382"/>
      <c r="AG10" s="382"/>
      <c r="AH10" s="382"/>
      <c r="AI10" s="382"/>
      <c r="AJ10" s="382"/>
      <c r="AK10" s="382"/>
      <c r="AL10" s="383"/>
    </row>
    <row r="11" spans="1:39" x14ac:dyDescent="0.2">
      <c r="B11" s="2590"/>
      <c r="C11" s="2591"/>
      <c r="E11" s="382">
        <v>3</v>
      </c>
      <c r="F11" s="378"/>
      <c r="G11" s="382" t="s">
        <v>503</v>
      </c>
      <c r="H11" s="382"/>
      <c r="I11" s="382"/>
      <c r="J11" s="382"/>
      <c r="K11" s="382"/>
      <c r="L11" s="382"/>
      <c r="M11" s="382"/>
      <c r="N11" s="382"/>
      <c r="O11" s="382"/>
      <c r="P11" s="382"/>
      <c r="Q11" s="382"/>
      <c r="R11" s="382"/>
      <c r="S11" s="420"/>
      <c r="T11" s="378"/>
      <c r="U11" s="382"/>
      <c r="V11" s="378"/>
      <c r="W11" s="382"/>
      <c r="X11" s="382"/>
      <c r="Y11" s="382"/>
      <c r="Z11" s="382"/>
      <c r="AA11" s="382"/>
      <c r="AB11" s="382"/>
      <c r="AC11" s="382"/>
      <c r="AD11" s="382"/>
      <c r="AE11" s="382"/>
      <c r="AF11" s="382"/>
      <c r="AG11" s="382"/>
      <c r="AH11" s="382"/>
      <c r="AI11" s="382"/>
      <c r="AJ11" s="382"/>
      <c r="AK11" s="382"/>
      <c r="AL11" s="380"/>
    </row>
    <row r="12" spans="1:39" x14ac:dyDescent="0.2">
      <c r="B12" s="2590"/>
      <c r="C12" s="2591"/>
      <c r="E12" s="413">
        <v>4</v>
      </c>
      <c r="F12" s="378"/>
      <c r="G12" s="382" t="s">
        <v>501</v>
      </c>
      <c r="H12" s="382"/>
      <c r="I12" s="382"/>
      <c r="J12" s="382"/>
      <c r="K12" s="382"/>
      <c r="L12" s="382"/>
      <c r="M12" s="382"/>
      <c r="N12" s="382"/>
      <c r="O12" s="382"/>
      <c r="P12" s="382"/>
      <c r="Q12" s="382"/>
      <c r="R12" s="382"/>
      <c r="S12" s="420"/>
      <c r="T12" s="378"/>
      <c r="U12" s="413"/>
      <c r="V12" s="378"/>
      <c r="W12" s="382"/>
      <c r="X12" s="382"/>
      <c r="Y12" s="382"/>
      <c r="Z12" s="382"/>
      <c r="AA12" s="382"/>
      <c r="AB12" s="382"/>
      <c r="AC12" s="382"/>
      <c r="AD12" s="382"/>
      <c r="AE12" s="382"/>
      <c r="AF12" s="382"/>
      <c r="AG12" s="382"/>
      <c r="AH12" s="382"/>
      <c r="AI12" s="382"/>
      <c r="AJ12" s="382"/>
      <c r="AK12" s="382"/>
      <c r="AL12" s="380"/>
    </row>
    <row r="13" spans="1:39" x14ac:dyDescent="0.2">
      <c r="B13" s="2590"/>
      <c r="C13" s="2591"/>
      <c r="E13" s="413">
        <v>5</v>
      </c>
      <c r="F13" s="378"/>
      <c r="G13" s="382" t="s">
        <v>500</v>
      </c>
      <c r="H13" s="382"/>
      <c r="I13" s="382"/>
      <c r="J13" s="382"/>
      <c r="K13" s="382"/>
      <c r="L13" s="382"/>
      <c r="M13" s="382"/>
      <c r="N13" s="382"/>
      <c r="O13" s="382"/>
      <c r="P13" s="382"/>
      <c r="Q13" s="382"/>
      <c r="R13" s="382"/>
      <c r="S13" s="420"/>
      <c r="T13" s="378"/>
      <c r="U13" s="413"/>
      <c r="V13" s="378"/>
      <c r="W13" s="382"/>
      <c r="X13" s="382"/>
      <c r="Y13" s="382"/>
      <c r="Z13" s="382"/>
      <c r="AA13" s="382"/>
      <c r="AB13" s="382"/>
      <c r="AC13" s="382"/>
      <c r="AD13" s="382"/>
      <c r="AE13" s="382"/>
      <c r="AF13" s="382"/>
      <c r="AG13" s="382"/>
      <c r="AH13" s="382"/>
      <c r="AI13" s="382"/>
      <c r="AJ13" s="382"/>
      <c r="AK13" s="382"/>
      <c r="AL13" s="380"/>
    </row>
    <row r="14" spans="1:39" x14ac:dyDescent="0.2">
      <c r="B14" s="2590"/>
      <c r="C14" s="2591"/>
      <c r="E14" s="413">
        <v>6</v>
      </c>
      <c r="F14" s="378"/>
      <c r="G14" s="382" t="s">
        <v>499</v>
      </c>
      <c r="H14" s="382"/>
      <c r="I14" s="382"/>
      <c r="J14" s="382"/>
      <c r="K14" s="382"/>
      <c r="L14" s="382"/>
      <c r="M14" s="382"/>
      <c r="N14" s="382"/>
      <c r="O14" s="382"/>
      <c r="P14" s="382"/>
      <c r="Q14" s="382"/>
      <c r="R14" s="382"/>
      <c r="S14" s="420"/>
      <c r="T14" s="378"/>
      <c r="U14" s="413"/>
      <c r="V14" s="378"/>
      <c r="W14" s="382"/>
      <c r="X14" s="382"/>
      <c r="Y14" s="382"/>
      <c r="Z14" s="382"/>
      <c r="AA14" s="382"/>
      <c r="AB14" s="382"/>
      <c r="AC14" s="382"/>
      <c r="AD14" s="382"/>
      <c r="AE14" s="382"/>
      <c r="AF14" s="382"/>
      <c r="AG14" s="382"/>
      <c r="AH14" s="382"/>
      <c r="AI14" s="382"/>
      <c r="AJ14" s="382"/>
      <c r="AK14" s="382"/>
      <c r="AL14" s="380"/>
    </row>
    <row r="15" spans="1:39" x14ac:dyDescent="0.2">
      <c r="B15" s="2590"/>
      <c r="C15" s="2591"/>
      <c r="E15" s="413">
        <v>7</v>
      </c>
      <c r="F15" s="378"/>
      <c r="G15" s="382" t="s">
        <v>775</v>
      </c>
      <c r="H15" s="382"/>
      <c r="I15" s="382"/>
      <c r="J15" s="382"/>
      <c r="K15" s="382"/>
      <c r="L15" s="382"/>
      <c r="M15" s="382"/>
      <c r="N15" s="382"/>
      <c r="O15" s="382"/>
      <c r="P15" s="382"/>
      <c r="Q15" s="382"/>
      <c r="R15" s="382"/>
      <c r="S15" s="420"/>
      <c r="T15" s="378"/>
      <c r="U15" s="413"/>
      <c r="V15" s="378"/>
      <c r="W15" s="382"/>
      <c r="X15" s="382"/>
      <c r="Y15" s="382"/>
      <c r="Z15" s="382"/>
      <c r="AA15" s="382"/>
      <c r="AB15" s="382"/>
      <c r="AC15" s="382"/>
      <c r="AD15" s="382"/>
      <c r="AE15" s="382"/>
      <c r="AF15" s="382"/>
      <c r="AG15" s="382"/>
      <c r="AH15" s="382"/>
      <c r="AI15" s="382"/>
      <c r="AJ15" s="382"/>
      <c r="AK15" s="382"/>
      <c r="AL15" s="380"/>
    </row>
    <row r="16" spans="1:39" x14ac:dyDescent="0.2">
      <c r="B16" s="2592"/>
      <c r="C16" s="2593"/>
      <c r="D16" s="384"/>
      <c r="E16" s="384"/>
      <c r="F16" s="384"/>
      <c r="G16" s="384"/>
      <c r="H16" s="384"/>
      <c r="I16" s="384"/>
      <c r="J16" s="384"/>
      <c r="K16" s="384"/>
      <c r="L16" s="384"/>
      <c r="M16" s="384"/>
      <c r="N16" s="384"/>
      <c r="O16" s="384"/>
      <c r="P16" s="384"/>
      <c r="Q16" s="384"/>
      <c r="R16" s="1039"/>
      <c r="S16" s="1039"/>
      <c r="T16" s="1040"/>
      <c r="U16" s="1041"/>
      <c r="V16" s="1040"/>
      <c r="W16" s="1035"/>
      <c r="X16" s="1035"/>
      <c r="Y16" s="1035"/>
      <c r="Z16" s="1035"/>
      <c r="AA16" s="387"/>
      <c r="AB16" s="387"/>
      <c r="AC16" s="387"/>
      <c r="AD16" s="387"/>
      <c r="AE16" s="387"/>
      <c r="AF16" s="387"/>
      <c r="AG16" s="387"/>
      <c r="AH16" s="387"/>
      <c r="AI16" s="387"/>
      <c r="AJ16" s="387"/>
      <c r="AK16" s="387"/>
      <c r="AL16" s="388"/>
    </row>
    <row r="17" spans="2:38" ht="13.5" customHeight="1" x14ac:dyDescent="0.2">
      <c r="B17" s="2582" t="s">
        <v>498</v>
      </c>
      <c r="C17" s="2583"/>
      <c r="D17" s="376"/>
      <c r="E17" s="375"/>
      <c r="F17" s="375"/>
      <c r="G17" s="375"/>
      <c r="H17" s="375"/>
      <c r="I17" s="375"/>
      <c r="J17" s="375"/>
      <c r="K17" s="375"/>
      <c r="L17" s="375"/>
      <c r="M17" s="375"/>
      <c r="N17" s="375"/>
      <c r="O17" s="375"/>
      <c r="P17" s="375"/>
      <c r="Q17" s="375"/>
      <c r="R17" s="375"/>
      <c r="S17" s="375"/>
      <c r="T17" s="375"/>
      <c r="U17" s="375"/>
      <c r="V17" s="375"/>
      <c r="W17" s="375"/>
      <c r="X17" s="375"/>
      <c r="Y17" s="375"/>
      <c r="Z17" s="375"/>
      <c r="AA17" s="375"/>
      <c r="AB17" s="375"/>
      <c r="AC17" s="375"/>
      <c r="AD17" s="375"/>
      <c r="AE17" s="375"/>
      <c r="AF17" s="375"/>
      <c r="AG17" s="375"/>
      <c r="AH17" s="375"/>
      <c r="AI17" s="375"/>
      <c r="AJ17" s="375"/>
      <c r="AK17" s="375"/>
      <c r="AL17" s="377"/>
    </row>
    <row r="18" spans="2:38" x14ac:dyDescent="0.2">
      <c r="B18" s="2584"/>
      <c r="C18" s="2585"/>
      <c r="D18" s="379"/>
      <c r="E18" s="378"/>
      <c r="F18" s="378"/>
      <c r="G18" s="378"/>
      <c r="H18" s="378"/>
      <c r="I18" s="378"/>
      <c r="J18" s="378"/>
      <c r="K18" s="378"/>
      <c r="L18" s="378"/>
      <c r="M18" s="378"/>
      <c r="N18" s="378"/>
      <c r="O18" s="378"/>
      <c r="P18" s="378"/>
      <c r="Q18" s="378"/>
      <c r="R18" s="378"/>
      <c r="S18" s="378"/>
      <c r="T18" s="378"/>
      <c r="U18" s="378"/>
      <c r="V18" s="378"/>
      <c r="W18" s="378"/>
      <c r="X18" s="378"/>
      <c r="Y18" s="378"/>
      <c r="Z18" s="378"/>
      <c r="AA18" s="378"/>
      <c r="AB18" s="378"/>
      <c r="AC18" s="378"/>
      <c r="AD18" s="378"/>
      <c r="AE18" s="378"/>
      <c r="AF18" s="378"/>
      <c r="AG18" s="378"/>
      <c r="AH18" s="378"/>
      <c r="AI18" s="378"/>
      <c r="AJ18" s="378"/>
      <c r="AK18" s="378"/>
      <c r="AL18" s="393"/>
    </row>
    <row r="19" spans="2:38" x14ac:dyDescent="0.2">
      <c r="B19" s="2584"/>
      <c r="C19" s="2585"/>
      <c r="D19" s="379"/>
      <c r="E19" s="2547" t="s">
        <v>497</v>
      </c>
      <c r="F19" s="2547"/>
      <c r="G19" s="2547"/>
      <c r="H19" s="2547"/>
      <c r="I19" s="2547"/>
      <c r="J19" s="2547"/>
      <c r="K19" s="2547"/>
      <c r="L19" s="2547"/>
      <c r="M19" s="2547"/>
      <c r="N19" s="2547"/>
      <c r="O19" s="2547"/>
      <c r="P19" s="2547"/>
      <c r="Q19" s="2547"/>
      <c r="R19" s="2547"/>
      <c r="S19" s="2547"/>
      <c r="T19" s="2547"/>
      <c r="U19" s="2547"/>
      <c r="V19" s="2547"/>
      <c r="W19" s="2547" t="s">
        <v>496</v>
      </c>
      <c r="X19" s="2547"/>
      <c r="Y19" s="2547"/>
      <c r="Z19" s="2547"/>
      <c r="AA19" s="2547"/>
      <c r="AB19" s="2547"/>
      <c r="AC19" s="2547"/>
      <c r="AD19" s="2547"/>
      <c r="AE19" s="2547"/>
      <c r="AF19" s="2547"/>
      <c r="AG19" s="2547"/>
      <c r="AH19" s="2547"/>
      <c r="AI19" s="2547"/>
      <c r="AJ19" s="2547"/>
      <c r="AK19" s="2547"/>
      <c r="AL19" s="393"/>
    </row>
    <row r="20" spans="2:38" x14ac:dyDescent="0.2">
      <c r="B20" s="2584"/>
      <c r="C20" s="2585"/>
      <c r="D20" s="379"/>
      <c r="E20" s="2547"/>
      <c r="F20" s="2547"/>
      <c r="G20" s="2547"/>
      <c r="H20" s="2547"/>
      <c r="I20" s="2547"/>
      <c r="J20" s="2547"/>
      <c r="K20" s="2547"/>
      <c r="L20" s="2547"/>
      <c r="M20" s="2547"/>
      <c r="N20" s="2547"/>
      <c r="O20" s="2547"/>
      <c r="P20" s="2547"/>
      <c r="Q20" s="2547"/>
      <c r="R20" s="2547"/>
      <c r="S20" s="2547"/>
      <c r="T20" s="2547"/>
      <c r="U20" s="2547"/>
      <c r="V20" s="2547"/>
      <c r="W20" s="2547"/>
      <c r="X20" s="2547"/>
      <c r="Y20" s="2547"/>
      <c r="Z20" s="2547"/>
      <c r="AA20" s="2547"/>
      <c r="AB20" s="2547"/>
      <c r="AC20" s="2547"/>
      <c r="AD20" s="2547"/>
      <c r="AE20" s="2547"/>
      <c r="AF20" s="2547"/>
      <c r="AG20" s="2547"/>
      <c r="AH20" s="2547"/>
      <c r="AI20" s="2547"/>
      <c r="AJ20" s="2547"/>
      <c r="AK20" s="2547"/>
      <c r="AL20" s="393"/>
    </row>
    <row r="21" spans="2:38" x14ac:dyDescent="0.2">
      <c r="B21" s="2584"/>
      <c r="C21" s="2585"/>
      <c r="D21" s="379"/>
      <c r="E21" s="2573"/>
      <c r="F21" s="2573"/>
      <c r="G21" s="2573"/>
      <c r="H21" s="2573"/>
      <c r="I21" s="2573"/>
      <c r="J21" s="2573"/>
      <c r="K21" s="2573"/>
      <c r="L21" s="2573"/>
      <c r="M21" s="2573"/>
      <c r="N21" s="2573"/>
      <c r="O21" s="2573"/>
      <c r="P21" s="2573"/>
      <c r="Q21" s="2573"/>
      <c r="R21" s="2573"/>
      <c r="S21" s="2573"/>
      <c r="T21" s="2573"/>
      <c r="U21" s="2573" t="s">
        <v>69</v>
      </c>
      <c r="V21" s="2573"/>
      <c r="W21" s="2573"/>
      <c r="X21" s="2573"/>
      <c r="Y21" s="2573"/>
      <c r="Z21" s="2573"/>
      <c r="AA21" s="2573"/>
      <c r="AB21" s="2573"/>
      <c r="AC21" s="2573"/>
      <c r="AD21" s="2573"/>
      <c r="AE21" s="2573"/>
      <c r="AF21" s="2573"/>
      <c r="AG21" s="2573"/>
      <c r="AH21" s="2573"/>
      <c r="AI21" s="2573"/>
      <c r="AJ21" s="2573" t="s">
        <v>69</v>
      </c>
      <c r="AK21" s="2573"/>
      <c r="AL21" s="393"/>
    </row>
    <row r="22" spans="2:38" x14ac:dyDescent="0.2">
      <c r="B22" s="2584"/>
      <c r="C22" s="2585"/>
      <c r="D22" s="379"/>
      <c r="E22" s="2573"/>
      <c r="F22" s="2573"/>
      <c r="G22" s="2573"/>
      <c r="H22" s="2573"/>
      <c r="I22" s="2573"/>
      <c r="J22" s="2573"/>
      <c r="K22" s="2573"/>
      <c r="L22" s="2573"/>
      <c r="M22" s="2573"/>
      <c r="N22" s="2573"/>
      <c r="O22" s="2573"/>
      <c r="P22" s="2573"/>
      <c r="Q22" s="2573"/>
      <c r="R22" s="2573"/>
      <c r="S22" s="2573"/>
      <c r="T22" s="2573"/>
      <c r="U22" s="2573"/>
      <c r="V22" s="2573"/>
      <c r="W22" s="2573"/>
      <c r="X22" s="2573"/>
      <c r="Y22" s="2573"/>
      <c r="Z22" s="2573"/>
      <c r="AA22" s="2573"/>
      <c r="AB22" s="2573"/>
      <c r="AC22" s="2573"/>
      <c r="AD22" s="2573"/>
      <c r="AE22" s="2573"/>
      <c r="AF22" s="2573"/>
      <c r="AG22" s="2573"/>
      <c r="AH22" s="2573"/>
      <c r="AI22" s="2573"/>
      <c r="AJ22" s="2573"/>
      <c r="AK22" s="2573"/>
      <c r="AL22" s="393"/>
    </row>
    <row r="23" spans="2:38" ht="13.8" thickBot="1" x14ac:dyDescent="0.25">
      <c r="B23" s="2584"/>
      <c r="C23" s="2585"/>
      <c r="D23" s="379"/>
      <c r="E23" s="378"/>
      <c r="F23" s="378"/>
      <c r="G23" s="378"/>
      <c r="H23" s="378"/>
      <c r="I23" s="378"/>
      <c r="J23" s="378"/>
      <c r="K23" s="378"/>
      <c r="L23" s="378"/>
      <c r="M23" s="378"/>
      <c r="N23" s="378"/>
      <c r="O23" s="378"/>
      <c r="P23" s="378"/>
      <c r="Q23" s="378"/>
      <c r="R23" s="378"/>
      <c r="S23" s="378"/>
      <c r="T23" s="378"/>
      <c r="U23" s="378"/>
      <c r="V23" s="378"/>
      <c r="W23" s="378"/>
      <c r="X23" s="378"/>
      <c r="Y23" s="378"/>
      <c r="Z23" s="378"/>
      <c r="AA23" s="378"/>
      <c r="AB23" s="378"/>
      <c r="AC23" s="378"/>
      <c r="AD23" s="378"/>
      <c r="AE23" s="378"/>
      <c r="AF23" s="378"/>
      <c r="AG23" s="378"/>
      <c r="AH23" s="378"/>
      <c r="AI23" s="378"/>
      <c r="AJ23" s="378"/>
      <c r="AK23" s="378"/>
      <c r="AL23" s="393"/>
    </row>
    <row r="24" spans="2:38" x14ac:dyDescent="0.2">
      <c r="B24" s="2584"/>
      <c r="C24" s="2585"/>
      <c r="D24" s="379"/>
      <c r="E24" s="378"/>
      <c r="F24" s="378"/>
      <c r="G24" s="378"/>
      <c r="H24" s="378"/>
      <c r="I24" s="378"/>
      <c r="J24" s="378"/>
      <c r="K24" s="378"/>
      <c r="L24" s="378"/>
      <c r="M24" s="378"/>
      <c r="N24" s="378"/>
      <c r="O24" s="378"/>
      <c r="P24" s="378"/>
      <c r="Q24" s="378"/>
      <c r="R24" s="378"/>
      <c r="S24" s="378"/>
      <c r="T24" s="378"/>
      <c r="U24" s="378"/>
      <c r="V24" s="378"/>
      <c r="W24" s="2850" t="s">
        <v>495</v>
      </c>
      <c r="X24" s="2851"/>
      <c r="Y24" s="2851"/>
      <c r="Z24" s="2851"/>
      <c r="AA24" s="2851"/>
      <c r="AB24" s="2851"/>
      <c r="AC24" s="2851"/>
      <c r="AD24" s="2851"/>
      <c r="AE24" s="2851"/>
      <c r="AF24" s="2851"/>
      <c r="AG24" s="2851"/>
      <c r="AH24" s="2851"/>
      <c r="AI24" s="2851"/>
      <c r="AJ24" s="2851"/>
      <c r="AK24" s="2852"/>
      <c r="AL24" s="393"/>
    </row>
    <row r="25" spans="2:38" x14ac:dyDescent="0.2">
      <c r="B25" s="2584"/>
      <c r="C25" s="2585"/>
      <c r="D25" s="379"/>
      <c r="E25" s="378"/>
      <c r="F25" s="378"/>
      <c r="G25" s="378"/>
      <c r="H25" s="378"/>
      <c r="I25" s="378"/>
      <c r="J25" s="378"/>
      <c r="K25" s="378"/>
      <c r="L25" s="378"/>
      <c r="M25" s="378"/>
      <c r="N25" s="378"/>
      <c r="O25" s="378"/>
      <c r="P25" s="378"/>
      <c r="Q25" s="378"/>
      <c r="R25" s="378"/>
      <c r="S25" s="378"/>
      <c r="T25" s="378"/>
      <c r="U25" s="378"/>
      <c r="V25" s="378"/>
      <c r="W25" s="2853"/>
      <c r="X25" s="2573"/>
      <c r="Y25" s="2573"/>
      <c r="Z25" s="2573"/>
      <c r="AA25" s="2573"/>
      <c r="AB25" s="2573"/>
      <c r="AC25" s="2573"/>
      <c r="AD25" s="2573"/>
      <c r="AE25" s="2573"/>
      <c r="AF25" s="2573"/>
      <c r="AG25" s="2573"/>
      <c r="AH25" s="2573"/>
      <c r="AI25" s="2573"/>
      <c r="AJ25" s="2573"/>
      <c r="AK25" s="2854"/>
      <c r="AL25" s="393"/>
    </row>
    <row r="26" spans="2:38" x14ac:dyDescent="0.2">
      <c r="B26" s="2584"/>
      <c r="C26" s="2585"/>
      <c r="D26" s="379"/>
      <c r="E26" s="378"/>
      <c r="F26" s="378"/>
      <c r="G26" s="378"/>
      <c r="H26" s="378"/>
      <c r="I26" s="378"/>
      <c r="J26" s="378"/>
      <c r="K26" s="378"/>
      <c r="L26" s="378"/>
      <c r="M26" s="378"/>
      <c r="N26" s="378"/>
      <c r="O26" s="378"/>
      <c r="P26" s="378"/>
      <c r="Q26" s="378"/>
      <c r="R26" s="378"/>
      <c r="S26" s="378"/>
      <c r="T26" s="378"/>
      <c r="U26" s="378"/>
      <c r="V26" s="378"/>
      <c r="W26" s="2853"/>
      <c r="X26" s="2573"/>
      <c r="Y26" s="2573"/>
      <c r="Z26" s="2573"/>
      <c r="AA26" s="2573"/>
      <c r="AB26" s="2573"/>
      <c r="AC26" s="2573"/>
      <c r="AD26" s="2573"/>
      <c r="AE26" s="2573"/>
      <c r="AF26" s="2573"/>
      <c r="AG26" s="2573"/>
      <c r="AH26" s="2573"/>
      <c r="AI26" s="2573"/>
      <c r="AJ26" s="2573" t="s">
        <v>212</v>
      </c>
      <c r="AK26" s="2854"/>
      <c r="AL26" s="393"/>
    </row>
    <row r="27" spans="2:38" ht="13.8" thickBot="1" x14ac:dyDescent="0.25">
      <c r="B27" s="2584"/>
      <c r="C27" s="2585"/>
      <c r="D27" s="379"/>
      <c r="E27" s="378"/>
      <c r="F27" s="378"/>
      <c r="G27" s="378"/>
      <c r="H27" s="378"/>
      <c r="I27" s="378"/>
      <c r="J27" s="378"/>
      <c r="K27" s="378"/>
      <c r="L27" s="378"/>
      <c r="M27" s="378"/>
      <c r="N27" s="378"/>
      <c r="O27" s="378"/>
      <c r="P27" s="378"/>
      <c r="Q27" s="378"/>
      <c r="R27" s="378"/>
      <c r="S27" s="378"/>
      <c r="T27" s="378"/>
      <c r="U27" s="378"/>
      <c r="V27" s="378"/>
      <c r="W27" s="2855"/>
      <c r="X27" s="2856"/>
      <c r="Y27" s="2856"/>
      <c r="Z27" s="2856"/>
      <c r="AA27" s="2856"/>
      <c r="AB27" s="2856"/>
      <c r="AC27" s="2856"/>
      <c r="AD27" s="2856"/>
      <c r="AE27" s="2856"/>
      <c r="AF27" s="2856"/>
      <c r="AG27" s="2856"/>
      <c r="AH27" s="2856"/>
      <c r="AI27" s="2856"/>
      <c r="AJ27" s="2856"/>
      <c r="AK27" s="2857"/>
      <c r="AL27" s="393"/>
    </row>
    <row r="28" spans="2:38" x14ac:dyDescent="0.2">
      <c r="B28" s="2584"/>
      <c r="C28" s="2585"/>
      <c r="D28" s="379"/>
      <c r="E28" s="378"/>
      <c r="F28" s="378"/>
      <c r="G28" s="378"/>
      <c r="H28" s="378"/>
      <c r="I28" s="378"/>
      <c r="J28" s="378"/>
      <c r="K28" s="378"/>
      <c r="L28" s="378"/>
      <c r="M28" s="378"/>
      <c r="N28" s="378"/>
      <c r="O28" s="378"/>
      <c r="P28" s="378"/>
      <c r="Q28" s="378"/>
      <c r="R28" s="378"/>
      <c r="S28" s="378"/>
      <c r="T28" s="378"/>
      <c r="U28" s="378"/>
      <c r="V28" s="378"/>
      <c r="W28" s="378"/>
      <c r="X28" s="378"/>
      <c r="Y28" s="378"/>
      <c r="Z28" s="378"/>
      <c r="AA28" s="378"/>
      <c r="AB28" s="378"/>
      <c r="AC28" s="378"/>
      <c r="AD28" s="378"/>
      <c r="AE28" s="378"/>
      <c r="AF28" s="378"/>
      <c r="AG28" s="378"/>
      <c r="AH28" s="378"/>
      <c r="AI28" s="378"/>
      <c r="AJ28" s="378"/>
      <c r="AK28" s="378"/>
      <c r="AL28" s="393"/>
    </row>
    <row r="29" spans="2:38" x14ac:dyDescent="0.2">
      <c r="B29" s="2584"/>
      <c r="C29" s="2585"/>
      <c r="D29" s="379"/>
      <c r="E29" s="378"/>
      <c r="F29" s="378"/>
      <c r="G29" s="378"/>
      <c r="H29" s="378"/>
      <c r="I29" s="378"/>
      <c r="J29" s="378"/>
      <c r="K29" s="378"/>
      <c r="L29" s="378"/>
      <c r="M29" s="378"/>
      <c r="N29" s="378"/>
      <c r="O29" s="378"/>
      <c r="P29" s="378"/>
      <c r="Q29" s="378"/>
      <c r="R29" s="378"/>
      <c r="S29" s="378"/>
      <c r="T29" s="378"/>
      <c r="U29" s="378"/>
      <c r="V29" s="378"/>
      <c r="W29" s="378"/>
      <c r="X29" s="378"/>
      <c r="Y29" s="378"/>
      <c r="Z29" s="378"/>
      <c r="AA29" s="378"/>
      <c r="AB29" s="378"/>
      <c r="AC29" s="378"/>
      <c r="AD29" s="378"/>
      <c r="AE29" s="378"/>
      <c r="AF29" s="378"/>
      <c r="AG29" s="378"/>
      <c r="AH29" s="378"/>
      <c r="AI29" s="378"/>
      <c r="AJ29" s="378"/>
      <c r="AK29" s="378"/>
      <c r="AL29" s="393"/>
    </row>
    <row r="30" spans="2:38" x14ac:dyDescent="0.2">
      <c r="B30" s="2584"/>
      <c r="C30" s="2585"/>
      <c r="D30" s="375"/>
      <c r="E30" s="375"/>
      <c r="F30" s="375"/>
      <c r="G30" s="375"/>
      <c r="H30" s="375"/>
      <c r="I30" s="375"/>
      <c r="J30" s="375"/>
      <c r="K30" s="375"/>
      <c r="L30" s="375"/>
      <c r="M30" s="375"/>
      <c r="N30" s="375"/>
      <c r="O30" s="375"/>
      <c r="P30" s="375"/>
      <c r="Q30" s="375"/>
      <c r="R30" s="389"/>
      <c r="S30" s="389"/>
      <c r="T30" s="375"/>
      <c r="U30" s="375"/>
      <c r="V30" s="375"/>
      <c r="W30" s="390"/>
      <c r="X30" s="390"/>
      <c r="Y30" s="390"/>
      <c r="Z30" s="390"/>
      <c r="AA30" s="390"/>
      <c r="AB30" s="390"/>
      <c r="AC30" s="390"/>
      <c r="AD30" s="390"/>
      <c r="AE30" s="390"/>
      <c r="AF30" s="390"/>
      <c r="AG30" s="390"/>
      <c r="AH30" s="390"/>
      <c r="AI30" s="390"/>
      <c r="AJ30" s="390"/>
      <c r="AK30" s="390"/>
      <c r="AL30" s="377"/>
    </row>
    <row r="31" spans="2:38" x14ac:dyDescent="0.2">
      <c r="B31" s="2584"/>
      <c r="C31" s="2585"/>
      <c r="D31" s="382"/>
      <c r="E31" s="382"/>
      <c r="F31" s="382" t="s">
        <v>494</v>
      </c>
      <c r="G31" s="382"/>
      <c r="H31" s="382"/>
      <c r="I31" s="382"/>
      <c r="J31" s="382"/>
      <c r="K31" s="382"/>
      <c r="L31" s="382"/>
      <c r="M31" s="382"/>
      <c r="N31" s="382"/>
      <c r="O31" s="382"/>
      <c r="P31" s="382"/>
      <c r="Q31" s="382"/>
      <c r="R31" s="382"/>
      <c r="S31" s="382"/>
      <c r="T31" s="382"/>
      <c r="U31" s="382"/>
      <c r="V31" s="382"/>
      <c r="W31" s="382"/>
      <c r="X31" s="382"/>
      <c r="Y31" s="378"/>
      <c r="Z31" s="378"/>
      <c r="AA31" s="378"/>
      <c r="AB31" s="378"/>
      <c r="AC31" s="378"/>
      <c r="AD31" s="378"/>
      <c r="AE31" s="378"/>
      <c r="AF31" s="378"/>
      <c r="AG31" s="378"/>
      <c r="AH31" s="378"/>
      <c r="AI31" s="378"/>
      <c r="AJ31" s="378"/>
      <c r="AK31" s="378"/>
      <c r="AL31" s="393"/>
    </row>
    <row r="32" spans="2:38" x14ac:dyDescent="0.2">
      <c r="B32" s="2584"/>
      <c r="C32" s="2585"/>
      <c r="D32" s="382"/>
      <c r="E32" s="382"/>
      <c r="F32" s="382"/>
      <c r="G32" s="382"/>
      <c r="H32" s="382"/>
      <c r="I32" s="382"/>
      <c r="J32" s="382"/>
      <c r="K32" s="382"/>
      <c r="L32" s="382"/>
      <c r="M32" s="382"/>
      <c r="N32" s="382"/>
      <c r="O32" s="382"/>
      <c r="P32" s="382"/>
      <c r="Q32" s="382"/>
      <c r="R32" s="382"/>
      <c r="S32" s="382"/>
      <c r="T32" s="382"/>
      <c r="U32" s="382"/>
      <c r="V32" s="382"/>
      <c r="W32" s="382"/>
      <c r="X32" s="382"/>
      <c r="Y32" s="378"/>
      <c r="Z32" s="378"/>
      <c r="AA32" s="378"/>
      <c r="AB32" s="378"/>
      <c r="AC32" s="378"/>
      <c r="AD32" s="378"/>
      <c r="AE32" s="378"/>
      <c r="AF32" s="378"/>
      <c r="AG32" s="378"/>
      <c r="AH32" s="378"/>
      <c r="AI32" s="378"/>
      <c r="AJ32" s="378"/>
      <c r="AK32" s="378"/>
      <c r="AL32" s="393"/>
    </row>
    <row r="33" spans="2:38" ht="15" customHeight="1" x14ac:dyDescent="0.2">
      <c r="B33" s="2584"/>
      <c r="C33" s="2585"/>
      <c r="D33" s="378"/>
      <c r="E33" s="382"/>
      <c r="F33" s="2549" t="s">
        <v>493</v>
      </c>
      <c r="G33" s="2550"/>
      <c r="H33" s="2550"/>
      <c r="I33" s="2550"/>
      <c r="J33" s="2550"/>
      <c r="K33" s="2550"/>
      <c r="L33" s="2550"/>
      <c r="M33" s="2551"/>
      <c r="N33" s="2549"/>
      <c r="O33" s="2550"/>
      <c r="P33" s="2550"/>
      <c r="Q33" s="2550"/>
      <c r="R33" s="2550"/>
      <c r="S33" s="2551"/>
      <c r="T33" s="2549" t="s">
        <v>69</v>
      </c>
      <c r="U33" s="2551"/>
      <c r="V33" s="382"/>
      <c r="W33" s="382"/>
      <c r="X33" s="382"/>
      <c r="Y33" s="2638" t="s">
        <v>492</v>
      </c>
      <c r="Z33" s="2550"/>
      <c r="AA33" s="2550"/>
      <c r="AB33" s="2550"/>
      <c r="AC33" s="2550"/>
      <c r="AD33" s="2550"/>
      <c r="AE33" s="2550"/>
      <c r="AF33" s="2550"/>
      <c r="AG33" s="2550"/>
      <c r="AH33" s="2550"/>
      <c r="AI33" s="2551"/>
      <c r="AJ33" s="378"/>
      <c r="AK33" s="378"/>
      <c r="AL33" s="393"/>
    </row>
    <row r="34" spans="2:38" ht="15" customHeight="1" x14ac:dyDescent="0.2">
      <c r="B34" s="2584"/>
      <c r="C34" s="2585"/>
      <c r="D34" s="378"/>
      <c r="E34" s="382"/>
      <c r="F34" s="2552"/>
      <c r="G34" s="2553"/>
      <c r="H34" s="2553"/>
      <c r="I34" s="2553"/>
      <c r="J34" s="2553"/>
      <c r="K34" s="2553"/>
      <c r="L34" s="2553"/>
      <c r="M34" s="2554"/>
      <c r="N34" s="2552"/>
      <c r="O34" s="2553"/>
      <c r="P34" s="2553"/>
      <c r="Q34" s="2553"/>
      <c r="R34" s="2553"/>
      <c r="S34" s="2554"/>
      <c r="T34" s="2552"/>
      <c r="U34" s="2554"/>
      <c r="V34" s="382"/>
      <c r="W34" s="382"/>
      <c r="X34" s="382"/>
      <c r="Y34" s="2552"/>
      <c r="Z34" s="2553"/>
      <c r="AA34" s="2553"/>
      <c r="AB34" s="2553"/>
      <c r="AC34" s="2553"/>
      <c r="AD34" s="2553"/>
      <c r="AE34" s="2553"/>
      <c r="AF34" s="2553"/>
      <c r="AG34" s="2553"/>
      <c r="AH34" s="2553"/>
      <c r="AI34" s="2554"/>
      <c r="AJ34" s="378"/>
      <c r="AK34" s="378"/>
      <c r="AL34" s="393"/>
    </row>
    <row r="35" spans="2:38" ht="15" customHeight="1" x14ac:dyDescent="0.2">
      <c r="B35" s="2584"/>
      <c r="C35" s="2585"/>
      <c r="D35" s="378"/>
      <c r="E35" s="382"/>
      <c r="F35" s="2549" t="s">
        <v>491</v>
      </c>
      <c r="G35" s="2550"/>
      <c r="H35" s="2550"/>
      <c r="I35" s="2550"/>
      <c r="J35" s="2550"/>
      <c r="K35" s="2550"/>
      <c r="L35" s="2550"/>
      <c r="M35" s="2551"/>
      <c r="N35" s="2549"/>
      <c r="O35" s="2550"/>
      <c r="P35" s="2550"/>
      <c r="Q35" s="2550"/>
      <c r="R35" s="2550"/>
      <c r="S35" s="2551"/>
      <c r="T35" s="2549" t="s">
        <v>69</v>
      </c>
      <c r="U35" s="2551"/>
      <c r="V35" s="382"/>
      <c r="W35" s="382"/>
      <c r="X35" s="382"/>
      <c r="Y35" s="2549"/>
      <c r="Z35" s="2550"/>
      <c r="AA35" s="2550"/>
      <c r="AB35" s="2550"/>
      <c r="AC35" s="2550"/>
      <c r="AD35" s="2550"/>
      <c r="AE35" s="2550"/>
      <c r="AF35" s="2550"/>
      <c r="AG35" s="2551"/>
      <c r="AH35" s="2549" t="s">
        <v>69</v>
      </c>
      <c r="AI35" s="2551"/>
      <c r="AJ35" s="378"/>
      <c r="AK35" s="378"/>
      <c r="AL35" s="393"/>
    </row>
    <row r="36" spans="2:38" ht="15" customHeight="1" thickBot="1" x14ac:dyDescent="0.25">
      <c r="B36" s="2584"/>
      <c r="C36" s="2585"/>
      <c r="D36" s="378"/>
      <c r="E36" s="382"/>
      <c r="F36" s="2552"/>
      <c r="G36" s="2553"/>
      <c r="H36" s="2553"/>
      <c r="I36" s="2553"/>
      <c r="J36" s="2553"/>
      <c r="K36" s="2553"/>
      <c r="L36" s="2553"/>
      <c r="M36" s="2554"/>
      <c r="N36" s="2552"/>
      <c r="O36" s="2553"/>
      <c r="P36" s="2553"/>
      <c r="Q36" s="2553"/>
      <c r="R36" s="2553"/>
      <c r="S36" s="2554"/>
      <c r="T36" s="2552"/>
      <c r="U36" s="2554"/>
      <c r="V36" s="382"/>
      <c r="W36" s="382"/>
      <c r="X36" s="382"/>
      <c r="Y36" s="2830"/>
      <c r="Z36" s="2574"/>
      <c r="AA36" s="2574"/>
      <c r="AB36" s="2574"/>
      <c r="AC36" s="2574"/>
      <c r="AD36" s="2574"/>
      <c r="AE36" s="2574"/>
      <c r="AF36" s="2574"/>
      <c r="AG36" s="2847"/>
      <c r="AH36" s="2830"/>
      <c r="AI36" s="2847"/>
      <c r="AJ36" s="378"/>
      <c r="AK36" s="378"/>
      <c r="AL36" s="393"/>
    </row>
    <row r="37" spans="2:38" ht="15" customHeight="1" x14ac:dyDescent="0.2">
      <c r="B37" s="2584"/>
      <c r="C37" s="2585"/>
      <c r="D37" s="378"/>
      <c r="E37" s="382"/>
      <c r="F37" s="2549" t="s">
        <v>490</v>
      </c>
      <c r="G37" s="2550"/>
      <c r="H37" s="2550"/>
      <c r="I37" s="2550"/>
      <c r="J37" s="2550"/>
      <c r="K37" s="2550"/>
      <c r="L37" s="2550"/>
      <c r="M37" s="2551"/>
      <c r="N37" s="2549"/>
      <c r="O37" s="2550"/>
      <c r="P37" s="2550"/>
      <c r="Q37" s="2550"/>
      <c r="R37" s="2550"/>
      <c r="S37" s="2551"/>
      <c r="T37" s="2549" t="s">
        <v>69</v>
      </c>
      <c r="U37" s="2551"/>
      <c r="V37" s="382"/>
      <c r="W37" s="382"/>
      <c r="X37" s="382"/>
      <c r="Y37" s="2858" t="s">
        <v>489</v>
      </c>
      <c r="Z37" s="2859"/>
      <c r="AA37" s="2859"/>
      <c r="AB37" s="2859"/>
      <c r="AC37" s="2859"/>
      <c r="AD37" s="2859"/>
      <c r="AE37" s="2859"/>
      <c r="AF37" s="2859"/>
      <c r="AG37" s="2859"/>
      <c r="AH37" s="2859"/>
      <c r="AI37" s="2860"/>
      <c r="AJ37" s="378"/>
      <c r="AK37" s="378"/>
      <c r="AL37" s="393"/>
    </row>
    <row r="38" spans="2:38" ht="15" customHeight="1" thickBot="1" x14ac:dyDescent="0.25">
      <c r="B38" s="2584"/>
      <c r="C38" s="2585"/>
      <c r="D38" s="378"/>
      <c r="E38" s="382"/>
      <c r="F38" s="2830"/>
      <c r="G38" s="2574"/>
      <c r="H38" s="2574"/>
      <c r="I38" s="2574"/>
      <c r="J38" s="2574"/>
      <c r="K38" s="2574"/>
      <c r="L38" s="2574"/>
      <c r="M38" s="2847"/>
      <c r="N38" s="2830"/>
      <c r="O38" s="2574"/>
      <c r="P38" s="2574"/>
      <c r="Q38" s="2574"/>
      <c r="R38" s="2574"/>
      <c r="S38" s="2847"/>
      <c r="T38" s="2830"/>
      <c r="U38" s="2847"/>
      <c r="V38" s="382"/>
      <c r="W38" s="382"/>
      <c r="X38" s="382"/>
      <c r="Y38" s="2861"/>
      <c r="Z38" s="2553"/>
      <c r="AA38" s="2553"/>
      <c r="AB38" s="2553"/>
      <c r="AC38" s="2553"/>
      <c r="AD38" s="2553"/>
      <c r="AE38" s="2553"/>
      <c r="AF38" s="2553"/>
      <c r="AG38" s="2553"/>
      <c r="AH38" s="2553"/>
      <c r="AI38" s="2862"/>
      <c r="AJ38" s="378"/>
      <c r="AK38" s="378"/>
      <c r="AL38" s="393"/>
    </row>
    <row r="39" spans="2:38" ht="15" customHeight="1" x14ac:dyDescent="0.2">
      <c r="B39" s="2584"/>
      <c r="C39" s="2585"/>
      <c r="D39" s="378"/>
      <c r="E39" s="382"/>
      <c r="F39" s="2863" t="s">
        <v>488</v>
      </c>
      <c r="G39" s="2851"/>
      <c r="H39" s="2851"/>
      <c r="I39" s="2851"/>
      <c r="J39" s="2851"/>
      <c r="K39" s="2851"/>
      <c r="L39" s="2851"/>
      <c r="M39" s="2851"/>
      <c r="N39" s="2851"/>
      <c r="O39" s="2851"/>
      <c r="P39" s="2851"/>
      <c r="Q39" s="2851"/>
      <c r="R39" s="2851"/>
      <c r="S39" s="2851"/>
      <c r="T39" s="2851" t="s">
        <v>69</v>
      </c>
      <c r="U39" s="2852"/>
      <c r="V39" s="382"/>
      <c r="W39" s="382"/>
      <c r="X39" s="382"/>
      <c r="Y39" s="2853"/>
      <c r="Z39" s="2573"/>
      <c r="AA39" s="2573"/>
      <c r="AB39" s="2573"/>
      <c r="AC39" s="2573"/>
      <c r="AD39" s="2573"/>
      <c r="AE39" s="2573"/>
      <c r="AF39" s="2573"/>
      <c r="AG39" s="2573"/>
      <c r="AH39" s="2573" t="s">
        <v>212</v>
      </c>
      <c r="AI39" s="2854"/>
      <c r="AJ39" s="378"/>
      <c r="AK39" s="378"/>
      <c r="AL39" s="393"/>
    </row>
    <row r="40" spans="2:38" ht="15" customHeight="1" thickBot="1" x14ac:dyDescent="0.25">
      <c r="B40" s="2584"/>
      <c r="C40" s="2585"/>
      <c r="D40" s="378"/>
      <c r="E40" s="382"/>
      <c r="F40" s="2855"/>
      <c r="G40" s="2856"/>
      <c r="H40" s="2856"/>
      <c r="I40" s="2856"/>
      <c r="J40" s="2856"/>
      <c r="K40" s="2856"/>
      <c r="L40" s="2856"/>
      <c r="M40" s="2856"/>
      <c r="N40" s="2856"/>
      <c r="O40" s="2856"/>
      <c r="P40" s="2856"/>
      <c r="Q40" s="2856"/>
      <c r="R40" s="2856"/>
      <c r="S40" s="2856"/>
      <c r="T40" s="2856"/>
      <c r="U40" s="2857"/>
      <c r="V40" s="382"/>
      <c r="W40" s="382"/>
      <c r="X40" s="382"/>
      <c r="Y40" s="2855"/>
      <c r="Z40" s="2856"/>
      <c r="AA40" s="2856"/>
      <c r="AB40" s="2856"/>
      <c r="AC40" s="2856"/>
      <c r="AD40" s="2856"/>
      <c r="AE40" s="2856"/>
      <c r="AF40" s="2856"/>
      <c r="AG40" s="2856"/>
      <c r="AH40" s="2856"/>
      <c r="AI40" s="2857"/>
      <c r="AJ40" s="378"/>
      <c r="AK40" s="378"/>
      <c r="AL40" s="393"/>
    </row>
    <row r="41" spans="2:38" x14ac:dyDescent="0.2">
      <c r="B41" s="2584"/>
      <c r="C41" s="2585"/>
      <c r="D41" s="378"/>
      <c r="E41" s="382"/>
      <c r="F41" s="382"/>
      <c r="G41" s="382"/>
      <c r="H41" s="382"/>
      <c r="I41" s="382"/>
      <c r="J41" s="382"/>
      <c r="K41" s="382"/>
      <c r="L41" s="382"/>
      <c r="M41" s="382"/>
      <c r="N41" s="382"/>
      <c r="O41" s="382"/>
      <c r="P41" s="382"/>
      <c r="Q41" s="382"/>
      <c r="R41" s="382"/>
      <c r="S41" s="382"/>
      <c r="T41" s="382"/>
      <c r="U41" s="382"/>
      <c r="V41" s="382"/>
      <c r="W41" s="382"/>
      <c r="X41" s="382"/>
      <c r="Y41" s="382"/>
      <c r="Z41" s="382"/>
      <c r="AA41" s="382"/>
      <c r="AB41" s="382"/>
      <c r="AC41" s="382"/>
      <c r="AD41" s="382"/>
      <c r="AE41" s="382"/>
      <c r="AF41" s="382"/>
      <c r="AG41" s="382"/>
      <c r="AH41" s="378"/>
      <c r="AI41" s="378"/>
      <c r="AJ41" s="378"/>
      <c r="AK41" s="378"/>
      <c r="AL41" s="393"/>
    </row>
    <row r="42" spans="2:38" x14ac:dyDescent="0.2">
      <c r="B42" s="2586"/>
      <c r="C42" s="2587"/>
      <c r="D42" s="384"/>
      <c r="E42" s="387"/>
      <c r="F42" s="387"/>
      <c r="G42" s="387"/>
      <c r="H42" s="387"/>
      <c r="I42" s="387"/>
      <c r="J42" s="387"/>
      <c r="K42" s="387"/>
      <c r="L42" s="387"/>
      <c r="M42" s="387"/>
      <c r="N42" s="387"/>
      <c r="O42" s="387"/>
      <c r="P42" s="387"/>
      <c r="Q42" s="387"/>
      <c r="R42" s="387"/>
      <c r="S42" s="387"/>
      <c r="T42" s="387"/>
      <c r="U42" s="387"/>
      <c r="V42" s="387"/>
      <c r="W42" s="387"/>
      <c r="X42" s="387"/>
      <c r="Y42" s="387"/>
      <c r="Z42" s="387"/>
      <c r="AA42" s="387"/>
      <c r="AB42" s="387"/>
      <c r="AC42" s="387"/>
      <c r="AD42" s="387"/>
      <c r="AE42" s="387"/>
      <c r="AF42" s="387"/>
      <c r="AG42" s="387"/>
      <c r="AH42" s="384"/>
      <c r="AI42" s="384"/>
      <c r="AJ42" s="384"/>
      <c r="AK42" s="384"/>
      <c r="AL42" s="396"/>
    </row>
    <row r="43" spans="2:38" ht="61.5" customHeight="1" x14ac:dyDescent="0.2">
      <c r="B43" s="2525" t="s">
        <v>487</v>
      </c>
      <c r="C43" s="2525"/>
      <c r="D43" s="2525"/>
      <c r="E43" s="2525"/>
      <c r="F43" s="2525"/>
      <c r="G43" s="2525"/>
      <c r="H43" s="2525"/>
      <c r="I43" s="2525"/>
      <c r="J43" s="2525"/>
      <c r="K43" s="2525"/>
      <c r="L43" s="2525"/>
      <c r="M43" s="2525"/>
      <c r="N43" s="2525"/>
      <c r="O43" s="2525"/>
      <c r="P43" s="2525"/>
      <c r="Q43" s="2525"/>
      <c r="R43" s="2525"/>
      <c r="S43" s="2525"/>
      <c r="T43" s="2525"/>
      <c r="U43" s="2525"/>
      <c r="V43" s="2525"/>
      <c r="W43" s="2525"/>
      <c r="X43" s="2525"/>
      <c r="Y43" s="2525"/>
      <c r="Z43" s="2525"/>
      <c r="AA43" s="2525"/>
      <c r="AB43" s="2525"/>
      <c r="AC43" s="2525"/>
      <c r="AD43" s="2525"/>
      <c r="AE43" s="2525"/>
      <c r="AF43" s="2525"/>
      <c r="AG43" s="2525"/>
      <c r="AH43" s="2525"/>
      <c r="AI43" s="2525"/>
      <c r="AJ43" s="2525"/>
      <c r="AK43" s="2525"/>
      <c r="AL43" s="2525"/>
    </row>
    <row r="44" spans="2:38" x14ac:dyDescent="0.2">
      <c r="B44" s="397"/>
      <c r="C44" s="397"/>
      <c r="D44" s="397"/>
      <c r="E44" s="397"/>
      <c r="F44" s="397"/>
      <c r="G44" s="397"/>
      <c r="H44" s="397"/>
      <c r="I44" s="397"/>
      <c r="J44" s="397"/>
      <c r="K44" s="397"/>
      <c r="L44" s="397"/>
      <c r="M44" s="397"/>
      <c r="N44" s="397"/>
      <c r="O44" s="397"/>
      <c r="P44" s="397"/>
      <c r="Q44" s="397"/>
      <c r="R44" s="397"/>
      <c r="S44" s="397"/>
      <c r="T44" s="397"/>
      <c r="U44" s="397"/>
      <c r="V44" s="397"/>
      <c r="W44" s="397"/>
      <c r="X44" s="397"/>
      <c r="Y44" s="397"/>
      <c r="Z44" s="397"/>
      <c r="AA44" s="397"/>
      <c r="AB44" s="397"/>
      <c r="AC44" s="397"/>
      <c r="AD44" s="397"/>
      <c r="AE44" s="397"/>
      <c r="AF44" s="397"/>
      <c r="AG44" s="397"/>
      <c r="AH44" s="397"/>
      <c r="AI44" s="397"/>
      <c r="AJ44" s="397"/>
      <c r="AK44" s="397"/>
      <c r="AL44" s="397"/>
    </row>
    <row r="45" spans="2:38" x14ac:dyDescent="0.2">
      <c r="B45" s="397"/>
      <c r="C45" s="397"/>
      <c r="D45" s="397"/>
      <c r="E45" s="397"/>
      <c r="F45" s="397"/>
      <c r="G45" s="397"/>
      <c r="H45" s="397"/>
      <c r="I45" s="397"/>
      <c r="J45" s="397"/>
      <c r="K45" s="397"/>
      <c r="L45" s="397"/>
      <c r="M45" s="397"/>
      <c r="N45" s="397"/>
      <c r="O45" s="397"/>
      <c r="P45" s="397"/>
      <c r="Q45" s="397"/>
      <c r="R45" s="397"/>
      <c r="S45" s="397"/>
      <c r="T45" s="397"/>
      <c r="U45" s="397"/>
      <c r="V45" s="397"/>
      <c r="W45" s="397"/>
      <c r="X45" s="397"/>
      <c r="Y45" s="397"/>
      <c r="Z45" s="397"/>
      <c r="AA45" s="397"/>
      <c r="AB45" s="397"/>
      <c r="AC45" s="397"/>
      <c r="AD45" s="397"/>
      <c r="AE45" s="397"/>
      <c r="AF45" s="397"/>
      <c r="AG45" s="397"/>
      <c r="AH45" s="397"/>
      <c r="AI45" s="397"/>
      <c r="AJ45" s="397"/>
      <c r="AK45" s="397"/>
      <c r="AL45" s="397"/>
    </row>
    <row r="46" spans="2:38" x14ac:dyDescent="0.2">
      <c r="B46" s="397"/>
      <c r="C46" s="397"/>
      <c r="D46" s="397"/>
      <c r="E46" s="397"/>
      <c r="F46" s="397"/>
      <c r="G46" s="397"/>
      <c r="H46" s="397"/>
      <c r="I46" s="397"/>
      <c r="J46" s="397"/>
      <c r="K46" s="397"/>
      <c r="L46" s="397"/>
      <c r="M46" s="397"/>
      <c r="N46" s="397"/>
      <c r="O46" s="397"/>
      <c r="P46" s="397"/>
      <c r="Q46" s="397"/>
      <c r="R46" s="397"/>
      <c r="S46" s="397"/>
      <c r="T46" s="397"/>
      <c r="U46" s="397"/>
      <c r="V46" s="397"/>
      <c r="W46" s="397"/>
      <c r="X46" s="397"/>
      <c r="Y46" s="397"/>
      <c r="Z46" s="397"/>
      <c r="AA46" s="397"/>
      <c r="AB46" s="397"/>
      <c r="AC46" s="397"/>
      <c r="AD46" s="397"/>
      <c r="AE46" s="397"/>
      <c r="AF46" s="397"/>
      <c r="AG46" s="397"/>
      <c r="AH46" s="397"/>
      <c r="AI46" s="397"/>
      <c r="AJ46" s="397"/>
      <c r="AK46" s="397"/>
      <c r="AL46" s="397"/>
    </row>
    <row r="47" spans="2:38" x14ac:dyDescent="0.2">
      <c r="B47" s="397"/>
      <c r="C47" s="397"/>
      <c r="D47" s="397"/>
      <c r="E47" s="397"/>
      <c r="F47" s="397"/>
      <c r="G47" s="397"/>
      <c r="H47" s="397"/>
      <c r="I47" s="397"/>
      <c r="J47" s="397"/>
      <c r="K47" s="397"/>
      <c r="L47" s="397"/>
      <c r="M47" s="397"/>
      <c r="N47" s="397"/>
      <c r="O47" s="397"/>
      <c r="P47" s="397"/>
      <c r="Q47" s="397"/>
      <c r="R47" s="397"/>
      <c r="S47" s="397"/>
      <c r="T47" s="397"/>
      <c r="U47" s="397"/>
      <c r="V47" s="397"/>
      <c r="W47" s="397"/>
      <c r="X47" s="397"/>
      <c r="Y47" s="397"/>
      <c r="Z47" s="397"/>
      <c r="AA47" s="397"/>
      <c r="AB47" s="397"/>
      <c r="AC47" s="397"/>
      <c r="AD47" s="397"/>
      <c r="AE47" s="397"/>
      <c r="AF47" s="397"/>
      <c r="AG47" s="397"/>
      <c r="AH47" s="397"/>
      <c r="AI47" s="397"/>
      <c r="AJ47" s="397"/>
      <c r="AK47" s="397"/>
      <c r="AL47" s="397"/>
    </row>
    <row r="48" spans="2:38" x14ac:dyDescent="0.2">
      <c r="B48" s="397"/>
      <c r="C48" s="397"/>
      <c r="D48" s="397"/>
      <c r="E48" s="397"/>
      <c r="F48" s="397"/>
      <c r="G48" s="397"/>
      <c r="H48" s="397"/>
      <c r="I48" s="397"/>
      <c r="J48" s="397"/>
      <c r="K48" s="397"/>
      <c r="L48" s="397"/>
      <c r="M48" s="397"/>
      <c r="N48" s="397"/>
      <c r="O48" s="397"/>
      <c r="P48" s="397"/>
      <c r="Q48" s="397"/>
      <c r="R48" s="397"/>
      <c r="S48" s="397"/>
      <c r="T48" s="397"/>
      <c r="U48" s="397"/>
      <c r="V48" s="397"/>
      <c r="W48" s="397"/>
      <c r="X48" s="397"/>
      <c r="Y48" s="397"/>
      <c r="Z48" s="397"/>
      <c r="AA48" s="397"/>
      <c r="AB48" s="397"/>
      <c r="AC48" s="397"/>
      <c r="AD48" s="397"/>
      <c r="AE48" s="397"/>
      <c r="AF48" s="397"/>
      <c r="AG48" s="397"/>
      <c r="AH48" s="397"/>
      <c r="AI48" s="397"/>
      <c r="AJ48" s="397"/>
      <c r="AK48" s="397"/>
      <c r="AL48" s="397"/>
    </row>
    <row r="49" spans="2:38" x14ac:dyDescent="0.2">
      <c r="B49" s="397"/>
      <c r="C49" s="397"/>
      <c r="D49" s="397"/>
      <c r="E49" s="397"/>
      <c r="F49" s="397"/>
      <c r="G49" s="397"/>
      <c r="H49" s="397"/>
      <c r="I49" s="397"/>
      <c r="J49" s="397"/>
      <c r="K49" s="397"/>
      <c r="L49" s="397"/>
      <c r="M49" s="397"/>
      <c r="N49" s="397"/>
      <c r="O49" s="397"/>
      <c r="P49" s="397"/>
      <c r="Q49" s="397"/>
      <c r="R49" s="397"/>
      <c r="S49" s="397"/>
      <c r="T49" s="397"/>
      <c r="U49" s="397"/>
      <c r="V49" s="397"/>
      <c r="W49" s="397"/>
      <c r="X49" s="397"/>
      <c r="Y49" s="397"/>
      <c r="Z49" s="397"/>
      <c r="AA49" s="397"/>
      <c r="AB49" s="397"/>
      <c r="AC49" s="397"/>
      <c r="AD49" s="397"/>
      <c r="AE49" s="397"/>
      <c r="AF49" s="397"/>
      <c r="AG49" s="397"/>
      <c r="AH49" s="397"/>
      <c r="AI49" s="397"/>
      <c r="AJ49" s="397"/>
      <c r="AK49" s="397"/>
      <c r="AL49" s="397"/>
    </row>
    <row r="50" spans="2:38" x14ac:dyDescent="0.2">
      <c r="B50" s="397"/>
      <c r="C50" s="397"/>
      <c r="D50" s="397"/>
      <c r="E50" s="397"/>
      <c r="F50" s="397"/>
      <c r="G50" s="397"/>
      <c r="H50" s="397"/>
      <c r="I50" s="397"/>
      <c r="J50" s="397"/>
      <c r="K50" s="397"/>
      <c r="L50" s="397"/>
      <c r="M50" s="397"/>
      <c r="N50" s="397"/>
      <c r="O50" s="397"/>
      <c r="P50" s="397"/>
      <c r="Q50" s="397"/>
      <c r="R50" s="397"/>
      <c r="S50" s="397"/>
      <c r="T50" s="397"/>
      <c r="U50" s="397"/>
      <c r="V50" s="397"/>
      <c r="W50" s="397"/>
      <c r="X50" s="397"/>
      <c r="Y50" s="397"/>
      <c r="Z50" s="397"/>
      <c r="AA50" s="397"/>
      <c r="AB50" s="397"/>
      <c r="AC50" s="397"/>
      <c r="AD50" s="397"/>
      <c r="AE50" s="397"/>
      <c r="AF50" s="397"/>
      <c r="AG50" s="397"/>
      <c r="AH50" s="397"/>
      <c r="AI50" s="397"/>
      <c r="AJ50" s="397"/>
      <c r="AK50" s="397"/>
      <c r="AL50" s="397"/>
    </row>
    <row r="51" spans="2:38" x14ac:dyDescent="0.2">
      <c r="B51" s="397"/>
      <c r="C51" s="397"/>
      <c r="D51" s="397"/>
      <c r="E51" s="397"/>
      <c r="F51" s="397"/>
      <c r="G51" s="397"/>
      <c r="H51" s="397"/>
      <c r="I51" s="397"/>
      <c r="J51" s="397"/>
      <c r="K51" s="397"/>
      <c r="L51" s="397"/>
      <c r="M51" s="397"/>
      <c r="N51" s="397"/>
      <c r="O51" s="397"/>
      <c r="P51" s="397"/>
      <c r="Q51" s="397"/>
      <c r="R51" s="397"/>
      <c r="S51" s="397"/>
      <c r="T51" s="397"/>
      <c r="U51" s="397"/>
      <c r="V51" s="397"/>
      <c r="W51" s="397"/>
      <c r="X51" s="397"/>
      <c r="Y51" s="397"/>
      <c r="Z51" s="397"/>
      <c r="AA51" s="397"/>
      <c r="AB51" s="397"/>
      <c r="AC51" s="397"/>
      <c r="AD51" s="397"/>
      <c r="AE51" s="397"/>
      <c r="AF51" s="397"/>
      <c r="AG51" s="397"/>
      <c r="AH51" s="397"/>
      <c r="AI51" s="397"/>
      <c r="AJ51" s="397"/>
      <c r="AK51" s="397"/>
      <c r="AL51" s="397"/>
    </row>
    <row r="52" spans="2:38" x14ac:dyDescent="0.2">
      <c r="B52" s="397"/>
      <c r="C52" s="397"/>
      <c r="D52" s="397"/>
      <c r="E52" s="397"/>
      <c r="F52" s="397"/>
      <c r="G52" s="397"/>
      <c r="H52" s="397"/>
      <c r="I52" s="397"/>
      <c r="J52" s="397"/>
      <c r="K52" s="397"/>
      <c r="L52" s="397"/>
      <c r="M52" s="397"/>
      <c r="N52" s="397"/>
      <c r="O52" s="397"/>
      <c r="P52" s="397"/>
      <c r="Q52" s="397"/>
      <c r="R52" s="397"/>
      <c r="S52" s="397"/>
      <c r="T52" s="397"/>
      <c r="U52" s="397"/>
      <c r="V52" s="397"/>
      <c r="W52" s="397"/>
      <c r="X52" s="397"/>
      <c r="Y52" s="397"/>
      <c r="Z52" s="397"/>
      <c r="AA52" s="397"/>
      <c r="AB52" s="397"/>
      <c r="AC52" s="397"/>
      <c r="AD52" s="397"/>
      <c r="AE52" s="397"/>
      <c r="AF52" s="397"/>
      <c r="AG52" s="397"/>
      <c r="AH52" s="397"/>
      <c r="AI52" s="397"/>
      <c r="AJ52" s="397"/>
      <c r="AK52" s="397"/>
      <c r="AL52" s="397"/>
    </row>
    <row r="53" spans="2:38" x14ac:dyDescent="0.2">
      <c r="B53" s="397"/>
      <c r="C53" s="397"/>
      <c r="D53" s="397"/>
      <c r="E53" s="397"/>
      <c r="F53" s="397"/>
      <c r="G53" s="397"/>
      <c r="H53" s="397"/>
      <c r="I53" s="397"/>
      <c r="J53" s="397"/>
      <c r="K53" s="397"/>
      <c r="L53" s="397"/>
      <c r="M53" s="397"/>
      <c r="N53" s="397"/>
      <c r="O53" s="397"/>
      <c r="P53" s="397"/>
      <c r="Q53" s="397"/>
      <c r="R53" s="397"/>
      <c r="S53" s="397"/>
      <c r="T53" s="397"/>
      <c r="U53" s="397"/>
      <c r="V53" s="397"/>
      <c r="W53" s="397"/>
      <c r="X53" s="397"/>
      <c r="Y53" s="397"/>
      <c r="Z53" s="397"/>
      <c r="AA53" s="397"/>
      <c r="AB53" s="397"/>
      <c r="AC53" s="397"/>
      <c r="AD53" s="397"/>
      <c r="AE53" s="397"/>
      <c r="AF53" s="397"/>
      <c r="AG53" s="397"/>
      <c r="AH53" s="397"/>
      <c r="AI53" s="397"/>
      <c r="AJ53" s="397"/>
      <c r="AK53" s="397"/>
      <c r="AL53" s="397"/>
    </row>
  </sheetData>
  <customSheetViews>
    <customSheetView guid="{FA98832E-F01A-4598-9960-E27C2FDAB118}" scale="110" showPageBreaks="1" showGridLines="0" view="pageBreakPreview">
      <selection activeCell="J20" sqref="J20"/>
      <pageMargins left="0.7" right="0.7" top="0.75" bottom="0.75" header="0.3" footer="0.3"/>
      <pageSetup paperSize="9" orientation="portrait" r:id="rId1"/>
    </customSheetView>
    <customSheetView guid="{8494577A-77FB-45FD-BD2B-C737BCFAD5B3}" scale="110" showPageBreaks="1" showGridLines="0" view="pageBreakPreview">
      <selection activeCell="J20" sqref="J20"/>
      <pageMargins left="0.7" right="0.7" top="0.75" bottom="0.75" header="0.3" footer="0.3"/>
      <pageSetup paperSize="9" orientation="portrait" r:id="rId2"/>
    </customSheetView>
  </customSheetViews>
  <mergeCells count="33">
    <mergeCell ref="Y35:AG36"/>
    <mergeCell ref="AH35:AI36"/>
    <mergeCell ref="F33:M34"/>
    <mergeCell ref="N35:S36"/>
    <mergeCell ref="T35:U36"/>
    <mergeCell ref="N33:S34"/>
    <mergeCell ref="B43:AL43"/>
    <mergeCell ref="F37:M38"/>
    <mergeCell ref="N37:S38"/>
    <mergeCell ref="T37:U38"/>
    <mergeCell ref="Y37:AI38"/>
    <mergeCell ref="F39:M40"/>
    <mergeCell ref="N39:S40"/>
    <mergeCell ref="T39:U40"/>
    <mergeCell ref="Y39:AG40"/>
    <mergeCell ref="AH39:AI40"/>
    <mergeCell ref="B17:C42"/>
    <mergeCell ref="E19:V20"/>
    <mergeCell ref="W19:AK20"/>
    <mergeCell ref="F35:M36"/>
    <mergeCell ref="T33:U34"/>
    <mergeCell ref="E21:T22"/>
    <mergeCell ref="A3:AM4"/>
    <mergeCell ref="B6:K7"/>
    <mergeCell ref="L6:AL7"/>
    <mergeCell ref="B8:C16"/>
    <mergeCell ref="U21:V22"/>
    <mergeCell ref="W21:AI22"/>
    <mergeCell ref="W24:AK25"/>
    <mergeCell ref="W26:AI27"/>
    <mergeCell ref="AJ26:AK27"/>
    <mergeCell ref="AJ21:AK22"/>
    <mergeCell ref="Y33:AI34"/>
  </mergeCells>
  <phoneticPr fontId="6"/>
  <pageMargins left="0.7" right="0.7" top="0.75" bottom="0.75" header="0.3" footer="0.3"/>
  <pageSetup paperSize="9" orientation="portrait" r:id="rId3"/>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2"/>
  <sheetViews>
    <sheetView showGridLines="0" view="pageBreakPreview" zoomScaleNormal="100" zoomScaleSheetLayoutView="100" workbookViewId="0">
      <selection activeCell="J20" sqref="J20"/>
    </sheetView>
  </sheetViews>
  <sheetFormatPr defaultRowHeight="13.2" x14ac:dyDescent="0.2"/>
  <cols>
    <col min="1" max="1" width="5.21875" style="372" customWidth="1"/>
    <col min="2" max="3" width="9" style="372" customWidth="1"/>
    <col min="4" max="5" width="8.44140625" style="372" customWidth="1"/>
    <col min="6" max="6" width="8.33203125" style="372" customWidth="1"/>
    <col min="7" max="7" width="7.33203125" style="372" customWidth="1"/>
    <col min="8" max="9" width="8.44140625" style="372" customWidth="1"/>
    <col min="10" max="10" width="17.109375" style="372" customWidth="1"/>
    <col min="11" max="256" width="9" style="372"/>
    <col min="257" max="257" width="5.21875" style="372" customWidth="1"/>
    <col min="258" max="259" width="9" style="372" customWidth="1"/>
    <col min="260" max="261" width="8.44140625" style="372" customWidth="1"/>
    <col min="262" max="262" width="8.33203125" style="372" customWidth="1"/>
    <col min="263" max="263" width="7.33203125" style="372" customWidth="1"/>
    <col min="264" max="265" width="8.44140625" style="372" customWidth="1"/>
    <col min="266" max="266" width="17.109375" style="372" customWidth="1"/>
    <col min="267" max="512" width="9" style="372"/>
    <col min="513" max="513" width="5.21875" style="372" customWidth="1"/>
    <col min="514" max="515" width="9" style="372" customWidth="1"/>
    <col min="516" max="517" width="8.44140625" style="372" customWidth="1"/>
    <col min="518" max="518" width="8.33203125" style="372" customWidth="1"/>
    <col min="519" max="519" width="7.33203125" style="372" customWidth="1"/>
    <col min="520" max="521" width="8.44140625" style="372" customWidth="1"/>
    <col min="522" max="522" width="17.109375" style="372" customWidth="1"/>
    <col min="523" max="768" width="9" style="372"/>
    <col min="769" max="769" width="5.21875" style="372" customWidth="1"/>
    <col min="770" max="771" width="9" style="372" customWidth="1"/>
    <col min="772" max="773" width="8.44140625" style="372" customWidth="1"/>
    <col min="774" max="774" width="8.33203125" style="372" customWidth="1"/>
    <col min="775" max="775" width="7.33203125" style="372" customWidth="1"/>
    <col min="776" max="777" width="8.44140625" style="372" customWidth="1"/>
    <col min="778" max="778" width="17.109375" style="372" customWidth="1"/>
    <col min="779" max="1024" width="9" style="372"/>
    <col min="1025" max="1025" width="5.21875" style="372" customWidth="1"/>
    <col min="1026" max="1027" width="9" style="372" customWidth="1"/>
    <col min="1028" max="1029" width="8.44140625" style="372" customWidth="1"/>
    <col min="1030" max="1030" width="8.33203125" style="372" customWidth="1"/>
    <col min="1031" max="1031" width="7.33203125" style="372" customWidth="1"/>
    <col min="1032" max="1033" width="8.44140625" style="372" customWidth="1"/>
    <col min="1034" max="1034" width="17.109375" style="372" customWidth="1"/>
    <col min="1035" max="1280" width="9" style="372"/>
    <col min="1281" max="1281" width="5.21875" style="372" customWidth="1"/>
    <col min="1282" max="1283" width="9" style="372" customWidth="1"/>
    <col min="1284" max="1285" width="8.44140625" style="372" customWidth="1"/>
    <col min="1286" max="1286" width="8.33203125" style="372" customWidth="1"/>
    <col min="1287" max="1287" width="7.33203125" style="372" customWidth="1"/>
    <col min="1288" max="1289" width="8.44140625" style="372" customWidth="1"/>
    <col min="1290" max="1290" width="17.109375" style="372" customWidth="1"/>
    <col min="1291" max="1536" width="9" style="372"/>
    <col min="1537" max="1537" width="5.21875" style="372" customWidth="1"/>
    <col min="1538" max="1539" width="9" style="372" customWidth="1"/>
    <col min="1540" max="1541" width="8.44140625" style="372" customWidth="1"/>
    <col min="1542" max="1542" width="8.33203125" style="372" customWidth="1"/>
    <col min="1543" max="1543" width="7.33203125" style="372" customWidth="1"/>
    <col min="1544" max="1545" width="8.44140625" style="372" customWidth="1"/>
    <col min="1546" max="1546" width="17.109375" style="372" customWidth="1"/>
    <col min="1547" max="1792" width="9" style="372"/>
    <col min="1793" max="1793" width="5.21875" style="372" customWidth="1"/>
    <col min="1794" max="1795" width="9" style="372" customWidth="1"/>
    <col min="1796" max="1797" width="8.44140625" style="372" customWidth="1"/>
    <col min="1798" max="1798" width="8.33203125" style="372" customWidth="1"/>
    <col min="1799" max="1799" width="7.33203125" style="372" customWidth="1"/>
    <col min="1800" max="1801" width="8.44140625" style="372" customWidth="1"/>
    <col min="1802" max="1802" width="17.109375" style="372" customWidth="1"/>
    <col min="1803" max="2048" width="9" style="372"/>
    <col min="2049" max="2049" width="5.21875" style="372" customWidth="1"/>
    <col min="2050" max="2051" width="9" style="372" customWidth="1"/>
    <col min="2052" max="2053" width="8.44140625" style="372" customWidth="1"/>
    <col min="2054" max="2054" width="8.33203125" style="372" customWidth="1"/>
    <col min="2055" max="2055" width="7.33203125" style="372" customWidth="1"/>
    <col min="2056" max="2057" width="8.44140625" style="372" customWidth="1"/>
    <col min="2058" max="2058" width="17.109375" style="372" customWidth="1"/>
    <col min="2059" max="2304" width="9" style="372"/>
    <col min="2305" max="2305" width="5.21875" style="372" customWidth="1"/>
    <col min="2306" max="2307" width="9" style="372" customWidth="1"/>
    <col min="2308" max="2309" width="8.44140625" style="372" customWidth="1"/>
    <col min="2310" max="2310" width="8.33203125" style="372" customWidth="1"/>
    <col min="2311" max="2311" width="7.33203125" style="372" customWidth="1"/>
    <col min="2312" max="2313" width="8.44140625" style="372" customWidth="1"/>
    <col min="2314" max="2314" width="17.109375" style="372" customWidth="1"/>
    <col min="2315" max="2560" width="9" style="372"/>
    <col min="2561" max="2561" width="5.21875" style="372" customWidth="1"/>
    <col min="2562" max="2563" width="9" style="372" customWidth="1"/>
    <col min="2564" max="2565" width="8.44140625" style="372" customWidth="1"/>
    <col min="2566" max="2566" width="8.33203125" style="372" customWidth="1"/>
    <col min="2567" max="2567" width="7.33203125" style="372" customWidth="1"/>
    <col min="2568" max="2569" width="8.44140625" style="372" customWidth="1"/>
    <col min="2570" max="2570" width="17.109375" style="372" customWidth="1"/>
    <col min="2571" max="2816" width="9" style="372"/>
    <col min="2817" max="2817" width="5.21875" style="372" customWidth="1"/>
    <col min="2818" max="2819" width="9" style="372" customWidth="1"/>
    <col min="2820" max="2821" width="8.44140625" style="372" customWidth="1"/>
    <col min="2822" max="2822" width="8.33203125" style="372" customWidth="1"/>
    <col min="2823" max="2823" width="7.33203125" style="372" customWidth="1"/>
    <col min="2824" max="2825" width="8.44140625" style="372" customWidth="1"/>
    <col min="2826" max="2826" width="17.109375" style="372" customWidth="1"/>
    <col min="2827" max="3072" width="9" style="372"/>
    <col min="3073" max="3073" width="5.21875" style="372" customWidth="1"/>
    <col min="3074" max="3075" width="9" style="372" customWidth="1"/>
    <col min="3076" max="3077" width="8.44140625" style="372" customWidth="1"/>
    <col min="3078" max="3078" width="8.33203125" style="372" customWidth="1"/>
    <col min="3079" max="3079" width="7.33203125" style="372" customWidth="1"/>
    <col min="3080" max="3081" width="8.44140625" style="372" customWidth="1"/>
    <col min="3082" max="3082" width="17.109375" style="372" customWidth="1"/>
    <col min="3083" max="3328" width="9" style="372"/>
    <col min="3329" max="3329" width="5.21875" style="372" customWidth="1"/>
    <col min="3330" max="3331" width="9" style="372" customWidth="1"/>
    <col min="3332" max="3333" width="8.44140625" style="372" customWidth="1"/>
    <col min="3334" max="3334" width="8.33203125" style="372" customWidth="1"/>
    <col min="3335" max="3335" width="7.33203125" style="372" customWidth="1"/>
    <col min="3336" max="3337" width="8.44140625" style="372" customWidth="1"/>
    <col min="3338" max="3338" width="17.109375" style="372" customWidth="1"/>
    <col min="3339" max="3584" width="9" style="372"/>
    <col min="3585" max="3585" width="5.21875" style="372" customWidth="1"/>
    <col min="3586" max="3587" width="9" style="372" customWidth="1"/>
    <col min="3588" max="3589" width="8.44140625" style="372" customWidth="1"/>
    <col min="3590" max="3590" width="8.33203125" style="372" customWidth="1"/>
    <col min="3591" max="3591" width="7.33203125" style="372" customWidth="1"/>
    <col min="3592" max="3593" width="8.44140625" style="372" customWidth="1"/>
    <col min="3594" max="3594" width="17.109375" style="372" customWidth="1"/>
    <col min="3595" max="3840" width="9" style="372"/>
    <col min="3841" max="3841" width="5.21875" style="372" customWidth="1"/>
    <col min="3842" max="3843" width="9" style="372" customWidth="1"/>
    <col min="3844" max="3845" width="8.44140625" style="372" customWidth="1"/>
    <col min="3846" max="3846" width="8.33203125" style="372" customWidth="1"/>
    <col min="3847" max="3847" width="7.33203125" style="372" customWidth="1"/>
    <col min="3848" max="3849" width="8.44140625" style="372" customWidth="1"/>
    <col min="3850" max="3850" width="17.109375" style="372" customWidth="1"/>
    <col min="3851" max="4096" width="9" style="372"/>
    <col min="4097" max="4097" width="5.21875" style="372" customWidth="1"/>
    <col min="4098" max="4099" width="9" style="372" customWidth="1"/>
    <col min="4100" max="4101" width="8.44140625" style="372" customWidth="1"/>
    <col min="4102" max="4102" width="8.33203125" style="372" customWidth="1"/>
    <col min="4103" max="4103" width="7.33203125" style="372" customWidth="1"/>
    <col min="4104" max="4105" width="8.44140625" style="372" customWidth="1"/>
    <col min="4106" max="4106" width="17.109375" style="372" customWidth="1"/>
    <col min="4107" max="4352" width="9" style="372"/>
    <col min="4353" max="4353" width="5.21875" style="372" customWidth="1"/>
    <col min="4354" max="4355" width="9" style="372" customWidth="1"/>
    <col min="4356" max="4357" width="8.44140625" style="372" customWidth="1"/>
    <col min="4358" max="4358" width="8.33203125" style="372" customWidth="1"/>
    <col min="4359" max="4359" width="7.33203125" style="372" customWidth="1"/>
    <col min="4360" max="4361" width="8.44140625" style="372" customWidth="1"/>
    <col min="4362" max="4362" width="17.109375" style="372" customWidth="1"/>
    <col min="4363" max="4608" width="9" style="372"/>
    <col min="4609" max="4609" width="5.21875" style="372" customWidth="1"/>
    <col min="4610" max="4611" width="9" style="372" customWidth="1"/>
    <col min="4612" max="4613" width="8.44140625" style="372" customWidth="1"/>
    <col min="4614" max="4614" width="8.33203125" style="372" customWidth="1"/>
    <col min="4615" max="4615" width="7.33203125" style="372" customWidth="1"/>
    <col min="4616" max="4617" width="8.44140625" style="372" customWidth="1"/>
    <col min="4618" max="4618" width="17.109375" style="372" customWidth="1"/>
    <col min="4619" max="4864" width="9" style="372"/>
    <col min="4865" max="4865" width="5.21875" style="372" customWidth="1"/>
    <col min="4866" max="4867" width="9" style="372" customWidth="1"/>
    <col min="4868" max="4869" width="8.44140625" style="372" customWidth="1"/>
    <col min="4870" max="4870" width="8.33203125" style="372" customWidth="1"/>
    <col min="4871" max="4871" width="7.33203125" style="372" customWidth="1"/>
    <col min="4872" max="4873" width="8.44140625" style="372" customWidth="1"/>
    <col min="4874" max="4874" width="17.109375" style="372" customWidth="1"/>
    <col min="4875" max="5120" width="9" style="372"/>
    <col min="5121" max="5121" width="5.21875" style="372" customWidth="1"/>
    <col min="5122" max="5123" width="9" style="372" customWidth="1"/>
    <col min="5124" max="5125" width="8.44140625" style="372" customWidth="1"/>
    <col min="5126" max="5126" width="8.33203125" style="372" customWidth="1"/>
    <col min="5127" max="5127" width="7.33203125" style="372" customWidth="1"/>
    <col min="5128" max="5129" width="8.44140625" style="372" customWidth="1"/>
    <col min="5130" max="5130" width="17.109375" style="372" customWidth="1"/>
    <col min="5131" max="5376" width="9" style="372"/>
    <col min="5377" max="5377" width="5.21875" style="372" customWidth="1"/>
    <col min="5378" max="5379" width="9" style="372" customWidth="1"/>
    <col min="5380" max="5381" width="8.44140625" style="372" customWidth="1"/>
    <col min="5382" max="5382" width="8.33203125" style="372" customWidth="1"/>
    <col min="5383" max="5383" width="7.33203125" style="372" customWidth="1"/>
    <col min="5384" max="5385" width="8.44140625" style="372" customWidth="1"/>
    <col min="5386" max="5386" width="17.109375" style="372" customWidth="1"/>
    <col min="5387" max="5632" width="9" style="372"/>
    <col min="5633" max="5633" width="5.21875" style="372" customWidth="1"/>
    <col min="5634" max="5635" width="9" style="372" customWidth="1"/>
    <col min="5636" max="5637" width="8.44140625" style="372" customWidth="1"/>
    <col min="5638" max="5638" width="8.33203125" style="372" customWidth="1"/>
    <col min="5639" max="5639" width="7.33203125" style="372" customWidth="1"/>
    <col min="5640" max="5641" width="8.44140625" style="372" customWidth="1"/>
    <col min="5642" max="5642" width="17.109375" style="372" customWidth="1"/>
    <col min="5643" max="5888" width="9" style="372"/>
    <col min="5889" max="5889" width="5.21875" style="372" customWidth="1"/>
    <col min="5890" max="5891" width="9" style="372" customWidth="1"/>
    <col min="5892" max="5893" width="8.44140625" style="372" customWidth="1"/>
    <col min="5894" max="5894" width="8.33203125" style="372" customWidth="1"/>
    <col min="5895" max="5895" width="7.33203125" style="372" customWidth="1"/>
    <col min="5896" max="5897" width="8.44140625" style="372" customWidth="1"/>
    <col min="5898" max="5898" width="17.109375" style="372" customWidth="1"/>
    <col min="5899" max="6144" width="9" style="372"/>
    <col min="6145" max="6145" width="5.21875" style="372" customWidth="1"/>
    <col min="6146" max="6147" width="9" style="372" customWidth="1"/>
    <col min="6148" max="6149" width="8.44140625" style="372" customWidth="1"/>
    <col min="6150" max="6150" width="8.33203125" style="372" customWidth="1"/>
    <col min="6151" max="6151" width="7.33203125" style="372" customWidth="1"/>
    <col min="6152" max="6153" width="8.44140625" style="372" customWidth="1"/>
    <col min="6154" max="6154" width="17.109375" style="372" customWidth="1"/>
    <col min="6155" max="6400" width="9" style="372"/>
    <col min="6401" max="6401" width="5.21875" style="372" customWidth="1"/>
    <col min="6402" max="6403" width="9" style="372" customWidth="1"/>
    <col min="6404" max="6405" width="8.44140625" style="372" customWidth="1"/>
    <col min="6406" max="6406" width="8.33203125" style="372" customWidth="1"/>
    <col min="6407" max="6407" width="7.33203125" style="372" customWidth="1"/>
    <col min="6408" max="6409" width="8.44140625" style="372" customWidth="1"/>
    <col min="6410" max="6410" width="17.109375" style="372" customWidth="1"/>
    <col min="6411" max="6656" width="9" style="372"/>
    <col min="6657" max="6657" width="5.21875" style="372" customWidth="1"/>
    <col min="6658" max="6659" width="9" style="372" customWidth="1"/>
    <col min="6660" max="6661" width="8.44140625" style="372" customWidth="1"/>
    <col min="6662" max="6662" width="8.33203125" style="372" customWidth="1"/>
    <col min="6663" max="6663" width="7.33203125" style="372" customWidth="1"/>
    <col min="6664" max="6665" width="8.44140625" style="372" customWidth="1"/>
    <col min="6666" max="6666" width="17.109375" style="372" customWidth="1"/>
    <col min="6667" max="6912" width="9" style="372"/>
    <col min="6913" max="6913" width="5.21875" style="372" customWidth="1"/>
    <col min="6914" max="6915" width="9" style="372" customWidth="1"/>
    <col min="6916" max="6917" width="8.44140625" style="372" customWidth="1"/>
    <col min="6918" max="6918" width="8.33203125" style="372" customWidth="1"/>
    <col min="6919" max="6919" width="7.33203125" style="372" customWidth="1"/>
    <col min="6920" max="6921" width="8.44140625" style="372" customWidth="1"/>
    <col min="6922" max="6922" width="17.109375" style="372" customWidth="1"/>
    <col min="6923" max="7168" width="9" style="372"/>
    <col min="7169" max="7169" width="5.21875" style="372" customWidth="1"/>
    <col min="7170" max="7171" width="9" style="372" customWidth="1"/>
    <col min="7172" max="7173" width="8.44140625" style="372" customWidth="1"/>
    <col min="7174" max="7174" width="8.33203125" style="372" customWidth="1"/>
    <col min="7175" max="7175" width="7.33203125" style="372" customWidth="1"/>
    <col min="7176" max="7177" width="8.44140625" style="372" customWidth="1"/>
    <col min="7178" max="7178" width="17.109375" style="372" customWidth="1"/>
    <col min="7179" max="7424" width="9" style="372"/>
    <col min="7425" max="7425" width="5.21875" style="372" customWidth="1"/>
    <col min="7426" max="7427" width="9" style="372" customWidth="1"/>
    <col min="7428" max="7429" width="8.44140625" style="372" customWidth="1"/>
    <col min="7430" max="7430" width="8.33203125" style="372" customWidth="1"/>
    <col min="7431" max="7431" width="7.33203125" style="372" customWidth="1"/>
    <col min="7432" max="7433" width="8.44140625" style="372" customWidth="1"/>
    <col min="7434" max="7434" width="17.109375" style="372" customWidth="1"/>
    <col min="7435" max="7680" width="9" style="372"/>
    <col min="7681" max="7681" width="5.21875" style="372" customWidth="1"/>
    <col min="7682" max="7683" width="9" style="372" customWidth="1"/>
    <col min="7684" max="7685" width="8.44140625" style="372" customWidth="1"/>
    <col min="7686" max="7686" width="8.33203125" style="372" customWidth="1"/>
    <col min="7687" max="7687" width="7.33203125" style="372" customWidth="1"/>
    <col min="7688" max="7689" width="8.44140625" style="372" customWidth="1"/>
    <col min="7690" max="7690" width="17.109375" style="372" customWidth="1"/>
    <col min="7691" max="7936" width="9" style="372"/>
    <col min="7937" max="7937" width="5.21875" style="372" customWidth="1"/>
    <col min="7938" max="7939" width="9" style="372" customWidth="1"/>
    <col min="7940" max="7941" width="8.44140625" style="372" customWidth="1"/>
    <col min="7942" max="7942" width="8.33203125" style="372" customWidth="1"/>
    <col min="7943" max="7943" width="7.33203125" style="372" customWidth="1"/>
    <col min="7944" max="7945" width="8.44140625" style="372" customWidth="1"/>
    <col min="7946" max="7946" width="17.109375" style="372" customWidth="1"/>
    <col min="7947" max="8192" width="9" style="372"/>
    <col min="8193" max="8193" width="5.21875" style="372" customWidth="1"/>
    <col min="8194" max="8195" width="9" style="372" customWidth="1"/>
    <col min="8196" max="8197" width="8.44140625" style="372" customWidth="1"/>
    <col min="8198" max="8198" width="8.33203125" style="372" customWidth="1"/>
    <col min="8199" max="8199" width="7.33203125" style="372" customWidth="1"/>
    <col min="8200" max="8201" width="8.44140625" style="372" customWidth="1"/>
    <col min="8202" max="8202" width="17.109375" style="372" customWidth="1"/>
    <col min="8203" max="8448" width="9" style="372"/>
    <col min="8449" max="8449" width="5.21875" style="372" customWidth="1"/>
    <col min="8450" max="8451" width="9" style="372" customWidth="1"/>
    <col min="8452" max="8453" width="8.44140625" style="372" customWidth="1"/>
    <col min="8454" max="8454" width="8.33203125" style="372" customWidth="1"/>
    <col min="8455" max="8455" width="7.33203125" style="372" customWidth="1"/>
    <col min="8456" max="8457" width="8.44140625" style="372" customWidth="1"/>
    <col min="8458" max="8458" width="17.109375" style="372" customWidth="1"/>
    <col min="8459" max="8704" width="9" style="372"/>
    <col min="8705" max="8705" width="5.21875" style="372" customWidth="1"/>
    <col min="8706" max="8707" width="9" style="372" customWidth="1"/>
    <col min="8708" max="8709" width="8.44140625" style="372" customWidth="1"/>
    <col min="8710" max="8710" width="8.33203125" style="372" customWidth="1"/>
    <col min="8711" max="8711" width="7.33203125" style="372" customWidth="1"/>
    <col min="8712" max="8713" width="8.44140625" style="372" customWidth="1"/>
    <col min="8714" max="8714" width="17.109375" style="372" customWidth="1"/>
    <col min="8715" max="8960" width="9" style="372"/>
    <col min="8961" max="8961" width="5.21875" style="372" customWidth="1"/>
    <col min="8962" max="8963" width="9" style="372" customWidth="1"/>
    <col min="8964" max="8965" width="8.44140625" style="372" customWidth="1"/>
    <col min="8966" max="8966" width="8.33203125" style="372" customWidth="1"/>
    <col min="8967" max="8967" width="7.33203125" style="372" customWidth="1"/>
    <col min="8968" max="8969" width="8.44140625" style="372" customWidth="1"/>
    <col min="8970" max="8970" width="17.109375" style="372" customWidth="1"/>
    <col min="8971" max="9216" width="9" style="372"/>
    <col min="9217" max="9217" width="5.21875" style="372" customWidth="1"/>
    <col min="9218" max="9219" width="9" style="372" customWidth="1"/>
    <col min="9220" max="9221" width="8.44140625" style="372" customWidth="1"/>
    <col min="9222" max="9222" width="8.33203125" style="372" customWidth="1"/>
    <col min="9223" max="9223" width="7.33203125" style="372" customWidth="1"/>
    <col min="9224" max="9225" width="8.44140625" style="372" customWidth="1"/>
    <col min="9226" max="9226" width="17.109375" style="372" customWidth="1"/>
    <col min="9227" max="9472" width="9" style="372"/>
    <col min="9473" max="9473" width="5.21875" style="372" customWidth="1"/>
    <col min="9474" max="9475" width="9" style="372" customWidth="1"/>
    <col min="9476" max="9477" width="8.44140625" style="372" customWidth="1"/>
    <col min="9478" max="9478" width="8.33203125" style="372" customWidth="1"/>
    <col min="9479" max="9479" width="7.33203125" style="372" customWidth="1"/>
    <col min="9480" max="9481" width="8.44140625" style="372" customWidth="1"/>
    <col min="9482" max="9482" width="17.109375" style="372" customWidth="1"/>
    <col min="9483" max="9728" width="9" style="372"/>
    <col min="9729" max="9729" width="5.21875" style="372" customWidth="1"/>
    <col min="9730" max="9731" width="9" style="372" customWidth="1"/>
    <col min="9732" max="9733" width="8.44140625" style="372" customWidth="1"/>
    <col min="9734" max="9734" width="8.33203125" style="372" customWidth="1"/>
    <col min="9735" max="9735" width="7.33203125" style="372" customWidth="1"/>
    <col min="9736" max="9737" width="8.44140625" style="372" customWidth="1"/>
    <col min="9738" max="9738" width="17.109375" style="372" customWidth="1"/>
    <col min="9739" max="9984" width="9" style="372"/>
    <col min="9985" max="9985" width="5.21875" style="372" customWidth="1"/>
    <col min="9986" max="9987" width="9" style="372" customWidth="1"/>
    <col min="9988" max="9989" width="8.44140625" style="372" customWidth="1"/>
    <col min="9990" max="9990" width="8.33203125" style="372" customWidth="1"/>
    <col min="9991" max="9991" width="7.33203125" style="372" customWidth="1"/>
    <col min="9992" max="9993" width="8.44140625" style="372" customWidth="1"/>
    <col min="9994" max="9994" width="17.109375" style="372" customWidth="1"/>
    <col min="9995" max="10240" width="9" style="372"/>
    <col min="10241" max="10241" width="5.21875" style="372" customWidth="1"/>
    <col min="10242" max="10243" width="9" style="372" customWidth="1"/>
    <col min="10244" max="10245" width="8.44140625" style="372" customWidth="1"/>
    <col min="10246" max="10246" width="8.33203125" style="372" customWidth="1"/>
    <col min="10247" max="10247" width="7.33203125" style="372" customWidth="1"/>
    <col min="10248" max="10249" width="8.44140625" style="372" customWidth="1"/>
    <col min="10250" max="10250" width="17.109375" style="372" customWidth="1"/>
    <col min="10251" max="10496" width="9" style="372"/>
    <col min="10497" max="10497" width="5.21875" style="372" customWidth="1"/>
    <col min="10498" max="10499" width="9" style="372" customWidth="1"/>
    <col min="10500" max="10501" width="8.44140625" style="372" customWidth="1"/>
    <col min="10502" max="10502" width="8.33203125" style="372" customWidth="1"/>
    <col min="10503" max="10503" width="7.33203125" style="372" customWidth="1"/>
    <col min="10504" max="10505" width="8.44140625" style="372" customWidth="1"/>
    <col min="10506" max="10506" width="17.109375" style="372" customWidth="1"/>
    <col min="10507" max="10752" width="9" style="372"/>
    <col min="10753" max="10753" width="5.21875" style="372" customWidth="1"/>
    <col min="10754" max="10755" width="9" style="372" customWidth="1"/>
    <col min="10756" max="10757" width="8.44140625" style="372" customWidth="1"/>
    <col min="10758" max="10758" width="8.33203125" style="372" customWidth="1"/>
    <col min="10759" max="10759" width="7.33203125" style="372" customWidth="1"/>
    <col min="10760" max="10761" width="8.44140625" style="372" customWidth="1"/>
    <col min="10762" max="10762" width="17.109375" style="372" customWidth="1"/>
    <col min="10763" max="11008" width="9" style="372"/>
    <col min="11009" max="11009" width="5.21875" style="372" customWidth="1"/>
    <col min="11010" max="11011" width="9" style="372" customWidth="1"/>
    <col min="11012" max="11013" width="8.44140625" style="372" customWidth="1"/>
    <col min="11014" max="11014" width="8.33203125" style="372" customWidth="1"/>
    <col min="11015" max="11015" width="7.33203125" style="372" customWidth="1"/>
    <col min="11016" max="11017" width="8.44140625" style="372" customWidth="1"/>
    <col min="11018" max="11018" width="17.109375" style="372" customWidth="1"/>
    <col min="11019" max="11264" width="9" style="372"/>
    <col min="11265" max="11265" width="5.21875" style="372" customWidth="1"/>
    <col min="11266" max="11267" width="9" style="372" customWidth="1"/>
    <col min="11268" max="11269" width="8.44140625" style="372" customWidth="1"/>
    <col min="11270" max="11270" width="8.33203125" style="372" customWidth="1"/>
    <col min="11271" max="11271" width="7.33203125" style="372" customWidth="1"/>
    <col min="11272" max="11273" width="8.44140625" style="372" customWidth="1"/>
    <col min="11274" max="11274" width="17.109375" style="372" customWidth="1"/>
    <col min="11275" max="11520" width="9" style="372"/>
    <col min="11521" max="11521" width="5.21875" style="372" customWidth="1"/>
    <col min="11522" max="11523" width="9" style="372" customWidth="1"/>
    <col min="11524" max="11525" width="8.44140625" style="372" customWidth="1"/>
    <col min="11526" max="11526" width="8.33203125" style="372" customWidth="1"/>
    <col min="11527" max="11527" width="7.33203125" style="372" customWidth="1"/>
    <col min="11528" max="11529" width="8.44140625" style="372" customWidth="1"/>
    <col min="11530" max="11530" width="17.109375" style="372" customWidth="1"/>
    <col min="11531" max="11776" width="9" style="372"/>
    <col min="11777" max="11777" width="5.21875" style="372" customWidth="1"/>
    <col min="11778" max="11779" width="9" style="372" customWidth="1"/>
    <col min="11780" max="11781" width="8.44140625" style="372" customWidth="1"/>
    <col min="11782" max="11782" width="8.33203125" style="372" customWidth="1"/>
    <col min="11783" max="11783" width="7.33203125" style="372" customWidth="1"/>
    <col min="11784" max="11785" width="8.44140625" style="372" customWidth="1"/>
    <col min="11786" max="11786" width="17.109375" style="372" customWidth="1"/>
    <col min="11787" max="12032" width="9" style="372"/>
    <col min="12033" max="12033" width="5.21875" style="372" customWidth="1"/>
    <col min="12034" max="12035" width="9" style="372" customWidth="1"/>
    <col min="12036" max="12037" width="8.44140625" style="372" customWidth="1"/>
    <col min="12038" max="12038" width="8.33203125" style="372" customWidth="1"/>
    <col min="12039" max="12039" width="7.33203125" style="372" customWidth="1"/>
    <col min="12040" max="12041" width="8.44140625" style="372" customWidth="1"/>
    <col min="12042" max="12042" width="17.109375" style="372" customWidth="1"/>
    <col min="12043" max="12288" width="9" style="372"/>
    <col min="12289" max="12289" width="5.21875" style="372" customWidth="1"/>
    <col min="12290" max="12291" width="9" style="372" customWidth="1"/>
    <col min="12292" max="12293" width="8.44140625" style="372" customWidth="1"/>
    <col min="12294" max="12294" width="8.33203125" style="372" customWidth="1"/>
    <col min="12295" max="12295" width="7.33203125" style="372" customWidth="1"/>
    <col min="12296" max="12297" width="8.44140625" style="372" customWidth="1"/>
    <col min="12298" max="12298" width="17.109375" style="372" customWidth="1"/>
    <col min="12299" max="12544" width="9" style="372"/>
    <col min="12545" max="12545" width="5.21875" style="372" customWidth="1"/>
    <col min="12546" max="12547" width="9" style="372" customWidth="1"/>
    <col min="12548" max="12549" width="8.44140625" style="372" customWidth="1"/>
    <col min="12550" max="12550" width="8.33203125" style="372" customWidth="1"/>
    <col min="12551" max="12551" width="7.33203125" style="372" customWidth="1"/>
    <col min="12552" max="12553" width="8.44140625" style="372" customWidth="1"/>
    <col min="12554" max="12554" width="17.109375" style="372" customWidth="1"/>
    <col min="12555" max="12800" width="9" style="372"/>
    <col min="12801" max="12801" width="5.21875" style="372" customWidth="1"/>
    <col min="12802" max="12803" width="9" style="372" customWidth="1"/>
    <col min="12804" max="12805" width="8.44140625" style="372" customWidth="1"/>
    <col min="12806" max="12806" width="8.33203125" style="372" customWidth="1"/>
    <col min="12807" max="12807" width="7.33203125" style="372" customWidth="1"/>
    <col min="12808" max="12809" width="8.44140625" style="372" customWidth="1"/>
    <col min="12810" max="12810" width="17.109375" style="372" customWidth="1"/>
    <col min="12811" max="13056" width="9" style="372"/>
    <col min="13057" max="13057" width="5.21875" style="372" customWidth="1"/>
    <col min="13058" max="13059" width="9" style="372" customWidth="1"/>
    <col min="13060" max="13061" width="8.44140625" style="372" customWidth="1"/>
    <col min="13062" max="13062" width="8.33203125" style="372" customWidth="1"/>
    <col min="13063" max="13063" width="7.33203125" style="372" customWidth="1"/>
    <col min="13064" max="13065" width="8.44140625" style="372" customWidth="1"/>
    <col min="13066" max="13066" width="17.109375" style="372" customWidth="1"/>
    <col min="13067" max="13312" width="9" style="372"/>
    <col min="13313" max="13313" width="5.21875" style="372" customWidth="1"/>
    <col min="13314" max="13315" width="9" style="372" customWidth="1"/>
    <col min="13316" max="13317" width="8.44140625" style="372" customWidth="1"/>
    <col min="13318" max="13318" width="8.33203125" style="372" customWidth="1"/>
    <col min="13319" max="13319" width="7.33203125" style="372" customWidth="1"/>
    <col min="13320" max="13321" width="8.44140625" style="372" customWidth="1"/>
    <col min="13322" max="13322" width="17.109375" style="372" customWidth="1"/>
    <col min="13323" max="13568" width="9" style="372"/>
    <col min="13569" max="13569" width="5.21875" style="372" customWidth="1"/>
    <col min="13570" max="13571" width="9" style="372" customWidth="1"/>
    <col min="13572" max="13573" width="8.44140625" style="372" customWidth="1"/>
    <col min="13574" max="13574" width="8.33203125" style="372" customWidth="1"/>
    <col min="13575" max="13575" width="7.33203125" style="372" customWidth="1"/>
    <col min="13576" max="13577" width="8.44140625" style="372" customWidth="1"/>
    <col min="13578" max="13578" width="17.109375" style="372" customWidth="1"/>
    <col min="13579" max="13824" width="9" style="372"/>
    <col min="13825" max="13825" width="5.21875" style="372" customWidth="1"/>
    <col min="13826" max="13827" width="9" style="372" customWidth="1"/>
    <col min="13828" max="13829" width="8.44140625" style="372" customWidth="1"/>
    <col min="13830" max="13830" width="8.33203125" style="372" customWidth="1"/>
    <col min="13831" max="13831" width="7.33203125" style="372" customWidth="1"/>
    <col min="13832" max="13833" width="8.44140625" style="372" customWidth="1"/>
    <col min="13834" max="13834" width="17.109375" style="372" customWidth="1"/>
    <col min="13835" max="14080" width="9" style="372"/>
    <col min="14081" max="14081" width="5.21875" style="372" customWidth="1"/>
    <col min="14082" max="14083" width="9" style="372" customWidth="1"/>
    <col min="14084" max="14085" width="8.44140625" style="372" customWidth="1"/>
    <col min="14086" max="14086" width="8.33203125" style="372" customWidth="1"/>
    <col min="14087" max="14087" width="7.33203125" style="372" customWidth="1"/>
    <col min="14088" max="14089" width="8.44140625" style="372" customWidth="1"/>
    <col min="14090" max="14090" width="17.109375" style="372" customWidth="1"/>
    <col min="14091" max="14336" width="9" style="372"/>
    <col min="14337" max="14337" width="5.21875" style="372" customWidth="1"/>
    <col min="14338" max="14339" width="9" style="372" customWidth="1"/>
    <col min="14340" max="14341" width="8.44140625" style="372" customWidth="1"/>
    <col min="14342" max="14342" width="8.33203125" style="372" customWidth="1"/>
    <col min="14343" max="14343" width="7.33203125" style="372" customWidth="1"/>
    <col min="14344" max="14345" width="8.44140625" style="372" customWidth="1"/>
    <col min="14346" max="14346" width="17.109375" style="372" customWidth="1"/>
    <col min="14347" max="14592" width="9" style="372"/>
    <col min="14593" max="14593" width="5.21875" style="372" customWidth="1"/>
    <col min="14594" max="14595" width="9" style="372" customWidth="1"/>
    <col min="14596" max="14597" width="8.44140625" style="372" customWidth="1"/>
    <col min="14598" max="14598" width="8.33203125" style="372" customWidth="1"/>
    <col min="14599" max="14599" width="7.33203125" style="372" customWidth="1"/>
    <col min="14600" max="14601" width="8.44140625" style="372" customWidth="1"/>
    <col min="14602" max="14602" width="17.109375" style="372" customWidth="1"/>
    <col min="14603" max="14848" width="9" style="372"/>
    <col min="14849" max="14849" width="5.21875" style="372" customWidth="1"/>
    <col min="14850" max="14851" width="9" style="372" customWidth="1"/>
    <col min="14852" max="14853" width="8.44140625" style="372" customWidth="1"/>
    <col min="14854" max="14854" width="8.33203125" style="372" customWidth="1"/>
    <col min="14855" max="14855" width="7.33203125" style="372" customWidth="1"/>
    <col min="14856" max="14857" width="8.44140625" style="372" customWidth="1"/>
    <col min="14858" max="14858" width="17.109375" style="372" customWidth="1"/>
    <col min="14859" max="15104" width="9" style="372"/>
    <col min="15105" max="15105" width="5.21875" style="372" customWidth="1"/>
    <col min="15106" max="15107" width="9" style="372" customWidth="1"/>
    <col min="15108" max="15109" width="8.44140625" style="372" customWidth="1"/>
    <col min="15110" max="15110" width="8.33203125" style="372" customWidth="1"/>
    <col min="15111" max="15111" width="7.33203125" style="372" customWidth="1"/>
    <col min="15112" max="15113" width="8.44140625" style="372" customWidth="1"/>
    <col min="15114" max="15114" width="17.109375" style="372" customWidth="1"/>
    <col min="15115" max="15360" width="9" style="372"/>
    <col min="15361" max="15361" width="5.21875" style="372" customWidth="1"/>
    <col min="15362" max="15363" width="9" style="372" customWidth="1"/>
    <col min="15364" max="15365" width="8.44140625" style="372" customWidth="1"/>
    <col min="15366" max="15366" width="8.33203125" style="372" customWidth="1"/>
    <col min="15367" max="15367" width="7.33203125" style="372" customWidth="1"/>
    <col min="15368" max="15369" width="8.44140625" style="372" customWidth="1"/>
    <col min="15370" max="15370" width="17.109375" style="372" customWidth="1"/>
    <col min="15371" max="15616" width="9" style="372"/>
    <col min="15617" max="15617" width="5.21875" style="372" customWidth="1"/>
    <col min="15618" max="15619" width="9" style="372" customWidth="1"/>
    <col min="15620" max="15621" width="8.44140625" style="372" customWidth="1"/>
    <col min="15622" max="15622" width="8.33203125" style="372" customWidth="1"/>
    <col min="15623" max="15623" width="7.33203125" style="372" customWidth="1"/>
    <col min="15624" max="15625" width="8.44140625" style="372" customWidth="1"/>
    <col min="15626" max="15626" width="17.109375" style="372" customWidth="1"/>
    <col min="15627" max="15872" width="9" style="372"/>
    <col min="15873" max="15873" width="5.21875" style="372" customWidth="1"/>
    <col min="15874" max="15875" width="9" style="372" customWidth="1"/>
    <col min="15876" max="15877" width="8.44140625" style="372" customWidth="1"/>
    <col min="15878" max="15878" width="8.33203125" style="372" customWidth="1"/>
    <col min="15879" max="15879" width="7.33203125" style="372" customWidth="1"/>
    <col min="15880" max="15881" width="8.44140625" style="372" customWidth="1"/>
    <col min="15882" max="15882" width="17.109375" style="372" customWidth="1"/>
    <col min="15883" max="16128" width="9" style="372"/>
    <col min="16129" max="16129" width="5.21875" style="372" customWidth="1"/>
    <col min="16130" max="16131" width="9" style="372" customWidth="1"/>
    <col min="16132" max="16133" width="8.44140625" style="372" customWidth="1"/>
    <col min="16134" max="16134" width="8.33203125" style="372" customWidth="1"/>
    <col min="16135" max="16135" width="7.33203125" style="372" customWidth="1"/>
    <col min="16136" max="16137" width="8.44140625" style="372" customWidth="1"/>
    <col min="16138" max="16138" width="17.109375" style="372" customWidth="1"/>
    <col min="16139" max="16384" width="9" style="372"/>
  </cols>
  <sheetData>
    <row r="1" spans="1:10" ht="27.75" customHeight="1" thickBot="1" x14ac:dyDescent="0.25">
      <c r="A1" s="2864" t="s">
        <v>513</v>
      </c>
      <c r="B1" s="2865"/>
      <c r="G1" s="2575" t="s">
        <v>737</v>
      </c>
      <c r="H1" s="2575"/>
      <c r="I1" s="2575"/>
      <c r="J1" s="2575"/>
    </row>
    <row r="2" spans="1:10" ht="84.75" customHeight="1" x14ac:dyDescent="0.2">
      <c r="A2" s="2577" t="s">
        <v>512</v>
      </c>
      <c r="B2" s="2578"/>
      <c r="C2" s="2578"/>
      <c r="D2" s="2578"/>
      <c r="E2" s="2578"/>
      <c r="F2" s="2578"/>
      <c r="G2" s="2578"/>
      <c r="H2" s="2578"/>
      <c r="I2" s="2578"/>
      <c r="J2" s="2578"/>
    </row>
    <row r="3" spans="1:10" ht="15.75" customHeight="1" x14ac:dyDescent="0.2">
      <c r="A3" s="2574"/>
      <c r="B3" s="2574"/>
      <c r="C3" s="2574"/>
      <c r="D3" s="2574"/>
      <c r="E3" s="2574"/>
      <c r="F3" s="378"/>
      <c r="H3" s="374"/>
      <c r="I3" s="374"/>
      <c r="J3" s="374"/>
    </row>
    <row r="4" spans="1:10" ht="15.75" customHeight="1" thickBot="1" x14ac:dyDescent="0.25">
      <c r="A4" s="2594"/>
      <c r="B4" s="2594"/>
      <c r="C4" s="2594"/>
      <c r="D4" s="2595"/>
      <c r="E4" s="2574"/>
      <c r="F4" s="407"/>
    </row>
    <row r="5" spans="1:10" ht="17.25" customHeight="1" x14ac:dyDescent="0.2">
      <c r="A5" s="2594"/>
      <c r="B5" s="2594"/>
      <c r="C5" s="2594"/>
      <c r="D5" s="2595"/>
      <c r="E5" s="2595"/>
      <c r="F5" s="407"/>
      <c r="G5" s="2866" t="s">
        <v>511</v>
      </c>
      <c r="H5" s="2867"/>
      <c r="I5" s="2871"/>
      <c r="J5" s="2872"/>
    </row>
    <row r="6" spans="1:10" ht="17.25" customHeight="1" x14ac:dyDescent="0.2">
      <c r="A6" s="2594"/>
      <c r="B6" s="2594"/>
      <c r="C6" s="2594"/>
      <c r="D6" s="2595"/>
      <c r="E6" s="2595"/>
      <c r="F6" s="406"/>
      <c r="G6" s="2868"/>
      <c r="H6" s="2631"/>
      <c r="I6" s="2608"/>
      <c r="J6" s="2873"/>
    </row>
    <row r="7" spans="1:10" ht="17.25" customHeight="1" thickBot="1" x14ac:dyDescent="0.25">
      <c r="A7" s="2594"/>
      <c r="B7" s="2594"/>
      <c r="C7" s="2594"/>
      <c r="D7" s="2595"/>
      <c r="E7" s="2595"/>
      <c r="F7" s="406"/>
      <c r="G7" s="2869"/>
      <c r="H7" s="2870"/>
      <c r="I7" s="2874"/>
      <c r="J7" s="2875"/>
    </row>
    <row r="8" spans="1:10" ht="15.75" customHeight="1" x14ac:dyDescent="0.2"/>
    <row r="9" spans="1:10" ht="15.75" customHeight="1" x14ac:dyDescent="0.2">
      <c r="A9" s="400" t="s">
        <v>510</v>
      </c>
      <c r="B9" s="400"/>
      <c r="C9" s="400"/>
      <c r="D9" s="400"/>
      <c r="E9" s="400"/>
      <c r="F9" s="400"/>
      <c r="G9" s="400"/>
      <c r="H9" s="400"/>
      <c r="I9" s="400"/>
      <c r="J9" s="400"/>
    </row>
    <row r="10" spans="1:10" s="400" customFormat="1" ht="30" customHeight="1" x14ac:dyDescent="0.2">
      <c r="A10" s="402"/>
      <c r="B10" s="2547" t="s">
        <v>54</v>
      </c>
      <c r="C10" s="2547"/>
      <c r="D10" s="2547" t="s">
        <v>735</v>
      </c>
      <c r="E10" s="2547"/>
      <c r="F10" s="2547" t="s">
        <v>186</v>
      </c>
      <c r="G10" s="2600"/>
      <c r="H10" s="2631" t="s">
        <v>778</v>
      </c>
      <c r="I10" s="2547"/>
      <c r="J10" s="452" t="s">
        <v>509</v>
      </c>
    </row>
    <row r="11" spans="1:10" s="400" customFormat="1" ht="17.25" customHeight="1" x14ac:dyDescent="0.2">
      <c r="A11" s="402">
        <v>1</v>
      </c>
      <c r="B11" s="2603"/>
      <c r="C11" s="2603"/>
      <c r="D11" s="2604"/>
      <c r="E11" s="2605"/>
      <c r="F11" s="2603"/>
      <c r="G11" s="2596"/>
      <c r="H11" s="2618"/>
      <c r="I11" s="2618"/>
      <c r="J11" s="403"/>
    </row>
    <row r="12" spans="1:10" s="400" customFormat="1" ht="17.25" customHeight="1" x14ac:dyDescent="0.2">
      <c r="A12" s="402">
        <v>2</v>
      </c>
      <c r="B12" s="2603"/>
      <c r="C12" s="2603"/>
      <c r="D12" s="2604"/>
      <c r="E12" s="2605"/>
      <c r="F12" s="2603"/>
      <c r="G12" s="2596"/>
      <c r="H12" s="2618"/>
      <c r="I12" s="2618"/>
      <c r="J12" s="403"/>
    </row>
    <row r="13" spans="1:10" s="400" customFormat="1" ht="17.25" customHeight="1" x14ac:dyDescent="0.2">
      <c r="A13" s="402">
        <v>3</v>
      </c>
      <c r="B13" s="2596"/>
      <c r="C13" s="2609"/>
      <c r="D13" s="2610"/>
      <c r="E13" s="2611"/>
      <c r="F13" s="2596"/>
      <c r="G13" s="2597"/>
      <c r="H13" s="2618"/>
      <c r="I13" s="2618"/>
      <c r="J13" s="403"/>
    </row>
    <row r="14" spans="1:10" s="400" customFormat="1" ht="17.25" customHeight="1" x14ac:dyDescent="0.2">
      <c r="A14" s="402">
        <v>4</v>
      </c>
      <c r="B14" s="2596"/>
      <c r="C14" s="2609"/>
      <c r="D14" s="2610"/>
      <c r="E14" s="2611"/>
      <c r="F14" s="2596"/>
      <c r="G14" s="2597"/>
      <c r="H14" s="2618"/>
      <c r="I14" s="2618"/>
      <c r="J14" s="403"/>
    </row>
    <row r="15" spans="1:10" s="400" customFormat="1" ht="17.25" customHeight="1" x14ac:dyDescent="0.2">
      <c r="A15" s="402">
        <v>5</v>
      </c>
      <c r="B15" s="2596"/>
      <c r="C15" s="2609"/>
      <c r="D15" s="2610"/>
      <c r="E15" s="2611"/>
      <c r="F15" s="2596"/>
      <c r="G15" s="2597"/>
      <c r="H15" s="2618"/>
      <c r="I15" s="2618"/>
      <c r="J15" s="403"/>
    </row>
    <row r="16" spans="1:10" s="400" customFormat="1" ht="17.25" customHeight="1" x14ac:dyDescent="0.2">
      <c r="A16" s="402">
        <v>6</v>
      </c>
      <c r="B16" s="2596"/>
      <c r="C16" s="2609"/>
      <c r="D16" s="2610"/>
      <c r="E16" s="2611"/>
      <c r="F16" s="2596"/>
      <c r="G16" s="2597"/>
      <c r="H16" s="2618"/>
      <c r="I16" s="2618"/>
      <c r="J16" s="401"/>
    </row>
    <row r="17" spans="1:10" s="400" customFormat="1" ht="17.25" customHeight="1" x14ac:dyDescent="0.2">
      <c r="A17" s="402">
        <v>7</v>
      </c>
      <c r="B17" s="2603"/>
      <c r="C17" s="2603"/>
      <c r="D17" s="2603"/>
      <c r="E17" s="2603"/>
      <c r="F17" s="2603"/>
      <c r="G17" s="2596"/>
      <c r="H17" s="2603"/>
      <c r="I17" s="2603"/>
      <c r="J17" s="404"/>
    </row>
    <row r="18" spans="1:10" s="400" customFormat="1" ht="17.25" customHeight="1" x14ac:dyDescent="0.2">
      <c r="A18" s="402">
        <v>8</v>
      </c>
      <c r="B18" s="2603"/>
      <c r="C18" s="2603"/>
      <c r="D18" s="2603"/>
      <c r="E18" s="2603"/>
      <c r="F18" s="2603"/>
      <c r="G18" s="2596"/>
      <c r="H18" s="2603"/>
      <c r="I18" s="2603"/>
      <c r="J18" s="401"/>
    </row>
    <row r="19" spans="1:10" s="400" customFormat="1" ht="17.25" customHeight="1" x14ac:dyDescent="0.2">
      <c r="A19" s="402">
        <v>9</v>
      </c>
      <c r="B19" s="2603"/>
      <c r="C19" s="2603"/>
      <c r="D19" s="2603"/>
      <c r="E19" s="2603"/>
      <c r="F19" s="2603"/>
      <c r="G19" s="2596"/>
      <c r="H19" s="2603"/>
      <c r="I19" s="2603"/>
      <c r="J19" s="401"/>
    </row>
    <row r="20" spans="1:10" s="400" customFormat="1" ht="17.25" customHeight="1" x14ac:dyDescent="0.2">
      <c r="A20" s="402">
        <v>10</v>
      </c>
      <c r="B20" s="2603"/>
      <c r="C20" s="2603"/>
      <c r="D20" s="2603"/>
      <c r="E20" s="2603"/>
      <c r="F20" s="2603"/>
      <c r="G20" s="2596"/>
      <c r="H20" s="2603"/>
      <c r="I20" s="2603"/>
      <c r="J20" s="401"/>
    </row>
    <row r="21" spans="1:10" s="400" customFormat="1" ht="17.25" customHeight="1" x14ac:dyDescent="0.2">
      <c r="A21" s="402">
        <v>11</v>
      </c>
      <c r="B21" s="2596"/>
      <c r="C21" s="2609"/>
      <c r="D21" s="2610"/>
      <c r="E21" s="2611"/>
      <c r="F21" s="2603"/>
      <c r="G21" s="2596"/>
      <c r="H21" s="2618"/>
      <c r="I21" s="2618"/>
      <c r="J21" s="403"/>
    </row>
    <row r="22" spans="1:10" s="400" customFormat="1" ht="17.25" customHeight="1" x14ac:dyDescent="0.2">
      <c r="A22" s="402">
        <v>12</v>
      </c>
      <c r="B22" s="2603"/>
      <c r="C22" s="2603"/>
      <c r="D22" s="2604"/>
      <c r="E22" s="2605"/>
      <c r="F22" s="2603"/>
      <c r="G22" s="2596"/>
      <c r="H22" s="2618"/>
      <c r="I22" s="2618"/>
      <c r="J22" s="403"/>
    </row>
    <row r="23" spans="1:10" s="400" customFormat="1" ht="17.25" customHeight="1" x14ac:dyDescent="0.2">
      <c r="A23" s="402">
        <v>13</v>
      </c>
      <c r="B23" s="2596"/>
      <c r="C23" s="2609"/>
      <c r="D23" s="2610"/>
      <c r="E23" s="2611"/>
      <c r="F23" s="2596"/>
      <c r="G23" s="2597"/>
      <c r="H23" s="2618"/>
      <c r="I23" s="2618"/>
      <c r="J23" s="403"/>
    </row>
    <row r="24" spans="1:10" s="400" customFormat="1" ht="17.25" customHeight="1" x14ac:dyDescent="0.2">
      <c r="A24" s="402">
        <v>14</v>
      </c>
      <c r="B24" s="2603"/>
      <c r="C24" s="2603"/>
      <c r="D24" s="2604"/>
      <c r="E24" s="2605"/>
      <c r="F24" s="2603"/>
      <c r="G24" s="2596"/>
      <c r="H24" s="2618"/>
      <c r="I24" s="2618"/>
      <c r="J24" s="403"/>
    </row>
    <row r="25" spans="1:10" s="400" customFormat="1" ht="17.25" customHeight="1" x14ac:dyDescent="0.2">
      <c r="A25" s="402">
        <v>15</v>
      </c>
      <c r="B25" s="2603"/>
      <c r="C25" s="2603"/>
      <c r="D25" s="2610"/>
      <c r="E25" s="2617"/>
      <c r="F25" s="2603"/>
      <c r="G25" s="2596"/>
      <c r="H25" s="2618"/>
      <c r="I25" s="2618"/>
      <c r="J25" s="401"/>
    </row>
    <row r="26" spans="1:10" s="400" customFormat="1" ht="17.25" customHeight="1" x14ac:dyDescent="0.2">
      <c r="A26" s="402">
        <v>16</v>
      </c>
      <c r="B26" s="2603"/>
      <c r="C26" s="2603"/>
      <c r="D26" s="2618"/>
      <c r="E26" s="2603"/>
      <c r="F26" s="2603"/>
      <c r="G26" s="2596"/>
      <c r="H26" s="2618"/>
      <c r="I26" s="2618"/>
      <c r="J26" s="401"/>
    </row>
    <row r="27" spans="1:10" s="400" customFormat="1" ht="17.25" customHeight="1" x14ac:dyDescent="0.2">
      <c r="A27" s="402">
        <v>17</v>
      </c>
      <c r="B27" s="2603"/>
      <c r="C27" s="2603"/>
      <c r="D27" s="2603"/>
      <c r="E27" s="2603"/>
      <c r="F27" s="2603"/>
      <c r="G27" s="2596"/>
      <c r="H27" s="2618"/>
      <c r="I27" s="2618"/>
      <c r="J27" s="401"/>
    </row>
    <row r="28" spans="1:10" s="400" customFormat="1" ht="17.25" customHeight="1" x14ac:dyDescent="0.2">
      <c r="A28" s="402">
        <v>18</v>
      </c>
      <c r="B28" s="2603"/>
      <c r="C28" s="2603"/>
      <c r="D28" s="2603"/>
      <c r="E28" s="2603"/>
      <c r="F28" s="2603"/>
      <c r="G28" s="2596"/>
      <c r="H28" s="2618"/>
      <c r="I28" s="2618"/>
      <c r="J28" s="401"/>
    </row>
    <row r="29" spans="1:10" s="400" customFormat="1" ht="17.25" customHeight="1" x14ac:dyDescent="0.2">
      <c r="A29" s="402">
        <v>19</v>
      </c>
      <c r="B29" s="2603"/>
      <c r="C29" s="2603"/>
      <c r="D29" s="2603"/>
      <c r="E29" s="2603"/>
      <c r="F29" s="2603"/>
      <c r="G29" s="2596"/>
      <c r="H29" s="2618"/>
      <c r="I29" s="2618"/>
      <c r="J29" s="401"/>
    </row>
    <row r="30" spans="1:10" s="400" customFormat="1" ht="17.25" customHeight="1" x14ac:dyDescent="0.2">
      <c r="A30" s="402">
        <v>20</v>
      </c>
      <c r="B30" s="2603"/>
      <c r="C30" s="2603"/>
      <c r="D30" s="2603"/>
      <c r="E30" s="2603"/>
      <c r="F30" s="2603"/>
      <c r="G30" s="2596"/>
      <c r="H30" s="2618"/>
      <c r="I30" s="2618"/>
      <c r="J30" s="401"/>
    </row>
    <row r="31" spans="1:10" s="400" customFormat="1" ht="17.25" customHeight="1" x14ac:dyDescent="0.2">
      <c r="A31" s="402">
        <v>21</v>
      </c>
      <c r="B31" s="2603"/>
      <c r="C31" s="2603"/>
      <c r="D31" s="2619"/>
      <c r="E31" s="2620"/>
      <c r="F31" s="2603"/>
      <c r="G31" s="2596"/>
      <c r="H31" s="2618"/>
      <c r="I31" s="2618"/>
      <c r="J31" s="403"/>
    </row>
    <row r="32" spans="1:10" s="400" customFormat="1" ht="17.25" customHeight="1" x14ac:dyDescent="0.2">
      <c r="A32" s="402">
        <v>22</v>
      </c>
      <c r="B32" s="2603"/>
      <c r="C32" s="2603"/>
      <c r="D32" s="2619"/>
      <c r="E32" s="2620"/>
      <c r="F32" s="2603"/>
      <c r="G32" s="2596"/>
      <c r="H32" s="2618"/>
      <c r="I32" s="2618"/>
      <c r="J32" s="403"/>
    </row>
    <row r="33" spans="1:10" s="400" customFormat="1" ht="17.25" customHeight="1" x14ac:dyDescent="0.2">
      <c r="A33" s="402">
        <v>23</v>
      </c>
      <c r="B33" s="2603"/>
      <c r="C33" s="2603"/>
      <c r="D33" s="2619"/>
      <c r="E33" s="2620"/>
      <c r="F33" s="2603"/>
      <c r="G33" s="2596"/>
      <c r="H33" s="2618"/>
      <c r="I33" s="2618"/>
      <c r="J33" s="403"/>
    </row>
    <row r="34" spans="1:10" s="400" customFormat="1" ht="17.25" customHeight="1" x14ac:dyDescent="0.2">
      <c r="A34" s="402">
        <v>24</v>
      </c>
      <c r="B34" s="2603"/>
      <c r="C34" s="2603"/>
      <c r="D34" s="2619"/>
      <c r="E34" s="2620"/>
      <c r="F34" s="2603"/>
      <c r="G34" s="2596"/>
      <c r="H34" s="2618"/>
      <c r="I34" s="2618"/>
      <c r="J34" s="401"/>
    </row>
    <row r="35" spans="1:10" s="400" customFormat="1" ht="17.25" customHeight="1" x14ac:dyDescent="0.2">
      <c r="A35" s="402">
        <v>25</v>
      </c>
      <c r="B35" s="2603"/>
      <c r="C35" s="2603"/>
      <c r="D35" s="2619"/>
      <c r="E35" s="2620"/>
      <c r="F35" s="2603"/>
      <c r="G35" s="2596"/>
      <c r="H35" s="2618"/>
      <c r="I35" s="2618"/>
      <c r="J35" s="401"/>
    </row>
    <row r="36" spans="1:10" s="400" customFormat="1" ht="17.25" customHeight="1" x14ac:dyDescent="0.2">
      <c r="A36" s="402">
        <v>26</v>
      </c>
      <c r="B36" s="2603"/>
      <c r="C36" s="2603"/>
      <c r="D36" s="2603"/>
      <c r="E36" s="2603"/>
      <c r="F36" s="2603"/>
      <c r="G36" s="2596"/>
      <c r="H36" s="2618"/>
      <c r="I36" s="2618"/>
      <c r="J36" s="401"/>
    </row>
    <row r="37" spans="1:10" s="400" customFormat="1" ht="17.25" customHeight="1" x14ac:dyDescent="0.2">
      <c r="A37" s="402">
        <v>27</v>
      </c>
      <c r="B37" s="2603"/>
      <c r="C37" s="2603"/>
      <c r="D37" s="2603"/>
      <c r="E37" s="2603"/>
      <c r="F37" s="2603"/>
      <c r="G37" s="2596"/>
      <c r="H37" s="2618"/>
      <c r="I37" s="2618"/>
      <c r="J37" s="401"/>
    </row>
    <row r="38" spans="1:10" s="400" customFormat="1" ht="17.25" customHeight="1" x14ac:dyDescent="0.2">
      <c r="A38" s="402">
        <v>28</v>
      </c>
      <c r="B38" s="2603"/>
      <c r="C38" s="2603"/>
      <c r="D38" s="2603"/>
      <c r="E38" s="2603"/>
      <c r="F38" s="2603"/>
      <c r="G38" s="2596"/>
      <c r="H38" s="2618"/>
      <c r="I38" s="2618"/>
      <c r="J38" s="401"/>
    </row>
    <row r="39" spans="1:10" s="400" customFormat="1" ht="17.25" customHeight="1" x14ac:dyDescent="0.2">
      <c r="A39" s="402">
        <v>29</v>
      </c>
      <c r="B39" s="2603"/>
      <c r="C39" s="2603"/>
      <c r="D39" s="2603"/>
      <c r="E39" s="2603"/>
      <c r="F39" s="2603"/>
      <c r="G39" s="2596"/>
      <c r="H39" s="2618"/>
      <c r="I39" s="2618"/>
      <c r="J39" s="401"/>
    </row>
    <row r="40" spans="1:10" s="400" customFormat="1" ht="17.25" customHeight="1" x14ac:dyDescent="0.2">
      <c r="A40" s="402">
        <v>30</v>
      </c>
      <c r="B40" s="2603"/>
      <c r="C40" s="2603"/>
      <c r="D40" s="2603"/>
      <c r="E40" s="2603"/>
      <c r="F40" s="2603"/>
      <c r="G40" s="2596"/>
      <c r="H40" s="2618"/>
      <c r="I40" s="2618"/>
      <c r="J40" s="401"/>
    </row>
    <row r="41" spans="1:10" ht="20.25" customHeight="1" x14ac:dyDescent="0.2">
      <c r="A41" s="2625" t="s">
        <v>508</v>
      </c>
      <c r="B41" s="2626"/>
      <c r="C41" s="2626"/>
      <c r="D41" s="2626"/>
      <c r="E41" s="2626"/>
      <c r="F41" s="2626"/>
      <c r="G41" s="2626"/>
      <c r="H41" s="2626"/>
      <c r="I41" s="2626"/>
      <c r="J41" s="2626"/>
    </row>
    <row r="42" spans="1:10" ht="20.25" customHeight="1" x14ac:dyDescent="0.2">
      <c r="A42" s="2626"/>
      <c r="B42" s="2626"/>
      <c r="C42" s="2626"/>
      <c r="D42" s="2626"/>
      <c r="E42" s="2626"/>
      <c r="F42" s="2626"/>
      <c r="G42" s="2626"/>
      <c r="H42" s="2626"/>
      <c r="I42" s="2626"/>
      <c r="J42" s="2626"/>
    </row>
  </sheetData>
  <customSheetViews>
    <customSheetView guid="{FA98832E-F01A-4598-9960-E27C2FDAB118}" showPageBreaks="1" showGridLines="0" view="pageBreakPreview">
      <selection activeCell="J20" sqref="J20"/>
      <pageMargins left="0.7" right="0.7" top="0.75" bottom="0.75" header="0.3" footer="0.3"/>
      <pageSetup paperSize="9" scale="98" orientation="portrait" r:id="rId1"/>
    </customSheetView>
    <customSheetView guid="{8494577A-77FB-45FD-BD2B-C737BCFAD5B3}" showPageBreaks="1" showGridLines="0" view="pageBreakPreview">
      <selection activeCell="J20" sqref="J20"/>
      <pageMargins left="0.7" right="0.7" top="0.75" bottom="0.75" header="0.3" footer="0.3"/>
      <pageSetup paperSize="9" scale="98" orientation="portrait" r:id="rId2"/>
    </customSheetView>
  </customSheetViews>
  <mergeCells count="140">
    <mergeCell ref="B40:C40"/>
    <mergeCell ref="D40:E40"/>
    <mergeCell ref="F40:G40"/>
    <mergeCell ref="H40:I40"/>
    <mergeCell ref="A41:J42"/>
    <mergeCell ref="B38:C38"/>
    <mergeCell ref="D38:E38"/>
    <mergeCell ref="F38:G38"/>
    <mergeCell ref="H38:I38"/>
    <mergeCell ref="B39:C39"/>
    <mergeCell ref="D39:E39"/>
    <mergeCell ref="F39:G39"/>
    <mergeCell ref="H39:I39"/>
    <mergeCell ref="B36:C36"/>
    <mergeCell ref="D36:E36"/>
    <mergeCell ref="F36:G36"/>
    <mergeCell ref="H36:I36"/>
    <mergeCell ref="B37:C37"/>
    <mergeCell ref="D37:E37"/>
    <mergeCell ref="F37:G37"/>
    <mergeCell ref="H37:I37"/>
    <mergeCell ref="B34:C34"/>
    <mergeCell ref="D34:E34"/>
    <mergeCell ref="F34:G34"/>
    <mergeCell ref="H34:I34"/>
    <mergeCell ref="B35:C35"/>
    <mergeCell ref="D35:E35"/>
    <mergeCell ref="F35:G35"/>
    <mergeCell ref="H35:I35"/>
    <mergeCell ref="B31:C31"/>
    <mergeCell ref="D31:E31"/>
    <mergeCell ref="F31:G31"/>
    <mergeCell ref="H31:I31"/>
    <mergeCell ref="B32:C32"/>
    <mergeCell ref="D32:E32"/>
    <mergeCell ref="F32:G32"/>
    <mergeCell ref="H32:I32"/>
    <mergeCell ref="B33:C33"/>
    <mergeCell ref="D33:E33"/>
    <mergeCell ref="F33:G33"/>
    <mergeCell ref="H33:I33"/>
    <mergeCell ref="B28:C28"/>
    <mergeCell ref="D28:E28"/>
    <mergeCell ref="F28:G28"/>
    <mergeCell ref="H28:I28"/>
    <mergeCell ref="B29:C29"/>
    <mergeCell ref="D29:E29"/>
    <mergeCell ref="F29:G29"/>
    <mergeCell ref="H29:I29"/>
    <mergeCell ref="B30:C30"/>
    <mergeCell ref="D30:E30"/>
    <mergeCell ref="F30:G30"/>
    <mergeCell ref="H30:I30"/>
    <mergeCell ref="B25:C25"/>
    <mergeCell ref="D25:E25"/>
    <mergeCell ref="F25:G25"/>
    <mergeCell ref="H25:I25"/>
    <mergeCell ref="B26:C26"/>
    <mergeCell ref="D26:E26"/>
    <mergeCell ref="F26:G26"/>
    <mergeCell ref="H26:I26"/>
    <mergeCell ref="B27:C27"/>
    <mergeCell ref="D27:E27"/>
    <mergeCell ref="F27:G27"/>
    <mergeCell ref="H27:I27"/>
    <mergeCell ref="B22:C22"/>
    <mergeCell ref="D22:E22"/>
    <mergeCell ref="F22:G22"/>
    <mergeCell ref="H22:I22"/>
    <mergeCell ref="B23:C23"/>
    <mergeCell ref="D23:E23"/>
    <mergeCell ref="F23:G23"/>
    <mergeCell ref="H23:I23"/>
    <mergeCell ref="B24:C24"/>
    <mergeCell ref="D24:E24"/>
    <mergeCell ref="F24:G24"/>
    <mergeCell ref="H24:I24"/>
    <mergeCell ref="B19:C19"/>
    <mergeCell ref="D19:E19"/>
    <mergeCell ref="F19:G19"/>
    <mergeCell ref="H19:I19"/>
    <mergeCell ref="B20:C20"/>
    <mergeCell ref="D20:E20"/>
    <mergeCell ref="F20:G20"/>
    <mergeCell ref="H20:I20"/>
    <mergeCell ref="B21:C21"/>
    <mergeCell ref="D21:E21"/>
    <mergeCell ref="F21:G21"/>
    <mergeCell ref="H21:I21"/>
    <mergeCell ref="B16:C16"/>
    <mergeCell ref="D16:E16"/>
    <mergeCell ref="F16:G16"/>
    <mergeCell ref="H16:I16"/>
    <mergeCell ref="B17:C17"/>
    <mergeCell ref="D17:E17"/>
    <mergeCell ref="F17:G17"/>
    <mergeCell ref="H17:I17"/>
    <mergeCell ref="B18:C18"/>
    <mergeCell ref="D18:E18"/>
    <mergeCell ref="F18:G18"/>
    <mergeCell ref="H18:I18"/>
    <mergeCell ref="B13:C13"/>
    <mergeCell ref="D13:E13"/>
    <mergeCell ref="F13:G13"/>
    <mergeCell ref="H13:I13"/>
    <mergeCell ref="B14:C14"/>
    <mergeCell ref="D14:E14"/>
    <mergeCell ref="F14:G14"/>
    <mergeCell ref="H14:I14"/>
    <mergeCell ref="B15:C15"/>
    <mergeCell ref="D15:E15"/>
    <mergeCell ref="F15:G15"/>
    <mergeCell ref="H15:I15"/>
    <mergeCell ref="B10:C10"/>
    <mergeCell ref="D10:E10"/>
    <mergeCell ref="F10:G10"/>
    <mergeCell ref="H10:I10"/>
    <mergeCell ref="B11:C11"/>
    <mergeCell ref="D11:E11"/>
    <mergeCell ref="F11:G11"/>
    <mergeCell ref="H11:I11"/>
    <mergeCell ref="B12:C12"/>
    <mergeCell ref="D12:E12"/>
    <mergeCell ref="F12:G12"/>
    <mergeCell ref="H12:I12"/>
    <mergeCell ref="A1:B1"/>
    <mergeCell ref="G1:J1"/>
    <mergeCell ref="A2:J2"/>
    <mergeCell ref="A3:C3"/>
    <mergeCell ref="D3:E3"/>
    <mergeCell ref="A4:C4"/>
    <mergeCell ref="D4:E4"/>
    <mergeCell ref="A5:C5"/>
    <mergeCell ref="D5:E5"/>
    <mergeCell ref="G5:H7"/>
    <mergeCell ref="I5:J7"/>
    <mergeCell ref="A6:C6"/>
    <mergeCell ref="D6:E6"/>
    <mergeCell ref="A7:C7"/>
    <mergeCell ref="D7:E7"/>
  </mergeCells>
  <phoneticPr fontId="6"/>
  <pageMargins left="0.7" right="0.7" top="0.75" bottom="0.75" header="0.3" footer="0.3"/>
  <pageSetup paperSize="9" scale="98" orientation="portrait" r:id="rId3"/>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2"/>
  <sheetViews>
    <sheetView showGridLines="0" view="pageBreakPreview" zoomScale="110" zoomScaleNormal="100" zoomScaleSheetLayoutView="110" workbookViewId="0">
      <selection activeCell="J20" sqref="J20"/>
    </sheetView>
  </sheetViews>
  <sheetFormatPr defaultRowHeight="13.2" x14ac:dyDescent="0.2"/>
  <cols>
    <col min="1" max="1" width="5.21875" style="372" customWidth="1"/>
    <col min="2" max="9" width="10.44140625" style="372" customWidth="1"/>
    <col min="10" max="256" width="9" style="372"/>
    <col min="257" max="257" width="5.21875" style="372" customWidth="1"/>
    <col min="258" max="265" width="10.44140625" style="372" customWidth="1"/>
    <col min="266" max="512" width="9" style="372"/>
    <col min="513" max="513" width="5.21875" style="372" customWidth="1"/>
    <col min="514" max="521" width="10.44140625" style="372" customWidth="1"/>
    <col min="522" max="768" width="9" style="372"/>
    <col min="769" max="769" width="5.21875" style="372" customWidth="1"/>
    <col min="770" max="777" width="10.44140625" style="372" customWidth="1"/>
    <col min="778" max="1024" width="9" style="372"/>
    <col min="1025" max="1025" width="5.21875" style="372" customWidth="1"/>
    <col min="1026" max="1033" width="10.44140625" style="372" customWidth="1"/>
    <col min="1034" max="1280" width="9" style="372"/>
    <col min="1281" max="1281" width="5.21875" style="372" customWidth="1"/>
    <col min="1282" max="1289" width="10.44140625" style="372" customWidth="1"/>
    <col min="1290" max="1536" width="9" style="372"/>
    <col min="1537" max="1537" width="5.21875" style="372" customWidth="1"/>
    <col min="1538" max="1545" width="10.44140625" style="372" customWidth="1"/>
    <col min="1546" max="1792" width="9" style="372"/>
    <col min="1793" max="1793" width="5.21875" style="372" customWidth="1"/>
    <col min="1794" max="1801" width="10.44140625" style="372" customWidth="1"/>
    <col min="1802" max="2048" width="9" style="372"/>
    <col min="2049" max="2049" width="5.21875" style="372" customWidth="1"/>
    <col min="2050" max="2057" width="10.44140625" style="372" customWidth="1"/>
    <col min="2058" max="2304" width="9" style="372"/>
    <col min="2305" max="2305" width="5.21875" style="372" customWidth="1"/>
    <col min="2306" max="2313" width="10.44140625" style="372" customWidth="1"/>
    <col min="2314" max="2560" width="9" style="372"/>
    <col min="2561" max="2561" width="5.21875" style="372" customWidth="1"/>
    <col min="2562" max="2569" width="10.44140625" style="372" customWidth="1"/>
    <col min="2570" max="2816" width="9" style="372"/>
    <col min="2817" max="2817" width="5.21875" style="372" customWidth="1"/>
    <col min="2818" max="2825" width="10.44140625" style="372" customWidth="1"/>
    <col min="2826" max="3072" width="9" style="372"/>
    <col min="3073" max="3073" width="5.21875" style="372" customWidth="1"/>
    <col min="3074" max="3081" width="10.44140625" style="372" customWidth="1"/>
    <col min="3082" max="3328" width="9" style="372"/>
    <col min="3329" max="3329" width="5.21875" style="372" customWidth="1"/>
    <col min="3330" max="3337" width="10.44140625" style="372" customWidth="1"/>
    <col min="3338" max="3584" width="9" style="372"/>
    <col min="3585" max="3585" width="5.21875" style="372" customWidth="1"/>
    <col min="3586" max="3593" width="10.44140625" style="372" customWidth="1"/>
    <col min="3594" max="3840" width="9" style="372"/>
    <col min="3841" max="3841" width="5.21875" style="372" customWidth="1"/>
    <col min="3842" max="3849" width="10.44140625" style="372" customWidth="1"/>
    <col min="3850" max="4096" width="9" style="372"/>
    <col min="4097" max="4097" width="5.21875" style="372" customWidth="1"/>
    <col min="4098" max="4105" width="10.44140625" style="372" customWidth="1"/>
    <col min="4106" max="4352" width="9" style="372"/>
    <col min="4353" max="4353" width="5.21875" style="372" customWidth="1"/>
    <col min="4354" max="4361" width="10.44140625" style="372" customWidth="1"/>
    <col min="4362" max="4608" width="9" style="372"/>
    <col min="4609" max="4609" width="5.21875" style="372" customWidth="1"/>
    <col min="4610" max="4617" width="10.44140625" style="372" customWidth="1"/>
    <col min="4618" max="4864" width="9" style="372"/>
    <col min="4865" max="4865" width="5.21875" style="372" customWidth="1"/>
    <col min="4866" max="4873" width="10.44140625" style="372" customWidth="1"/>
    <col min="4874" max="5120" width="9" style="372"/>
    <col min="5121" max="5121" width="5.21875" style="372" customWidth="1"/>
    <col min="5122" max="5129" width="10.44140625" style="372" customWidth="1"/>
    <col min="5130" max="5376" width="9" style="372"/>
    <col min="5377" max="5377" width="5.21875" style="372" customWidth="1"/>
    <col min="5378" max="5385" width="10.44140625" style="372" customWidth="1"/>
    <col min="5386" max="5632" width="9" style="372"/>
    <col min="5633" max="5633" width="5.21875" style="372" customWidth="1"/>
    <col min="5634" max="5641" width="10.44140625" style="372" customWidth="1"/>
    <col min="5642" max="5888" width="9" style="372"/>
    <col min="5889" max="5889" width="5.21875" style="372" customWidth="1"/>
    <col min="5890" max="5897" width="10.44140625" style="372" customWidth="1"/>
    <col min="5898" max="6144" width="9" style="372"/>
    <col min="6145" max="6145" width="5.21875" style="372" customWidth="1"/>
    <col min="6146" max="6153" width="10.44140625" style="372" customWidth="1"/>
    <col min="6154" max="6400" width="9" style="372"/>
    <col min="6401" max="6401" width="5.21875" style="372" customWidth="1"/>
    <col min="6402" max="6409" width="10.44140625" style="372" customWidth="1"/>
    <col min="6410" max="6656" width="9" style="372"/>
    <col min="6657" max="6657" width="5.21875" style="372" customWidth="1"/>
    <col min="6658" max="6665" width="10.44140625" style="372" customWidth="1"/>
    <col min="6666" max="6912" width="9" style="372"/>
    <col min="6913" max="6913" width="5.21875" style="372" customWidth="1"/>
    <col min="6914" max="6921" width="10.44140625" style="372" customWidth="1"/>
    <col min="6922" max="7168" width="9" style="372"/>
    <col min="7169" max="7169" width="5.21875" style="372" customWidth="1"/>
    <col min="7170" max="7177" width="10.44140625" style="372" customWidth="1"/>
    <col min="7178" max="7424" width="9" style="372"/>
    <col min="7425" max="7425" width="5.21875" style="372" customWidth="1"/>
    <col min="7426" max="7433" width="10.44140625" style="372" customWidth="1"/>
    <col min="7434" max="7680" width="9" style="372"/>
    <col min="7681" max="7681" width="5.21875" style="372" customWidth="1"/>
    <col min="7682" max="7689" width="10.44140625" style="372" customWidth="1"/>
    <col min="7690" max="7936" width="9" style="372"/>
    <col min="7937" max="7937" width="5.21875" style="372" customWidth="1"/>
    <col min="7938" max="7945" width="10.44140625" style="372" customWidth="1"/>
    <col min="7946" max="8192" width="9" style="372"/>
    <col min="8193" max="8193" width="5.21875" style="372" customWidth="1"/>
    <col min="8194" max="8201" width="10.44140625" style="372" customWidth="1"/>
    <col min="8202" max="8448" width="9" style="372"/>
    <col min="8449" max="8449" width="5.21875" style="372" customWidth="1"/>
    <col min="8450" max="8457" width="10.44140625" style="372" customWidth="1"/>
    <col min="8458" max="8704" width="9" style="372"/>
    <col min="8705" max="8705" width="5.21875" style="372" customWidth="1"/>
    <col min="8706" max="8713" width="10.44140625" style="372" customWidth="1"/>
    <col min="8714" max="8960" width="9" style="372"/>
    <col min="8961" max="8961" width="5.21875" style="372" customWidth="1"/>
    <col min="8962" max="8969" width="10.44140625" style="372" customWidth="1"/>
    <col min="8970" max="9216" width="9" style="372"/>
    <col min="9217" max="9217" width="5.21875" style="372" customWidth="1"/>
    <col min="9218" max="9225" width="10.44140625" style="372" customWidth="1"/>
    <col min="9226" max="9472" width="9" style="372"/>
    <col min="9473" max="9473" width="5.21875" style="372" customWidth="1"/>
    <col min="9474" max="9481" width="10.44140625" style="372" customWidth="1"/>
    <col min="9482" max="9728" width="9" style="372"/>
    <col min="9729" max="9729" width="5.21875" style="372" customWidth="1"/>
    <col min="9730" max="9737" width="10.44140625" style="372" customWidth="1"/>
    <col min="9738" max="9984" width="9" style="372"/>
    <col min="9985" max="9985" width="5.21875" style="372" customWidth="1"/>
    <col min="9986" max="9993" width="10.44140625" style="372" customWidth="1"/>
    <col min="9994" max="10240" width="9" style="372"/>
    <col min="10241" max="10241" width="5.21875" style="372" customWidth="1"/>
    <col min="10242" max="10249" width="10.44140625" style="372" customWidth="1"/>
    <col min="10250" max="10496" width="9" style="372"/>
    <col min="10497" max="10497" width="5.21875" style="372" customWidth="1"/>
    <col min="10498" max="10505" width="10.44140625" style="372" customWidth="1"/>
    <col min="10506" max="10752" width="9" style="372"/>
    <col min="10753" max="10753" width="5.21875" style="372" customWidth="1"/>
    <col min="10754" max="10761" width="10.44140625" style="372" customWidth="1"/>
    <col min="10762" max="11008" width="9" style="372"/>
    <col min="11009" max="11009" width="5.21875" style="372" customWidth="1"/>
    <col min="11010" max="11017" width="10.44140625" style="372" customWidth="1"/>
    <col min="11018" max="11264" width="9" style="372"/>
    <col min="11265" max="11265" width="5.21875" style="372" customWidth="1"/>
    <col min="11266" max="11273" width="10.44140625" style="372" customWidth="1"/>
    <col min="11274" max="11520" width="9" style="372"/>
    <col min="11521" max="11521" width="5.21875" style="372" customWidth="1"/>
    <col min="11522" max="11529" width="10.44140625" style="372" customWidth="1"/>
    <col min="11530" max="11776" width="9" style="372"/>
    <col min="11777" max="11777" width="5.21875" style="372" customWidth="1"/>
    <col min="11778" max="11785" width="10.44140625" style="372" customWidth="1"/>
    <col min="11786" max="12032" width="9" style="372"/>
    <col min="12033" max="12033" width="5.21875" style="372" customWidth="1"/>
    <col min="12034" max="12041" width="10.44140625" style="372" customWidth="1"/>
    <col min="12042" max="12288" width="9" style="372"/>
    <col min="12289" max="12289" width="5.21875" style="372" customWidth="1"/>
    <col min="12290" max="12297" width="10.44140625" style="372" customWidth="1"/>
    <col min="12298" max="12544" width="9" style="372"/>
    <col min="12545" max="12545" width="5.21875" style="372" customWidth="1"/>
    <col min="12546" max="12553" width="10.44140625" style="372" customWidth="1"/>
    <col min="12554" max="12800" width="9" style="372"/>
    <col min="12801" max="12801" width="5.21875" style="372" customWidth="1"/>
    <col min="12802" max="12809" width="10.44140625" style="372" customWidth="1"/>
    <col min="12810" max="13056" width="9" style="372"/>
    <col min="13057" max="13057" width="5.21875" style="372" customWidth="1"/>
    <col min="13058" max="13065" width="10.44140625" style="372" customWidth="1"/>
    <col min="13066" max="13312" width="9" style="372"/>
    <col min="13313" max="13313" width="5.21875" style="372" customWidth="1"/>
    <col min="13314" max="13321" width="10.44140625" style="372" customWidth="1"/>
    <col min="13322" max="13568" width="9" style="372"/>
    <col min="13569" max="13569" width="5.21875" style="372" customWidth="1"/>
    <col min="13570" max="13577" width="10.44140625" style="372" customWidth="1"/>
    <col min="13578" max="13824" width="9" style="372"/>
    <col min="13825" max="13825" width="5.21875" style="372" customWidth="1"/>
    <col min="13826" max="13833" width="10.44140625" style="372" customWidth="1"/>
    <col min="13834" max="14080" width="9" style="372"/>
    <col min="14081" max="14081" width="5.21875" style="372" customWidth="1"/>
    <col min="14082" max="14089" width="10.44140625" style="372" customWidth="1"/>
    <col min="14090" max="14336" width="9" style="372"/>
    <col min="14337" max="14337" width="5.21875" style="372" customWidth="1"/>
    <col min="14338" max="14345" width="10.44140625" style="372" customWidth="1"/>
    <col min="14346" max="14592" width="9" style="372"/>
    <col min="14593" max="14593" width="5.21875" style="372" customWidth="1"/>
    <col min="14594" max="14601" width="10.44140625" style="372" customWidth="1"/>
    <col min="14602" max="14848" width="9" style="372"/>
    <col min="14849" max="14849" width="5.21875" style="372" customWidth="1"/>
    <col min="14850" max="14857" width="10.44140625" style="372" customWidth="1"/>
    <col min="14858" max="15104" width="9" style="372"/>
    <col min="15105" max="15105" width="5.21875" style="372" customWidth="1"/>
    <col min="15106" max="15113" width="10.44140625" style="372" customWidth="1"/>
    <col min="15114" max="15360" width="9" style="372"/>
    <col min="15361" max="15361" width="5.21875" style="372" customWidth="1"/>
    <col min="15362" max="15369" width="10.44140625" style="372" customWidth="1"/>
    <col min="15370" max="15616" width="9" style="372"/>
    <col min="15617" max="15617" width="5.21875" style="372" customWidth="1"/>
    <col min="15618" max="15625" width="10.44140625" style="372" customWidth="1"/>
    <col min="15626" max="15872" width="9" style="372"/>
    <col min="15873" max="15873" width="5.21875" style="372" customWidth="1"/>
    <col min="15874" max="15881" width="10.44140625" style="372" customWidth="1"/>
    <col min="15882" max="16128" width="9" style="372"/>
    <col min="16129" max="16129" width="5.21875" style="372" customWidth="1"/>
    <col min="16130" max="16137" width="10.44140625" style="372" customWidth="1"/>
    <col min="16138" max="16384" width="9" style="372"/>
  </cols>
  <sheetData>
    <row r="1" spans="1:9" ht="27.75" customHeight="1" thickBot="1" x14ac:dyDescent="0.25">
      <c r="A1" s="2864" t="s">
        <v>519</v>
      </c>
      <c r="B1" s="2865"/>
      <c r="D1" s="374"/>
      <c r="E1" s="374"/>
      <c r="F1" s="374"/>
      <c r="G1" s="2574" t="s">
        <v>737</v>
      </c>
      <c r="H1" s="2574"/>
      <c r="I1" s="2574"/>
    </row>
    <row r="2" spans="1:9" ht="84.75" customHeight="1" x14ac:dyDescent="0.2">
      <c r="A2" s="2577" t="s">
        <v>518</v>
      </c>
      <c r="B2" s="2578"/>
      <c r="C2" s="2578"/>
      <c r="D2" s="2578"/>
      <c r="E2" s="2578"/>
      <c r="F2" s="2578"/>
      <c r="G2" s="2578"/>
      <c r="H2" s="2578"/>
      <c r="I2" s="2578"/>
    </row>
    <row r="3" spans="1:9" ht="15.75" customHeight="1" x14ac:dyDescent="0.2">
      <c r="A3" s="2574"/>
      <c r="B3" s="2574"/>
      <c r="C3" s="2574"/>
      <c r="D3" s="2574"/>
      <c r="E3" s="2574"/>
      <c r="F3" s="378"/>
      <c r="H3" s="374"/>
      <c r="I3" s="374"/>
    </row>
    <row r="4" spans="1:9" ht="15.75" customHeight="1" thickBot="1" x14ac:dyDescent="0.25">
      <c r="A4" s="2594"/>
      <c r="B4" s="2594"/>
      <c r="C4" s="2594"/>
      <c r="D4" s="2595"/>
      <c r="E4" s="2574"/>
      <c r="F4" s="407"/>
    </row>
    <row r="5" spans="1:9" ht="17.25" customHeight="1" x14ac:dyDescent="0.2">
      <c r="A5" s="2594"/>
      <c r="B5" s="2594"/>
      <c r="C5" s="2594"/>
      <c r="D5" s="454"/>
      <c r="E5" s="2876" t="s">
        <v>517</v>
      </c>
      <c r="F5" s="2877"/>
      <c r="G5" s="2882"/>
      <c r="H5" s="2860"/>
      <c r="I5" s="453"/>
    </row>
    <row r="6" spans="1:9" ht="17.25" customHeight="1" x14ac:dyDescent="0.2">
      <c r="A6" s="2594"/>
      <c r="B6" s="2594"/>
      <c r="C6" s="2594"/>
      <c r="D6" s="454"/>
      <c r="E6" s="2878"/>
      <c r="F6" s="2879"/>
      <c r="G6" s="2883"/>
      <c r="H6" s="2884"/>
      <c r="I6" s="453"/>
    </row>
    <row r="7" spans="1:9" ht="17.25" customHeight="1" thickBot="1" x14ac:dyDescent="0.25">
      <c r="A7" s="2594"/>
      <c r="B7" s="2594"/>
      <c r="C7" s="2594"/>
      <c r="D7" s="454"/>
      <c r="E7" s="2880"/>
      <c r="F7" s="2881"/>
      <c r="G7" s="2885"/>
      <c r="H7" s="2886"/>
      <c r="I7" s="453"/>
    </row>
    <row r="8" spans="1:9" ht="15.75" customHeight="1" x14ac:dyDescent="0.2"/>
    <row r="9" spans="1:9" ht="15.75" customHeight="1" x14ac:dyDescent="0.2">
      <c r="A9" s="400" t="s">
        <v>516</v>
      </c>
      <c r="B9" s="400"/>
      <c r="C9" s="400"/>
      <c r="D9" s="400"/>
      <c r="E9" s="400"/>
      <c r="F9" s="400"/>
      <c r="G9" s="400"/>
      <c r="H9" s="400"/>
      <c r="I9" s="400"/>
    </row>
    <row r="10" spans="1:9" s="400" customFormat="1" ht="30" customHeight="1" x14ac:dyDescent="0.2">
      <c r="A10" s="402"/>
      <c r="B10" s="2547" t="s">
        <v>54</v>
      </c>
      <c r="C10" s="2547"/>
      <c r="D10" s="2547" t="s">
        <v>735</v>
      </c>
      <c r="E10" s="2547"/>
      <c r="F10" s="2547" t="s">
        <v>186</v>
      </c>
      <c r="G10" s="2600"/>
      <c r="H10" s="2631" t="s">
        <v>515</v>
      </c>
      <c r="I10" s="2547"/>
    </row>
    <row r="11" spans="1:9" s="400" customFormat="1" ht="17.25" customHeight="1" x14ac:dyDescent="0.2">
      <c r="A11" s="402">
        <v>1</v>
      </c>
      <c r="B11" s="2603"/>
      <c r="C11" s="2603"/>
      <c r="D11" s="2604"/>
      <c r="E11" s="2605"/>
      <c r="F11" s="2603"/>
      <c r="G11" s="2596"/>
      <c r="H11" s="2618"/>
      <c r="I11" s="2618"/>
    </row>
    <row r="12" spans="1:9" s="400" customFormat="1" ht="17.25" customHeight="1" x14ac:dyDescent="0.2">
      <c r="A12" s="402">
        <v>2</v>
      </c>
      <c r="B12" s="2603"/>
      <c r="C12" s="2603"/>
      <c r="D12" s="2604"/>
      <c r="E12" s="2605"/>
      <c r="F12" s="2603"/>
      <c r="G12" s="2596"/>
      <c r="H12" s="2618"/>
      <c r="I12" s="2618"/>
    </row>
    <row r="13" spans="1:9" s="400" customFormat="1" ht="17.25" customHeight="1" x14ac:dyDescent="0.2">
      <c r="A13" s="402">
        <v>3</v>
      </c>
      <c r="B13" s="2596"/>
      <c r="C13" s="2609"/>
      <c r="D13" s="2610"/>
      <c r="E13" s="2611"/>
      <c r="F13" s="2596"/>
      <c r="G13" s="2597"/>
      <c r="H13" s="2618"/>
      <c r="I13" s="2618"/>
    </row>
    <row r="14" spans="1:9" s="400" customFormat="1" ht="17.25" customHeight="1" x14ac:dyDescent="0.2">
      <c r="A14" s="402">
        <v>4</v>
      </c>
      <c r="B14" s="2596"/>
      <c r="C14" s="2609"/>
      <c r="D14" s="2610"/>
      <c r="E14" s="2611"/>
      <c r="F14" s="2596"/>
      <c r="G14" s="2597"/>
      <c r="H14" s="2618"/>
      <c r="I14" s="2618"/>
    </row>
    <row r="15" spans="1:9" s="400" customFormat="1" ht="17.25" customHeight="1" x14ac:dyDescent="0.2">
      <c r="A15" s="402">
        <v>5</v>
      </c>
      <c r="B15" s="2596"/>
      <c r="C15" s="2609"/>
      <c r="D15" s="2610"/>
      <c r="E15" s="2611"/>
      <c r="F15" s="2596"/>
      <c r="G15" s="2597"/>
      <c r="H15" s="2618"/>
      <c r="I15" s="2618"/>
    </row>
    <row r="16" spans="1:9" s="400" customFormat="1" ht="17.25" customHeight="1" x14ac:dyDescent="0.2">
      <c r="A16" s="402">
        <v>6</v>
      </c>
      <c r="B16" s="2596"/>
      <c r="C16" s="2609"/>
      <c r="D16" s="2610"/>
      <c r="E16" s="2611"/>
      <c r="F16" s="2596"/>
      <c r="G16" s="2597"/>
      <c r="H16" s="2618"/>
      <c r="I16" s="2618"/>
    </row>
    <row r="17" spans="1:9" s="400" customFormat="1" ht="17.25" customHeight="1" x14ac:dyDescent="0.2">
      <c r="A17" s="402">
        <v>7</v>
      </c>
      <c r="B17" s="2603"/>
      <c r="C17" s="2603"/>
      <c r="D17" s="2603"/>
      <c r="E17" s="2603"/>
      <c r="F17" s="2603"/>
      <c r="G17" s="2596"/>
      <c r="H17" s="2603"/>
      <c r="I17" s="2603"/>
    </row>
    <row r="18" spans="1:9" s="400" customFormat="1" ht="17.25" customHeight="1" x14ac:dyDescent="0.2">
      <c r="A18" s="402">
        <v>8</v>
      </c>
      <c r="B18" s="2603"/>
      <c r="C18" s="2603"/>
      <c r="D18" s="2603"/>
      <c r="E18" s="2603"/>
      <c r="F18" s="2603"/>
      <c r="G18" s="2596"/>
      <c r="H18" s="2603"/>
      <c r="I18" s="2603"/>
    </row>
    <row r="19" spans="1:9" s="400" customFormat="1" ht="17.25" customHeight="1" x14ac:dyDescent="0.2">
      <c r="A19" s="402">
        <v>9</v>
      </c>
      <c r="B19" s="2603"/>
      <c r="C19" s="2603"/>
      <c r="D19" s="2603"/>
      <c r="E19" s="2603"/>
      <c r="F19" s="2603"/>
      <c r="G19" s="2596"/>
      <c r="H19" s="2603"/>
      <c r="I19" s="2603"/>
    </row>
    <row r="20" spans="1:9" s="400" customFormat="1" ht="17.25" customHeight="1" x14ac:dyDescent="0.2">
      <c r="A20" s="402">
        <v>10</v>
      </c>
      <c r="B20" s="2603"/>
      <c r="C20" s="2603"/>
      <c r="D20" s="2603"/>
      <c r="E20" s="2603"/>
      <c r="F20" s="2603"/>
      <c r="G20" s="2596"/>
      <c r="H20" s="2603"/>
      <c r="I20" s="2603"/>
    </row>
    <row r="21" spans="1:9" s="400" customFormat="1" ht="17.25" customHeight="1" x14ac:dyDescent="0.2">
      <c r="A21" s="402">
        <v>11</v>
      </c>
      <c r="B21" s="2596"/>
      <c r="C21" s="2609"/>
      <c r="D21" s="2610"/>
      <c r="E21" s="2611"/>
      <c r="F21" s="2603"/>
      <c r="G21" s="2596"/>
      <c r="H21" s="2618"/>
      <c r="I21" s="2618"/>
    </row>
    <row r="22" spans="1:9" s="400" customFormat="1" ht="17.25" customHeight="1" x14ac:dyDescent="0.2">
      <c r="A22" s="402">
        <v>12</v>
      </c>
      <c r="B22" s="2603"/>
      <c r="C22" s="2603"/>
      <c r="D22" s="2604"/>
      <c r="E22" s="2605"/>
      <c r="F22" s="2603"/>
      <c r="G22" s="2596"/>
      <c r="H22" s="2618"/>
      <c r="I22" s="2618"/>
    </row>
    <row r="23" spans="1:9" s="400" customFormat="1" ht="17.25" customHeight="1" x14ac:dyDescent="0.2">
      <c r="A23" s="402">
        <v>13</v>
      </c>
      <c r="B23" s="2596"/>
      <c r="C23" s="2609"/>
      <c r="D23" s="2610"/>
      <c r="E23" s="2611"/>
      <c r="F23" s="2596"/>
      <c r="G23" s="2597"/>
      <c r="H23" s="2618"/>
      <c r="I23" s="2618"/>
    </row>
    <row r="24" spans="1:9" s="400" customFormat="1" ht="17.25" customHeight="1" x14ac:dyDescent="0.2">
      <c r="A24" s="402">
        <v>14</v>
      </c>
      <c r="B24" s="2603"/>
      <c r="C24" s="2603"/>
      <c r="D24" s="2604"/>
      <c r="E24" s="2605"/>
      <c r="F24" s="2603"/>
      <c r="G24" s="2596"/>
      <c r="H24" s="2618"/>
      <c r="I24" s="2618"/>
    </row>
    <row r="25" spans="1:9" s="400" customFormat="1" ht="17.25" customHeight="1" x14ac:dyDescent="0.2">
      <c r="A25" s="402">
        <v>15</v>
      </c>
      <c r="B25" s="2603"/>
      <c r="C25" s="2603"/>
      <c r="D25" s="2610"/>
      <c r="E25" s="2617"/>
      <c r="F25" s="2603"/>
      <c r="G25" s="2596"/>
      <c r="H25" s="2618"/>
      <c r="I25" s="2618"/>
    </row>
    <row r="26" spans="1:9" s="400" customFormat="1" ht="17.25" customHeight="1" x14ac:dyDescent="0.2">
      <c r="A26" s="402">
        <v>16</v>
      </c>
      <c r="B26" s="2603"/>
      <c r="C26" s="2603"/>
      <c r="D26" s="2618"/>
      <c r="E26" s="2603"/>
      <c r="F26" s="2603"/>
      <c r="G26" s="2596"/>
      <c r="H26" s="2618"/>
      <c r="I26" s="2618"/>
    </row>
    <row r="27" spans="1:9" s="400" customFormat="1" ht="17.25" customHeight="1" x14ac:dyDescent="0.2">
      <c r="A27" s="402">
        <v>17</v>
      </c>
      <c r="B27" s="2603"/>
      <c r="C27" s="2603"/>
      <c r="D27" s="2603"/>
      <c r="E27" s="2603"/>
      <c r="F27" s="2603"/>
      <c r="G27" s="2596"/>
      <c r="H27" s="2618"/>
      <c r="I27" s="2618"/>
    </row>
    <row r="28" spans="1:9" s="400" customFormat="1" ht="17.25" customHeight="1" x14ac:dyDescent="0.2">
      <c r="A28" s="402">
        <v>18</v>
      </c>
      <c r="B28" s="2603"/>
      <c r="C28" s="2603"/>
      <c r="D28" s="2603"/>
      <c r="E28" s="2603"/>
      <c r="F28" s="2603"/>
      <c r="G28" s="2596"/>
      <c r="H28" s="2618"/>
      <c r="I28" s="2618"/>
    </row>
    <row r="29" spans="1:9" s="400" customFormat="1" ht="17.25" customHeight="1" x14ac:dyDescent="0.2">
      <c r="A29" s="402">
        <v>19</v>
      </c>
      <c r="B29" s="2603"/>
      <c r="C29" s="2603"/>
      <c r="D29" s="2603"/>
      <c r="E29" s="2603"/>
      <c r="F29" s="2603"/>
      <c r="G29" s="2596"/>
      <c r="H29" s="2618"/>
      <c r="I29" s="2618"/>
    </row>
    <row r="30" spans="1:9" s="400" customFormat="1" ht="17.25" customHeight="1" x14ac:dyDescent="0.2">
      <c r="A30" s="402">
        <v>20</v>
      </c>
      <c r="B30" s="2603"/>
      <c r="C30" s="2603"/>
      <c r="D30" s="2603"/>
      <c r="E30" s="2603"/>
      <c r="F30" s="2603"/>
      <c r="G30" s="2596"/>
      <c r="H30" s="2618"/>
      <c r="I30" s="2618"/>
    </row>
    <row r="31" spans="1:9" s="400" customFormat="1" ht="17.25" customHeight="1" x14ac:dyDescent="0.2">
      <c r="A31" s="402">
        <v>21</v>
      </c>
      <c r="B31" s="2603"/>
      <c r="C31" s="2603"/>
      <c r="D31" s="2619"/>
      <c r="E31" s="2620"/>
      <c r="F31" s="2603"/>
      <c r="G31" s="2596"/>
      <c r="H31" s="2618"/>
      <c r="I31" s="2618"/>
    </row>
    <row r="32" spans="1:9" s="400" customFormat="1" ht="17.25" customHeight="1" x14ac:dyDescent="0.2">
      <c r="A32" s="402">
        <v>22</v>
      </c>
      <c r="B32" s="2603"/>
      <c r="C32" s="2603"/>
      <c r="D32" s="2619"/>
      <c r="E32" s="2620"/>
      <c r="F32" s="2603"/>
      <c r="G32" s="2596"/>
      <c r="H32" s="2618"/>
      <c r="I32" s="2618"/>
    </row>
    <row r="33" spans="1:9" s="400" customFormat="1" ht="17.25" customHeight="1" x14ac:dyDescent="0.2">
      <c r="A33" s="402">
        <v>23</v>
      </c>
      <c r="B33" s="2603"/>
      <c r="C33" s="2603"/>
      <c r="D33" s="2619"/>
      <c r="E33" s="2620"/>
      <c r="F33" s="2603"/>
      <c r="G33" s="2596"/>
      <c r="H33" s="2618"/>
      <c r="I33" s="2618"/>
    </row>
    <row r="34" spans="1:9" s="400" customFormat="1" ht="17.25" customHeight="1" x14ac:dyDescent="0.2">
      <c r="A34" s="402">
        <v>24</v>
      </c>
      <c r="B34" s="2603"/>
      <c r="C34" s="2603"/>
      <c r="D34" s="2619"/>
      <c r="E34" s="2620"/>
      <c r="F34" s="2603"/>
      <c r="G34" s="2596"/>
      <c r="H34" s="2618"/>
      <c r="I34" s="2618"/>
    </row>
    <row r="35" spans="1:9" s="400" customFormat="1" ht="17.25" customHeight="1" x14ac:dyDescent="0.2">
      <c r="A35" s="402">
        <v>25</v>
      </c>
      <c r="B35" s="2603"/>
      <c r="C35" s="2603"/>
      <c r="D35" s="2619"/>
      <c r="E35" s="2620"/>
      <c r="F35" s="2603"/>
      <c r="G35" s="2596"/>
      <c r="H35" s="2618"/>
      <c r="I35" s="2618"/>
    </row>
    <row r="36" spans="1:9" s="400" customFormat="1" ht="17.25" customHeight="1" x14ac:dyDescent="0.2">
      <c r="A36" s="402">
        <v>26</v>
      </c>
      <c r="B36" s="2603"/>
      <c r="C36" s="2603"/>
      <c r="D36" s="2603"/>
      <c r="E36" s="2603"/>
      <c r="F36" s="2603"/>
      <c r="G36" s="2596"/>
      <c r="H36" s="2618"/>
      <c r="I36" s="2618"/>
    </row>
    <row r="37" spans="1:9" s="400" customFormat="1" ht="17.25" customHeight="1" x14ac:dyDescent="0.2">
      <c r="A37" s="402">
        <v>27</v>
      </c>
      <c r="B37" s="2603"/>
      <c r="C37" s="2603"/>
      <c r="D37" s="2603"/>
      <c r="E37" s="2603"/>
      <c r="F37" s="2603"/>
      <c r="G37" s="2596"/>
      <c r="H37" s="2618"/>
      <c r="I37" s="2618"/>
    </row>
    <row r="38" spans="1:9" s="400" customFormat="1" ht="17.25" customHeight="1" x14ac:dyDescent="0.2">
      <c r="A38" s="402">
        <v>28</v>
      </c>
      <c r="B38" s="2603"/>
      <c r="C38" s="2603"/>
      <c r="D38" s="2603"/>
      <c r="E38" s="2603"/>
      <c r="F38" s="2603"/>
      <c r="G38" s="2596"/>
      <c r="H38" s="2618"/>
      <c r="I38" s="2618"/>
    </row>
    <row r="39" spans="1:9" s="400" customFormat="1" ht="17.25" customHeight="1" x14ac:dyDescent="0.2">
      <c r="A39" s="402">
        <v>29</v>
      </c>
      <c r="B39" s="2603"/>
      <c r="C39" s="2603"/>
      <c r="D39" s="2603"/>
      <c r="E39" s="2603"/>
      <c r="F39" s="2603"/>
      <c r="G39" s="2596"/>
      <c r="H39" s="2618"/>
      <c r="I39" s="2618"/>
    </row>
    <row r="40" spans="1:9" s="400" customFormat="1" ht="17.25" customHeight="1" x14ac:dyDescent="0.2">
      <c r="A40" s="402">
        <v>30</v>
      </c>
      <c r="B40" s="2603"/>
      <c r="C40" s="2603"/>
      <c r="D40" s="2603"/>
      <c r="E40" s="2603"/>
      <c r="F40" s="2603"/>
      <c r="G40" s="2596"/>
      <c r="H40" s="2618"/>
      <c r="I40" s="2618"/>
    </row>
    <row r="41" spans="1:9" ht="22.5" customHeight="1" x14ac:dyDescent="0.2">
      <c r="A41" s="2625" t="s">
        <v>514</v>
      </c>
      <c r="B41" s="2626"/>
      <c r="C41" s="2626"/>
      <c r="D41" s="2626"/>
      <c r="E41" s="2626"/>
      <c r="F41" s="2626"/>
      <c r="G41" s="2626"/>
      <c r="H41" s="2626"/>
      <c r="I41" s="2626"/>
    </row>
    <row r="42" spans="1:9" ht="22.5" customHeight="1" x14ac:dyDescent="0.2">
      <c r="A42" s="2626"/>
      <c r="B42" s="2626"/>
      <c r="C42" s="2626"/>
      <c r="D42" s="2626"/>
      <c r="E42" s="2626"/>
      <c r="F42" s="2626"/>
      <c r="G42" s="2626"/>
      <c r="H42" s="2626"/>
      <c r="I42" s="2626"/>
    </row>
  </sheetData>
  <customSheetViews>
    <customSheetView guid="{FA98832E-F01A-4598-9960-E27C2FDAB118}" scale="110" showPageBreaks="1" showGridLines="0" view="pageBreakPreview">
      <selection activeCell="J20" sqref="J20"/>
      <pageMargins left="0.8" right="0.7" top="0.75" bottom="0.75" header="0.3" footer="0.3"/>
      <pageSetup paperSize="9" scale="98" orientation="portrait" r:id="rId1"/>
    </customSheetView>
    <customSheetView guid="{8494577A-77FB-45FD-BD2B-C737BCFAD5B3}" scale="110" showPageBreaks="1" showGridLines="0" view="pageBreakPreview">
      <selection activeCell="J20" sqref="J20"/>
      <pageMargins left="0.8" right="0.7" top="0.75" bottom="0.75" header="0.3" footer="0.3"/>
      <pageSetup paperSize="9" scale="98" orientation="portrait" r:id="rId2"/>
    </customSheetView>
  </customSheetViews>
  <mergeCells count="137">
    <mergeCell ref="A41:I42"/>
    <mergeCell ref="B39:C39"/>
    <mergeCell ref="D39:E39"/>
    <mergeCell ref="F39:G39"/>
    <mergeCell ref="H39:I39"/>
    <mergeCell ref="B40:C40"/>
    <mergeCell ref="D40:E40"/>
    <mergeCell ref="F40:G40"/>
    <mergeCell ref="H40:I40"/>
    <mergeCell ref="B36:C36"/>
    <mergeCell ref="D36:E36"/>
    <mergeCell ref="F36:G36"/>
    <mergeCell ref="H36:I36"/>
    <mergeCell ref="B37:C37"/>
    <mergeCell ref="D37:E37"/>
    <mergeCell ref="F37:G37"/>
    <mergeCell ref="H37:I37"/>
    <mergeCell ref="B38:C38"/>
    <mergeCell ref="D38:E38"/>
    <mergeCell ref="F38:G38"/>
    <mergeCell ref="H38:I38"/>
    <mergeCell ref="B33:C33"/>
    <mergeCell ref="D33:E33"/>
    <mergeCell ref="F33:G33"/>
    <mergeCell ref="H33:I33"/>
    <mergeCell ref="B34:C34"/>
    <mergeCell ref="D34:E34"/>
    <mergeCell ref="F34:G34"/>
    <mergeCell ref="H34:I34"/>
    <mergeCell ref="B35:C35"/>
    <mergeCell ref="D35:E35"/>
    <mergeCell ref="F35:G35"/>
    <mergeCell ref="H35:I35"/>
    <mergeCell ref="B30:C30"/>
    <mergeCell ref="D30:E30"/>
    <mergeCell ref="F30:G30"/>
    <mergeCell ref="H30:I30"/>
    <mergeCell ref="B31:C31"/>
    <mergeCell ref="D31:E31"/>
    <mergeCell ref="F31:G31"/>
    <mergeCell ref="H31:I31"/>
    <mergeCell ref="B32:C32"/>
    <mergeCell ref="D32:E32"/>
    <mergeCell ref="F32:G32"/>
    <mergeCell ref="H32:I32"/>
    <mergeCell ref="B27:C27"/>
    <mergeCell ref="D27:E27"/>
    <mergeCell ref="F27:G27"/>
    <mergeCell ref="H27:I27"/>
    <mergeCell ref="B28:C28"/>
    <mergeCell ref="D28:E28"/>
    <mergeCell ref="F28:G28"/>
    <mergeCell ref="H28:I28"/>
    <mergeCell ref="B29:C29"/>
    <mergeCell ref="D29:E29"/>
    <mergeCell ref="F29:G29"/>
    <mergeCell ref="H29:I29"/>
    <mergeCell ref="B24:C24"/>
    <mergeCell ref="D24:E24"/>
    <mergeCell ref="F24:G24"/>
    <mergeCell ref="H24:I24"/>
    <mergeCell ref="B25:C25"/>
    <mergeCell ref="D25:E25"/>
    <mergeCell ref="F25:G25"/>
    <mergeCell ref="H25:I25"/>
    <mergeCell ref="B26:C26"/>
    <mergeCell ref="D26:E26"/>
    <mergeCell ref="F26:G26"/>
    <mergeCell ref="H26:I26"/>
    <mergeCell ref="B21:C21"/>
    <mergeCell ref="D21:E21"/>
    <mergeCell ref="F21:G21"/>
    <mergeCell ref="H21:I21"/>
    <mergeCell ref="B22:C22"/>
    <mergeCell ref="D22:E22"/>
    <mergeCell ref="F22:G22"/>
    <mergeCell ref="H22:I22"/>
    <mergeCell ref="B23:C23"/>
    <mergeCell ref="D23:E23"/>
    <mergeCell ref="F23:G23"/>
    <mergeCell ref="H23:I23"/>
    <mergeCell ref="B18:C18"/>
    <mergeCell ref="D18:E18"/>
    <mergeCell ref="F18:G18"/>
    <mergeCell ref="H18:I18"/>
    <mergeCell ref="B19:C19"/>
    <mergeCell ref="D19:E19"/>
    <mergeCell ref="F19:G19"/>
    <mergeCell ref="H19:I19"/>
    <mergeCell ref="B20:C20"/>
    <mergeCell ref="D20:E20"/>
    <mergeCell ref="F20:G20"/>
    <mergeCell ref="H20:I20"/>
    <mergeCell ref="B15:C15"/>
    <mergeCell ref="D15:E15"/>
    <mergeCell ref="F15:G15"/>
    <mergeCell ref="H15:I15"/>
    <mergeCell ref="B16:C16"/>
    <mergeCell ref="D16:E16"/>
    <mergeCell ref="F16:G16"/>
    <mergeCell ref="H16:I16"/>
    <mergeCell ref="B17:C17"/>
    <mergeCell ref="D17:E17"/>
    <mergeCell ref="F17:G17"/>
    <mergeCell ref="H17:I17"/>
    <mergeCell ref="B10:C10"/>
    <mergeCell ref="D10:E10"/>
    <mergeCell ref="F10:G10"/>
    <mergeCell ref="H10:I10"/>
    <mergeCell ref="B13:C13"/>
    <mergeCell ref="D13:E13"/>
    <mergeCell ref="F13:G13"/>
    <mergeCell ref="H13:I13"/>
    <mergeCell ref="F12:G12"/>
    <mergeCell ref="H12:I12"/>
    <mergeCell ref="B14:C14"/>
    <mergeCell ref="D14:E14"/>
    <mergeCell ref="F14:G14"/>
    <mergeCell ref="H14:I14"/>
    <mergeCell ref="B11:C11"/>
    <mergeCell ref="D11:E11"/>
    <mergeCell ref="F11:G11"/>
    <mergeCell ref="H11:I11"/>
    <mergeCell ref="B12:C12"/>
    <mergeCell ref="D12:E12"/>
    <mergeCell ref="A5:C5"/>
    <mergeCell ref="E5:F7"/>
    <mergeCell ref="G5:H7"/>
    <mergeCell ref="A6:C6"/>
    <mergeCell ref="A7:C7"/>
    <mergeCell ref="A1:B1"/>
    <mergeCell ref="G1:I1"/>
    <mergeCell ref="A2:I2"/>
    <mergeCell ref="A3:C3"/>
    <mergeCell ref="D3:E3"/>
    <mergeCell ref="A4:C4"/>
    <mergeCell ref="D4:E4"/>
  </mergeCells>
  <phoneticPr fontId="6"/>
  <pageMargins left="0.8" right="0.7" top="0.75" bottom="0.75" header="0.3" footer="0.3"/>
  <pageSetup paperSize="9" scale="98" orientation="portrait" r:id="rId3"/>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7"/>
  <sheetViews>
    <sheetView showGridLines="0" view="pageBreakPreview" zoomScaleNormal="100" zoomScaleSheetLayoutView="100" workbookViewId="0">
      <selection activeCell="B10" sqref="B10:E12"/>
    </sheetView>
  </sheetViews>
  <sheetFormatPr defaultRowHeight="13.2" x14ac:dyDescent="0.2"/>
  <cols>
    <col min="1" max="1" width="5.21875" style="372" customWidth="1"/>
    <col min="2" max="5" width="7.88671875" style="372" customWidth="1"/>
    <col min="6" max="6" width="11.21875" style="372" customWidth="1"/>
    <col min="7" max="9" width="7.88671875" style="372" customWidth="1"/>
    <col min="10" max="10" width="15.77734375" style="372" customWidth="1"/>
    <col min="11" max="11" width="13.21875" style="372" customWidth="1"/>
    <col min="12" max="256" width="9" style="372"/>
    <col min="257" max="257" width="5.21875" style="372" customWidth="1"/>
    <col min="258" max="261" width="7.88671875" style="372" customWidth="1"/>
    <col min="262" max="262" width="11.21875" style="372" customWidth="1"/>
    <col min="263" max="265" width="7.88671875" style="372" customWidth="1"/>
    <col min="266" max="266" width="15.77734375" style="372" customWidth="1"/>
    <col min="267" max="267" width="13.21875" style="372" customWidth="1"/>
    <col min="268" max="512" width="9" style="372"/>
    <col min="513" max="513" width="5.21875" style="372" customWidth="1"/>
    <col min="514" max="517" width="7.88671875" style="372" customWidth="1"/>
    <col min="518" max="518" width="11.21875" style="372" customWidth="1"/>
    <col min="519" max="521" width="7.88671875" style="372" customWidth="1"/>
    <col min="522" max="522" width="15.77734375" style="372" customWidth="1"/>
    <col min="523" max="523" width="13.21875" style="372" customWidth="1"/>
    <col min="524" max="768" width="9" style="372"/>
    <col min="769" max="769" width="5.21875" style="372" customWidth="1"/>
    <col min="770" max="773" width="7.88671875" style="372" customWidth="1"/>
    <col min="774" max="774" width="11.21875" style="372" customWidth="1"/>
    <col min="775" max="777" width="7.88671875" style="372" customWidth="1"/>
    <col min="778" max="778" width="15.77734375" style="372" customWidth="1"/>
    <col min="779" max="779" width="13.21875" style="372" customWidth="1"/>
    <col min="780" max="1024" width="9" style="372"/>
    <col min="1025" max="1025" width="5.21875" style="372" customWidth="1"/>
    <col min="1026" max="1029" width="7.88671875" style="372" customWidth="1"/>
    <col min="1030" max="1030" width="11.21875" style="372" customWidth="1"/>
    <col min="1031" max="1033" width="7.88671875" style="372" customWidth="1"/>
    <col min="1034" max="1034" width="15.77734375" style="372" customWidth="1"/>
    <col min="1035" max="1035" width="13.21875" style="372" customWidth="1"/>
    <col min="1036" max="1280" width="9" style="372"/>
    <col min="1281" max="1281" width="5.21875" style="372" customWidth="1"/>
    <col min="1282" max="1285" width="7.88671875" style="372" customWidth="1"/>
    <col min="1286" max="1286" width="11.21875" style="372" customWidth="1"/>
    <col min="1287" max="1289" width="7.88671875" style="372" customWidth="1"/>
    <col min="1290" max="1290" width="15.77734375" style="372" customWidth="1"/>
    <col min="1291" max="1291" width="13.21875" style="372" customWidth="1"/>
    <col min="1292" max="1536" width="9" style="372"/>
    <col min="1537" max="1537" width="5.21875" style="372" customWidth="1"/>
    <col min="1538" max="1541" width="7.88671875" style="372" customWidth="1"/>
    <col min="1542" max="1542" width="11.21875" style="372" customWidth="1"/>
    <col min="1543" max="1545" width="7.88671875" style="372" customWidth="1"/>
    <col min="1546" max="1546" width="15.77734375" style="372" customWidth="1"/>
    <col min="1547" max="1547" width="13.21875" style="372" customWidth="1"/>
    <col min="1548" max="1792" width="9" style="372"/>
    <col min="1793" max="1793" width="5.21875" style="372" customWidth="1"/>
    <col min="1794" max="1797" width="7.88671875" style="372" customWidth="1"/>
    <col min="1798" max="1798" width="11.21875" style="372" customWidth="1"/>
    <col min="1799" max="1801" width="7.88671875" style="372" customWidth="1"/>
    <col min="1802" max="1802" width="15.77734375" style="372" customWidth="1"/>
    <col min="1803" max="1803" width="13.21875" style="372" customWidth="1"/>
    <col min="1804" max="2048" width="9" style="372"/>
    <col min="2049" max="2049" width="5.21875" style="372" customWidth="1"/>
    <col min="2050" max="2053" width="7.88671875" style="372" customWidth="1"/>
    <col min="2054" max="2054" width="11.21875" style="372" customWidth="1"/>
    <col min="2055" max="2057" width="7.88671875" style="372" customWidth="1"/>
    <col min="2058" max="2058" width="15.77734375" style="372" customWidth="1"/>
    <col min="2059" max="2059" width="13.21875" style="372" customWidth="1"/>
    <col min="2060" max="2304" width="9" style="372"/>
    <col min="2305" max="2305" width="5.21875" style="372" customWidth="1"/>
    <col min="2306" max="2309" width="7.88671875" style="372" customWidth="1"/>
    <col min="2310" max="2310" width="11.21875" style="372" customWidth="1"/>
    <col min="2311" max="2313" width="7.88671875" style="372" customWidth="1"/>
    <col min="2314" max="2314" width="15.77734375" style="372" customWidth="1"/>
    <col min="2315" max="2315" width="13.21875" style="372" customWidth="1"/>
    <col min="2316" max="2560" width="9" style="372"/>
    <col min="2561" max="2561" width="5.21875" style="372" customWidth="1"/>
    <col min="2562" max="2565" width="7.88671875" style="372" customWidth="1"/>
    <col min="2566" max="2566" width="11.21875" style="372" customWidth="1"/>
    <col min="2567" max="2569" width="7.88671875" style="372" customWidth="1"/>
    <col min="2570" max="2570" width="15.77734375" style="372" customWidth="1"/>
    <col min="2571" max="2571" width="13.21875" style="372" customWidth="1"/>
    <col min="2572" max="2816" width="9" style="372"/>
    <col min="2817" max="2817" width="5.21875" style="372" customWidth="1"/>
    <col min="2818" max="2821" width="7.88671875" style="372" customWidth="1"/>
    <col min="2822" max="2822" width="11.21875" style="372" customWidth="1"/>
    <col min="2823" max="2825" width="7.88671875" style="372" customWidth="1"/>
    <col min="2826" max="2826" width="15.77734375" style="372" customWidth="1"/>
    <col min="2827" max="2827" width="13.21875" style="372" customWidth="1"/>
    <col min="2828" max="3072" width="9" style="372"/>
    <col min="3073" max="3073" width="5.21875" style="372" customWidth="1"/>
    <col min="3074" max="3077" width="7.88671875" style="372" customWidth="1"/>
    <col min="3078" max="3078" width="11.21875" style="372" customWidth="1"/>
    <col min="3079" max="3081" width="7.88671875" style="372" customWidth="1"/>
    <col min="3082" max="3082" width="15.77734375" style="372" customWidth="1"/>
    <col min="3083" max="3083" width="13.21875" style="372" customWidth="1"/>
    <col min="3084" max="3328" width="9" style="372"/>
    <col min="3329" max="3329" width="5.21875" style="372" customWidth="1"/>
    <col min="3330" max="3333" width="7.88671875" style="372" customWidth="1"/>
    <col min="3334" max="3334" width="11.21875" style="372" customWidth="1"/>
    <col min="3335" max="3337" width="7.88671875" style="372" customWidth="1"/>
    <col min="3338" max="3338" width="15.77734375" style="372" customWidth="1"/>
    <col min="3339" max="3339" width="13.21875" style="372" customWidth="1"/>
    <col min="3340" max="3584" width="9" style="372"/>
    <col min="3585" max="3585" width="5.21875" style="372" customWidth="1"/>
    <col min="3586" max="3589" width="7.88671875" style="372" customWidth="1"/>
    <col min="3590" max="3590" width="11.21875" style="372" customWidth="1"/>
    <col min="3591" max="3593" width="7.88671875" style="372" customWidth="1"/>
    <col min="3594" max="3594" width="15.77734375" style="372" customWidth="1"/>
    <col min="3595" max="3595" width="13.21875" style="372" customWidth="1"/>
    <col min="3596" max="3840" width="9" style="372"/>
    <col min="3841" max="3841" width="5.21875" style="372" customWidth="1"/>
    <col min="3842" max="3845" width="7.88671875" style="372" customWidth="1"/>
    <col min="3846" max="3846" width="11.21875" style="372" customWidth="1"/>
    <col min="3847" max="3849" width="7.88671875" style="372" customWidth="1"/>
    <col min="3850" max="3850" width="15.77734375" style="372" customWidth="1"/>
    <col min="3851" max="3851" width="13.21875" style="372" customWidth="1"/>
    <col min="3852" max="4096" width="9" style="372"/>
    <col min="4097" max="4097" width="5.21875" style="372" customWidth="1"/>
    <col min="4098" max="4101" width="7.88671875" style="372" customWidth="1"/>
    <col min="4102" max="4102" width="11.21875" style="372" customWidth="1"/>
    <col min="4103" max="4105" width="7.88671875" style="372" customWidth="1"/>
    <col min="4106" max="4106" width="15.77734375" style="372" customWidth="1"/>
    <col min="4107" max="4107" width="13.21875" style="372" customWidth="1"/>
    <col min="4108" max="4352" width="9" style="372"/>
    <col min="4353" max="4353" width="5.21875" style="372" customWidth="1"/>
    <col min="4354" max="4357" width="7.88671875" style="372" customWidth="1"/>
    <col min="4358" max="4358" width="11.21875" style="372" customWidth="1"/>
    <col min="4359" max="4361" width="7.88671875" style="372" customWidth="1"/>
    <col min="4362" max="4362" width="15.77734375" style="372" customWidth="1"/>
    <col min="4363" max="4363" width="13.21875" style="372" customWidth="1"/>
    <col min="4364" max="4608" width="9" style="372"/>
    <col min="4609" max="4609" width="5.21875" style="372" customWidth="1"/>
    <col min="4610" max="4613" width="7.88671875" style="372" customWidth="1"/>
    <col min="4614" max="4614" width="11.21875" style="372" customWidth="1"/>
    <col min="4615" max="4617" width="7.88671875" style="372" customWidth="1"/>
    <col min="4618" max="4618" width="15.77734375" style="372" customWidth="1"/>
    <col min="4619" max="4619" width="13.21875" style="372" customWidth="1"/>
    <col min="4620" max="4864" width="9" style="372"/>
    <col min="4865" max="4865" width="5.21875" style="372" customWidth="1"/>
    <col min="4866" max="4869" width="7.88671875" style="372" customWidth="1"/>
    <col min="4870" max="4870" width="11.21875" style="372" customWidth="1"/>
    <col min="4871" max="4873" width="7.88671875" style="372" customWidth="1"/>
    <col min="4874" max="4874" width="15.77734375" style="372" customWidth="1"/>
    <col min="4875" max="4875" width="13.21875" style="372" customWidth="1"/>
    <col min="4876" max="5120" width="9" style="372"/>
    <col min="5121" max="5121" width="5.21875" style="372" customWidth="1"/>
    <col min="5122" max="5125" width="7.88671875" style="372" customWidth="1"/>
    <col min="5126" max="5126" width="11.21875" style="372" customWidth="1"/>
    <col min="5127" max="5129" width="7.88671875" style="372" customWidth="1"/>
    <col min="5130" max="5130" width="15.77734375" style="372" customWidth="1"/>
    <col min="5131" max="5131" width="13.21875" style="372" customWidth="1"/>
    <col min="5132" max="5376" width="9" style="372"/>
    <col min="5377" max="5377" width="5.21875" style="372" customWidth="1"/>
    <col min="5378" max="5381" width="7.88671875" style="372" customWidth="1"/>
    <col min="5382" max="5382" width="11.21875" style="372" customWidth="1"/>
    <col min="5383" max="5385" width="7.88671875" style="372" customWidth="1"/>
    <col min="5386" max="5386" width="15.77734375" style="372" customWidth="1"/>
    <col min="5387" max="5387" width="13.21875" style="372" customWidth="1"/>
    <col min="5388" max="5632" width="9" style="372"/>
    <col min="5633" max="5633" width="5.21875" style="372" customWidth="1"/>
    <col min="5634" max="5637" width="7.88671875" style="372" customWidth="1"/>
    <col min="5638" max="5638" width="11.21875" style="372" customWidth="1"/>
    <col min="5639" max="5641" width="7.88671875" style="372" customWidth="1"/>
    <col min="5642" max="5642" width="15.77734375" style="372" customWidth="1"/>
    <col min="5643" max="5643" width="13.21875" style="372" customWidth="1"/>
    <col min="5644" max="5888" width="9" style="372"/>
    <col min="5889" max="5889" width="5.21875" style="372" customWidth="1"/>
    <col min="5890" max="5893" width="7.88671875" style="372" customWidth="1"/>
    <col min="5894" max="5894" width="11.21875" style="372" customWidth="1"/>
    <col min="5895" max="5897" width="7.88671875" style="372" customWidth="1"/>
    <col min="5898" max="5898" width="15.77734375" style="372" customWidth="1"/>
    <col min="5899" max="5899" width="13.21875" style="372" customWidth="1"/>
    <col min="5900" max="6144" width="9" style="372"/>
    <col min="6145" max="6145" width="5.21875" style="372" customWidth="1"/>
    <col min="6146" max="6149" width="7.88671875" style="372" customWidth="1"/>
    <col min="6150" max="6150" width="11.21875" style="372" customWidth="1"/>
    <col min="6151" max="6153" width="7.88671875" style="372" customWidth="1"/>
    <col min="6154" max="6154" width="15.77734375" style="372" customWidth="1"/>
    <col min="6155" max="6155" width="13.21875" style="372" customWidth="1"/>
    <col min="6156" max="6400" width="9" style="372"/>
    <col min="6401" max="6401" width="5.21875" style="372" customWidth="1"/>
    <col min="6402" max="6405" width="7.88671875" style="372" customWidth="1"/>
    <col min="6406" max="6406" width="11.21875" style="372" customWidth="1"/>
    <col min="6407" max="6409" width="7.88671875" style="372" customWidth="1"/>
    <col min="6410" max="6410" width="15.77734375" style="372" customWidth="1"/>
    <col min="6411" max="6411" width="13.21875" style="372" customWidth="1"/>
    <col min="6412" max="6656" width="9" style="372"/>
    <col min="6657" max="6657" width="5.21875" style="372" customWidth="1"/>
    <col min="6658" max="6661" width="7.88671875" style="372" customWidth="1"/>
    <col min="6662" max="6662" width="11.21875" style="372" customWidth="1"/>
    <col min="6663" max="6665" width="7.88671875" style="372" customWidth="1"/>
    <col min="6666" max="6666" width="15.77734375" style="372" customWidth="1"/>
    <col min="6667" max="6667" width="13.21875" style="372" customWidth="1"/>
    <col min="6668" max="6912" width="9" style="372"/>
    <col min="6913" max="6913" width="5.21875" style="372" customWidth="1"/>
    <col min="6914" max="6917" width="7.88671875" style="372" customWidth="1"/>
    <col min="6918" max="6918" width="11.21875" style="372" customWidth="1"/>
    <col min="6919" max="6921" width="7.88671875" style="372" customWidth="1"/>
    <col min="6922" max="6922" width="15.77734375" style="372" customWidth="1"/>
    <col min="6923" max="6923" width="13.21875" style="372" customWidth="1"/>
    <col min="6924" max="7168" width="9" style="372"/>
    <col min="7169" max="7169" width="5.21875" style="372" customWidth="1"/>
    <col min="7170" max="7173" width="7.88671875" style="372" customWidth="1"/>
    <col min="7174" max="7174" width="11.21875" style="372" customWidth="1"/>
    <col min="7175" max="7177" width="7.88671875" style="372" customWidth="1"/>
    <col min="7178" max="7178" width="15.77734375" style="372" customWidth="1"/>
    <col min="7179" max="7179" width="13.21875" style="372" customWidth="1"/>
    <col min="7180" max="7424" width="9" style="372"/>
    <col min="7425" max="7425" width="5.21875" style="372" customWidth="1"/>
    <col min="7426" max="7429" width="7.88671875" style="372" customWidth="1"/>
    <col min="7430" max="7430" width="11.21875" style="372" customWidth="1"/>
    <col min="7431" max="7433" width="7.88671875" style="372" customWidth="1"/>
    <col min="7434" max="7434" width="15.77734375" style="372" customWidth="1"/>
    <col min="7435" max="7435" width="13.21875" style="372" customWidth="1"/>
    <col min="7436" max="7680" width="9" style="372"/>
    <col min="7681" max="7681" width="5.21875" style="372" customWidth="1"/>
    <col min="7682" max="7685" width="7.88671875" style="372" customWidth="1"/>
    <col min="7686" max="7686" width="11.21875" style="372" customWidth="1"/>
    <col min="7687" max="7689" width="7.88671875" style="372" customWidth="1"/>
    <col min="7690" max="7690" width="15.77734375" style="372" customWidth="1"/>
    <col min="7691" max="7691" width="13.21875" style="372" customWidth="1"/>
    <col min="7692" max="7936" width="9" style="372"/>
    <col min="7937" max="7937" width="5.21875" style="372" customWidth="1"/>
    <col min="7938" max="7941" width="7.88671875" style="372" customWidth="1"/>
    <col min="7942" max="7942" width="11.21875" style="372" customWidth="1"/>
    <col min="7943" max="7945" width="7.88671875" style="372" customWidth="1"/>
    <col min="7946" max="7946" width="15.77734375" style="372" customWidth="1"/>
    <col min="7947" max="7947" width="13.21875" style="372" customWidth="1"/>
    <col min="7948" max="8192" width="9" style="372"/>
    <col min="8193" max="8193" width="5.21875" style="372" customWidth="1"/>
    <col min="8194" max="8197" width="7.88671875" style="372" customWidth="1"/>
    <col min="8198" max="8198" width="11.21875" style="372" customWidth="1"/>
    <col min="8199" max="8201" width="7.88671875" style="372" customWidth="1"/>
    <col min="8202" max="8202" width="15.77734375" style="372" customWidth="1"/>
    <col min="8203" max="8203" width="13.21875" style="372" customWidth="1"/>
    <col min="8204" max="8448" width="9" style="372"/>
    <col min="8449" max="8449" width="5.21875" style="372" customWidth="1"/>
    <col min="8450" max="8453" width="7.88671875" style="372" customWidth="1"/>
    <col min="8454" max="8454" width="11.21875" style="372" customWidth="1"/>
    <col min="8455" max="8457" width="7.88671875" style="372" customWidth="1"/>
    <col min="8458" max="8458" width="15.77734375" style="372" customWidth="1"/>
    <col min="8459" max="8459" width="13.21875" style="372" customWidth="1"/>
    <col min="8460" max="8704" width="9" style="372"/>
    <col min="8705" max="8705" width="5.21875" style="372" customWidth="1"/>
    <col min="8706" max="8709" width="7.88671875" style="372" customWidth="1"/>
    <col min="8710" max="8710" width="11.21875" style="372" customWidth="1"/>
    <col min="8711" max="8713" width="7.88671875" style="372" customWidth="1"/>
    <col min="8714" max="8714" width="15.77734375" style="372" customWidth="1"/>
    <col min="8715" max="8715" width="13.21875" style="372" customWidth="1"/>
    <col min="8716" max="8960" width="9" style="372"/>
    <col min="8961" max="8961" width="5.21875" style="372" customWidth="1"/>
    <col min="8962" max="8965" width="7.88671875" style="372" customWidth="1"/>
    <col min="8966" max="8966" width="11.21875" style="372" customWidth="1"/>
    <col min="8967" max="8969" width="7.88671875" style="372" customWidth="1"/>
    <col min="8970" max="8970" width="15.77734375" style="372" customWidth="1"/>
    <col min="8971" max="8971" width="13.21875" style="372" customWidth="1"/>
    <col min="8972" max="9216" width="9" style="372"/>
    <col min="9217" max="9217" width="5.21875" style="372" customWidth="1"/>
    <col min="9218" max="9221" width="7.88671875" style="372" customWidth="1"/>
    <col min="9222" max="9222" width="11.21875" style="372" customWidth="1"/>
    <col min="9223" max="9225" width="7.88671875" style="372" customWidth="1"/>
    <col min="9226" max="9226" width="15.77734375" style="372" customWidth="1"/>
    <col min="9227" max="9227" width="13.21875" style="372" customWidth="1"/>
    <col min="9228" max="9472" width="9" style="372"/>
    <col min="9473" max="9473" width="5.21875" style="372" customWidth="1"/>
    <col min="9474" max="9477" width="7.88671875" style="372" customWidth="1"/>
    <col min="9478" max="9478" width="11.21875" style="372" customWidth="1"/>
    <col min="9479" max="9481" width="7.88671875" style="372" customWidth="1"/>
    <col min="9482" max="9482" width="15.77734375" style="372" customWidth="1"/>
    <col min="9483" max="9483" width="13.21875" style="372" customWidth="1"/>
    <col min="9484" max="9728" width="9" style="372"/>
    <col min="9729" max="9729" width="5.21875" style="372" customWidth="1"/>
    <col min="9730" max="9733" width="7.88671875" style="372" customWidth="1"/>
    <col min="9734" max="9734" width="11.21875" style="372" customWidth="1"/>
    <col min="9735" max="9737" width="7.88671875" style="372" customWidth="1"/>
    <col min="9738" max="9738" width="15.77734375" style="372" customWidth="1"/>
    <col min="9739" max="9739" width="13.21875" style="372" customWidth="1"/>
    <col min="9740" max="9984" width="9" style="372"/>
    <col min="9985" max="9985" width="5.21875" style="372" customWidth="1"/>
    <col min="9986" max="9989" width="7.88671875" style="372" customWidth="1"/>
    <col min="9990" max="9990" width="11.21875" style="372" customWidth="1"/>
    <col min="9991" max="9993" width="7.88671875" style="372" customWidth="1"/>
    <col min="9994" max="9994" width="15.77734375" style="372" customWidth="1"/>
    <col min="9995" max="9995" width="13.21875" style="372" customWidth="1"/>
    <col min="9996" max="10240" width="9" style="372"/>
    <col min="10241" max="10241" width="5.21875" style="372" customWidth="1"/>
    <col min="10242" max="10245" width="7.88671875" style="372" customWidth="1"/>
    <col min="10246" max="10246" width="11.21875" style="372" customWidth="1"/>
    <col min="10247" max="10249" width="7.88671875" style="372" customWidth="1"/>
    <col min="10250" max="10250" width="15.77734375" style="372" customWidth="1"/>
    <col min="10251" max="10251" width="13.21875" style="372" customWidth="1"/>
    <col min="10252" max="10496" width="9" style="372"/>
    <col min="10497" max="10497" width="5.21875" style="372" customWidth="1"/>
    <col min="10498" max="10501" width="7.88671875" style="372" customWidth="1"/>
    <col min="10502" max="10502" width="11.21875" style="372" customWidth="1"/>
    <col min="10503" max="10505" width="7.88671875" style="372" customWidth="1"/>
    <col min="10506" max="10506" width="15.77734375" style="372" customWidth="1"/>
    <col min="10507" max="10507" width="13.21875" style="372" customWidth="1"/>
    <col min="10508" max="10752" width="9" style="372"/>
    <col min="10753" max="10753" width="5.21875" style="372" customWidth="1"/>
    <col min="10754" max="10757" width="7.88671875" style="372" customWidth="1"/>
    <col min="10758" max="10758" width="11.21875" style="372" customWidth="1"/>
    <col min="10759" max="10761" width="7.88671875" style="372" customWidth="1"/>
    <col min="10762" max="10762" width="15.77734375" style="372" customWidth="1"/>
    <col min="10763" max="10763" width="13.21875" style="372" customWidth="1"/>
    <col min="10764" max="11008" width="9" style="372"/>
    <col min="11009" max="11009" width="5.21875" style="372" customWidth="1"/>
    <col min="11010" max="11013" width="7.88671875" style="372" customWidth="1"/>
    <col min="11014" max="11014" width="11.21875" style="372" customWidth="1"/>
    <col min="11015" max="11017" width="7.88671875" style="372" customWidth="1"/>
    <col min="11018" max="11018" width="15.77734375" style="372" customWidth="1"/>
    <col min="11019" max="11019" width="13.21875" style="372" customWidth="1"/>
    <col min="11020" max="11264" width="9" style="372"/>
    <col min="11265" max="11265" width="5.21875" style="372" customWidth="1"/>
    <col min="11266" max="11269" width="7.88671875" style="372" customWidth="1"/>
    <col min="11270" max="11270" width="11.21875" style="372" customWidth="1"/>
    <col min="11271" max="11273" width="7.88671875" style="372" customWidth="1"/>
    <col min="11274" max="11274" width="15.77734375" style="372" customWidth="1"/>
    <col min="11275" max="11275" width="13.21875" style="372" customWidth="1"/>
    <col min="11276" max="11520" width="9" style="372"/>
    <col min="11521" max="11521" width="5.21875" style="372" customWidth="1"/>
    <col min="11522" max="11525" width="7.88671875" style="372" customWidth="1"/>
    <col min="11526" max="11526" width="11.21875" style="372" customWidth="1"/>
    <col min="11527" max="11529" width="7.88671875" style="372" customWidth="1"/>
    <col min="11530" max="11530" width="15.77734375" style="372" customWidth="1"/>
    <col min="11531" max="11531" width="13.21875" style="372" customWidth="1"/>
    <col min="11532" max="11776" width="9" style="372"/>
    <col min="11777" max="11777" width="5.21875" style="372" customWidth="1"/>
    <col min="11778" max="11781" width="7.88671875" style="372" customWidth="1"/>
    <col min="11782" max="11782" width="11.21875" style="372" customWidth="1"/>
    <col min="11783" max="11785" width="7.88671875" style="372" customWidth="1"/>
    <col min="11786" max="11786" width="15.77734375" style="372" customWidth="1"/>
    <col min="11787" max="11787" width="13.21875" style="372" customWidth="1"/>
    <col min="11788" max="12032" width="9" style="372"/>
    <col min="12033" max="12033" width="5.21875" style="372" customWidth="1"/>
    <col min="12034" max="12037" width="7.88671875" style="372" customWidth="1"/>
    <col min="12038" max="12038" width="11.21875" style="372" customWidth="1"/>
    <col min="12039" max="12041" width="7.88671875" style="372" customWidth="1"/>
    <col min="12042" max="12042" width="15.77734375" style="372" customWidth="1"/>
    <col min="12043" max="12043" width="13.21875" style="372" customWidth="1"/>
    <col min="12044" max="12288" width="9" style="372"/>
    <col min="12289" max="12289" width="5.21875" style="372" customWidth="1"/>
    <col min="12290" max="12293" width="7.88671875" style="372" customWidth="1"/>
    <col min="12294" max="12294" width="11.21875" style="372" customWidth="1"/>
    <col min="12295" max="12297" width="7.88671875" style="372" customWidth="1"/>
    <col min="12298" max="12298" width="15.77734375" style="372" customWidth="1"/>
    <col min="12299" max="12299" width="13.21875" style="372" customWidth="1"/>
    <col min="12300" max="12544" width="9" style="372"/>
    <col min="12545" max="12545" width="5.21875" style="372" customWidth="1"/>
    <col min="12546" max="12549" width="7.88671875" style="372" customWidth="1"/>
    <col min="12550" max="12550" width="11.21875" style="372" customWidth="1"/>
    <col min="12551" max="12553" width="7.88671875" style="372" customWidth="1"/>
    <col min="12554" max="12554" width="15.77734375" style="372" customWidth="1"/>
    <col min="12555" max="12555" width="13.21875" style="372" customWidth="1"/>
    <col min="12556" max="12800" width="9" style="372"/>
    <col min="12801" max="12801" width="5.21875" style="372" customWidth="1"/>
    <col min="12802" max="12805" width="7.88671875" style="372" customWidth="1"/>
    <col min="12806" max="12806" width="11.21875" style="372" customWidth="1"/>
    <col min="12807" max="12809" width="7.88671875" style="372" customWidth="1"/>
    <col min="12810" max="12810" width="15.77734375" style="372" customWidth="1"/>
    <col min="12811" max="12811" width="13.21875" style="372" customWidth="1"/>
    <col min="12812" max="13056" width="9" style="372"/>
    <col min="13057" max="13057" width="5.21875" style="372" customWidth="1"/>
    <col min="13058" max="13061" width="7.88671875" style="372" customWidth="1"/>
    <col min="13062" max="13062" width="11.21875" style="372" customWidth="1"/>
    <col min="13063" max="13065" width="7.88671875" style="372" customWidth="1"/>
    <col min="13066" max="13066" width="15.77734375" style="372" customWidth="1"/>
    <col min="13067" max="13067" width="13.21875" style="372" customWidth="1"/>
    <col min="13068" max="13312" width="9" style="372"/>
    <col min="13313" max="13313" width="5.21875" style="372" customWidth="1"/>
    <col min="13314" max="13317" width="7.88671875" style="372" customWidth="1"/>
    <col min="13318" max="13318" width="11.21875" style="372" customWidth="1"/>
    <col min="13319" max="13321" width="7.88671875" style="372" customWidth="1"/>
    <col min="13322" max="13322" width="15.77734375" style="372" customWidth="1"/>
    <col min="13323" max="13323" width="13.21875" style="372" customWidth="1"/>
    <col min="13324" max="13568" width="9" style="372"/>
    <col min="13569" max="13569" width="5.21875" style="372" customWidth="1"/>
    <col min="13570" max="13573" width="7.88671875" style="372" customWidth="1"/>
    <col min="13574" max="13574" width="11.21875" style="372" customWidth="1"/>
    <col min="13575" max="13577" width="7.88671875" style="372" customWidth="1"/>
    <col min="13578" max="13578" width="15.77734375" style="372" customWidth="1"/>
    <col min="13579" max="13579" width="13.21875" style="372" customWidth="1"/>
    <col min="13580" max="13824" width="9" style="372"/>
    <col min="13825" max="13825" width="5.21875" style="372" customWidth="1"/>
    <col min="13826" max="13829" width="7.88671875" style="372" customWidth="1"/>
    <col min="13830" max="13830" width="11.21875" style="372" customWidth="1"/>
    <col min="13831" max="13833" width="7.88671875" style="372" customWidth="1"/>
    <col min="13834" max="13834" width="15.77734375" style="372" customWidth="1"/>
    <col min="13835" max="13835" width="13.21875" style="372" customWidth="1"/>
    <col min="13836" max="14080" width="9" style="372"/>
    <col min="14081" max="14081" width="5.21875" style="372" customWidth="1"/>
    <col min="14082" max="14085" width="7.88671875" style="372" customWidth="1"/>
    <col min="14086" max="14086" width="11.21875" style="372" customWidth="1"/>
    <col min="14087" max="14089" width="7.88671875" style="372" customWidth="1"/>
    <col min="14090" max="14090" width="15.77734375" style="372" customWidth="1"/>
    <col min="14091" max="14091" width="13.21875" style="372" customWidth="1"/>
    <col min="14092" max="14336" width="9" style="372"/>
    <col min="14337" max="14337" width="5.21875" style="372" customWidth="1"/>
    <col min="14338" max="14341" width="7.88671875" style="372" customWidth="1"/>
    <col min="14342" max="14342" width="11.21875" style="372" customWidth="1"/>
    <col min="14343" max="14345" width="7.88671875" style="372" customWidth="1"/>
    <col min="14346" max="14346" width="15.77734375" style="372" customWidth="1"/>
    <col min="14347" max="14347" width="13.21875" style="372" customWidth="1"/>
    <col min="14348" max="14592" width="9" style="372"/>
    <col min="14593" max="14593" width="5.21875" style="372" customWidth="1"/>
    <col min="14594" max="14597" width="7.88671875" style="372" customWidth="1"/>
    <col min="14598" max="14598" width="11.21875" style="372" customWidth="1"/>
    <col min="14599" max="14601" width="7.88671875" style="372" customWidth="1"/>
    <col min="14602" max="14602" width="15.77734375" style="372" customWidth="1"/>
    <col min="14603" max="14603" width="13.21875" style="372" customWidth="1"/>
    <col min="14604" max="14848" width="9" style="372"/>
    <col min="14849" max="14849" width="5.21875" style="372" customWidth="1"/>
    <col min="14850" max="14853" width="7.88671875" style="372" customWidth="1"/>
    <col min="14854" max="14854" width="11.21875" style="372" customWidth="1"/>
    <col min="14855" max="14857" width="7.88671875" style="372" customWidth="1"/>
    <col min="14858" max="14858" width="15.77734375" style="372" customWidth="1"/>
    <col min="14859" max="14859" width="13.21875" style="372" customWidth="1"/>
    <col min="14860" max="15104" width="9" style="372"/>
    <col min="15105" max="15105" width="5.21875" style="372" customWidth="1"/>
    <col min="15106" max="15109" width="7.88671875" style="372" customWidth="1"/>
    <col min="15110" max="15110" width="11.21875" style="372" customWidth="1"/>
    <col min="15111" max="15113" width="7.88671875" style="372" customWidth="1"/>
    <col min="15114" max="15114" width="15.77734375" style="372" customWidth="1"/>
    <col min="15115" max="15115" width="13.21875" style="372" customWidth="1"/>
    <col min="15116" max="15360" width="9" style="372"/>
    <col min="15361" max="15361" width="5.21875" style="372" customWidth="1"/>
    <col min="15362" max="15365" width="7.88671875" style="372" customWidth="1"/>
    <col min="15366" max="15366" width="11.21875" style="372" customWidth="1"/>
    <col min="15367" max="15369" width="7.88671875" style="372" customWidth="1"/>
    <col min="15370" max="15370" width="15.77734375" style="372" customWidth="1"/>
    <col min="15371" max="15371" width="13.21875" style="372" customWidth="1"/>
    <col min="15372" max="15616" width="9" style="372"/>
    <col min="15617" max="15617" width="5.21875" style="372" customWidth="1"/>
    <col min="15618" max="15621" width="7.88671875" style="372" customWidth="1"/>
    <col min="15622" max="15622" width="11.21875" style="372" customWidth="1"/>
    <col min="15623" max="15625" width="7.88671875" style="372" customWidth="1"/>
    <col min="15626" max="15626" width="15.77734375" style="372" customWidth="1"/>
    <col min="15627" max="15627" width="13.21875" style="372" customWidth="1"/>
    <col min="15628" max="15872" width="9" style="372"/>
    <col min="15873" max="15873" width="5.21875" style="372" customWidth="1"/>
    <col min="15874" max="15877" width="7.88671875" style="372" customWidth="1"/>
    <col min="15878" max="15878" width="11.21875" style="372" customWidth="1"/>
    <col min="15879" max="15881" width="7.88671875" style="372" customWidth="1"/>
    <col min="15882" max="15882" width="15.77734375" style="372" customWidth="1"/>
    <col min="15883" max="15883" width="13.21875" style="372" customWidth="1"/>
    <col min="15884" max="16128" width="9" style="372"/>
    <col min="16129" max="16129" width="5.21875" style="372" customWidth="1"/>
    <col min="16130" max="16133" width="7.88671875" style="372" customWidth="1"/>
    <col min="16134" max="16134" width="11.21875" style="372" customWidth="1"/>
    <col min="16135" max="16137" width="7.88671875" style="372" customWidth="1"/>
    <col min="16138" max="16138" width="15.77734375" style="372" customWidth="1"/>
    <col min="16139" max="16139" width="13.21875" style="372" customWidth="1"/>
    <col min="16140" max="16384" width="9" style="372"/>
  </cols>
  <sheetData>
    <row r="1" spans="1:11" ht="27.75" customHeight="1" x14ac:dyDescent="0.2">
      <c r="A1" s="437"/>
      <c r="B1" s="398" t="s">
        <v>701</v>
      </c>
      <c r="C1" s="461"/>
      <c r="D1" s="460"/>
      <c r="E1" s="460"/>
      <c r="F1" s="460"/>
      <c r="G1" s="2575" t="s">
        <v>781</v>
      </c>
      <c r="H1" s="2575"/>
      <c r="I1" s="2575"/>
      <c r="J1" s="2575"/>
      <c r="K1" s="2575"/>
    </row>
    <row r="2" spans="1:11" ht="84.75" customHeight="1" x14ac:dyDescent="0.2">
      <c r="A2" s="2577" t="s">
        <v>604</v>
      </c>
      <c r="B2" s="2578"/>
      <c r="C2" s="2578"/>
      <c r="D2" s="2578"/>
      <c r="E2" s="2578"/>
      <c r="F2" s="2578"/>
      <c r="G2" s="2578"/>
      <c r="H2" s="2578"/>
      <c r="I2" s="2578"/>
      <c r="J2" s="2578"/>
      <c r="K2" s="2578"/>
    </row>
    <row r="3" spans="1:11" ht="16.5" customHeight="1" thickBot="1" x14ac:dyDescent="0.25">
      <c r="A3" s="459"/>
      <c r="B3" s="458"/>
      <c r="C3" s="458"/>
      <c r="D3" s="458"/>
      <c r="E3" s="458"/>
      <c r="F3" s="458"/>
      <c r="G3" s="458"/>
      <c r="H3" s="458"/>
      <c r="I3" s="458"/>
      <c r="J3" s="458"/>
      <c r="K3" s="458"/>
    </row>
    <row r="4" spans="1:11" ht="16.5" customHeight="1" x14ac:dyDescent="0.2">
      <c r="A4" s="2887" t="s">
        <v>780</v>
      </c>
      <c r="B4" s="2890" t="s">
        <v>605</v>
      </c>
      <c r="C4" s="2891"/>
      <c r="D4" s="2891"/>
      <c r="E4" s="2892"/>
      <c r="F4" s="2899" t="s">
        <v>69</v>
      </c>
      <c r="K4" s="457"/>
    </row>
    <row r="5" spans="1:11" ht="16.5" customHeight="1" x14ac:dyDescent="0.2">
      <c r="A5" s="2888"/>
      <c r="B5" s="2893"/>
      <c r="C5" s="2894"/>
      <c r="D5" s="2894"/>
      <c r="E5" s="2895"/>
      <c r="F5" s="2900"/>
      <c r="K5" s="457"/>
    </row>
    <row r="6" spans="1:11" ht="16.5" customHeight="1" thickBot="1" x14ac:dyDescent="0.25">
      <c r="A6" s="2889"/>
      <c r="B6" s="2896"/>
      <c r="C6" s="2897"/>
      <c r="D6" s="2897"/>
      <c r="E6" s="2898"/>
      <c r="F6" s="2901"/>
      <c r="K6" s="457"/>
    </row>
    <row r="7" spans="1:11" ht="16.5" customHeight="1" x14ac:dyDescent="0.2">
      <c r="A7" s="2888" t="s">
        <v>84</v>
      </c>
      <c r="B7" s="2890" t="s">
        <v>606</v>
      </c>
      <c r="C7" s="2891"/>
      <c r="D7" s="2891"/>
      <c r="E7" s="2892"/>
      <c r="F7" s="2899" t="s">
        <v>69</v>
      </c>
      <c r="K7" s="457"/>
    </row>
    <row r="8" spans="1:11" ht="16.5" customHeight="1" x14ac:dyDescent="0.2">
      <c r="A8" s="2888"/>
      <c r="B8" s="2893"/>
      <c r="C8" s="2894"/>
      <c r="D8" s="2894"/>
      <c r="E8" s="2895"/>
      <c r="F8" s="2900"/>
      <c r="K8" s="457"/>
    </row>
    <row r="9" spans="1:11" ht="16.5" customHeight="1" thickBot="1" x14ac:dyDescent="0.25">
      <c r="A9" s="2889"/>
      <c r="B9" s="2896"/>
      <c r="C9" s="2897"/>
      <c r="D9" s="2897"/>
      <c r="E9" s="2898"/>
      <c r="F9" s="2901"/>
      <c r="K9" s="457"/>
    </row>
    <row r="10" spans="1:11" ht="18.75" customHeight="1" x14ac:dyDescent="0.2">
      <c r="A10" s="2888" t="s">
        <v>116</v>
      </c>
      <c r="B10" s="2890" t="s">
        <v>607</v>
      </c>
      <c r="C10" s="2891"/>
      <c r="D10" s="2891"/>
      <c r="E10" s="2892"/>
      <c r="F10" s="2899" t="s">
        <v>212</v>
      </c>
      <c r="K10" s="457"/>
    </row>
    <row r="11" spans="1:11" ht="18.75" customHeight="1" x14ac:dyDescent="0.2">
      <c r="A11" s="2888"/>
      <c r="B11" s="2893"/>
      <c r="C11" s="2894"/>
      <c r="D11" s="2894"/>
      <c r="E11" s="2895"/>
      <c r="F11" s="2900"/>
      <c r="K11" s="457"/>
    </row>
    <row r="12" spans="1:11" ht="18.75" customHeight="1" thickBot="1" x14ac:dyDescent="0.25">
      <c r="A12" s="2889"/>
      <c r="B12" s="2896"/>
      <c r="C12" s="2897"/>
      <c r="D12" s="2897"/>
      <c r="E12" s="2898"/>
      <c r="F12" s="2901"/>
      <c r="K12" s="457"/>
    </row>
    <row r="13" spans="1:11" ht="15.75" customHeight="1" x14ac:dyDescent="0.2"/>
    <row r="14" spans="1:11" ht="15.75" customHeight="1" x14ac:dyDescent="0.2">
      <c r="A14" s="400" t="s">
        <v>608</v>
      </c>
      <c r="B14" s="400"/>
      <c r="C14" s="400"/>
      <c r="D14" s="400"/>
      <c r="E14" s="400"/>
      <c r="F14" s="400"/>
      <c r="G14" s="400"/>
      <c r="H14" s="400"/>
      <c r="I14" s="400"/>
      <c r="J14" s="400"/>
      <c r="K14" s="400"/>
    </row>
    <row r="15" spans="1:11" s="400" customFormat="1" ht="30" customHeight="1" x14ac:dyDescent="0.2">
      <c r="A15" s="402"/>
      <c r="B15" s="2547" t="s">
        <v>54</v>
      </c>
      <c r="C15" s="2547"/>
      <c r="D15" s="2547" t="s">
        <v>735</v>
      </c>
      <c r="E15" s="2547"/>
      <c r="F15" s="2547" t="s">
        <v>186</v>
      </c>
      <c r="G15" s="2600"/>
      <c r="H15" s="2631" t="s">
        <v>778</v>
      </c>
      <c r="I15" s="2547"/>
      <c r="J15" s="456" t="s">
        <v>779</v>
      </c>
      <c r="K15" s="452" t="s">
        <v>609</v>
      </c>
    </row>
    <row r="16" spans="1:11" s="400" customFormat="1" ht="17.25" customHeight="1" x14ac:dyDescent="0.2">
      <c r="A16" s="402">
        <v>1</v>
      </c>
      <c r="B16" s="2603"/>
      <c r="C16" s="2603"/>
      <c r="D16" s="2604"/>
      <c r="E16" s="2605"/>
      <c r="F16" s="2603"/>
      <c r="G16" s="2596"/>
      <c r="H16" s="2618"/>
      <c r="I16" s="2618"/>
      <c r="J16" s="455"/>
      <c r="K16" s="403"/>
    </row>
    <row r="17" spans="1:11" s="400" customFormat="1" ht="17.25" customHeight="1" x14ac:dyDescent="0.2">
      <c r="A17" s="402">
        <v>2</v>
      </c>
      <c r="B17" s="2603"/>
      <c r="C17" s="2603"/>
      <c r="D17" s="2604"/>
      <c r="E17" s="2605"/>
      <c r="F17" s="2603"/>
      <c r="G17" s="2596"/>
      <c r="H17" s="2618"/>
      <c r="I17" s="2618"/>
      <c r="J17" s="455"/>
      <c r="K17" s="403"/>
    </row>
    <row r="18" spans="1:11" s="400" customFormat="1" ht="17.25" customHeight="1" x14ac:dyDescent="0.2">
      <c r="A18" s="402">
        <v>3</v>
      </c>
      <c r="B18" s="2596"/>
      <c r="C18" s="2609"/>
      <c r="D18" s="2610"/>
      <c r="E18" s="2611"/>
      <c r="F18" s="2596"/>
      <c r="G18" s="2597"/>
      <c r="H18" s="2618"/>
      <c r="I18" s="2618"/>
      <c r="J18" s="455"/>
      <c r="K18" s="403"/>
    </row>
    <row r="19" spans="1:11" s="400" customFormat="1" ht="17.25" customHeight="1" x14ac:dyDescent="0.2">
      <c r="A19" s="402">
        <v>4</v>
      </c>
      <c r="B19" s="2596"/>
      <c r="C19" s="2609"/>
      <c r="D19" s="2610"/>
      <c r="E19" s="2611"/>
      <c r="F19" s="2596"/>
      <c r="G19" s="2597"/>
      <c r="H19" s="2618"/>
      <c r="I19" s="2618"/>
      <c r="J19" s="455"/>
      <c r="K19" s="403"/>
    </row>
    <row r="20" spans="1:11" s="400" customFormat="1" ht="17.25" customHeight="1" x14ac:dyDescent="0.2">
      <c r="A20" s="402">
        <v>5</v>
      </c>
      <c r="B20" s="2596"/>
      <c r="C20" s="2609"/>
      <c r="D20" s="2610"/>
      <c r="E20" s="2611"/>
      <c r="F20" s="2596"/>
      <c r="G20" s="2597"/>
      <c r="H20" s="2618"/>
      <c r="I20" s="2618"/>
      <c r="J20" s="455"/>
      <c r="K20" s="403"/>
    </row>
    <row r="21" spans="1:11" s="400" customFormat="1" ht="17.25" customHeight="1" x14ac:dyDescent="0.2">
      <c r="A21" s="402">
        <v>6</v>
      </c>
      <c r="B21" s="2596"/>
      <c r="C21" s="2609"/>
      <c r="D21" s="2610"/>
      <c r="E21" s="2611"/>
      <c r="F21" s="2596"/>
      <c r="G21" s="2597"/>
      <c r="H21" s="2618"/>
      <c r="I21" s="2618"/>
      <c r="J21" s="455"/>
      <c r="K21" s="401"/>
    </row>
    <row r="22" spans="1:11" s="400" customFormat="1" ht="17.25" customHeight="1" x14ac:dyDescent="0.2">
      <c r="A22" s="402">
        <v>7</v>
      </c>
      <c r="B22" s="2603"/>
      <c r="C22" s="2603"/>
      <c r="D22" s="2603"/>
      <c r="E22" s="2603"/>
      <c r="F22" s="2603"/>
      <c r="G22" s="2596"/>
      <c r="H22" s="2603"/>
      <c r="I22" s="2603"/>
      <c r="J22" s="403"/>
      <c r="K22" s="404"/>
    </row>
    <row r="23" spans="1:11" s="400" customFormat="1" ht="17.25" customHeight="1" x14ac:dyDescent="0.2">
      <c r="A23" s="402">
        <v>8</v>
      </c>
      <c r="B23" s="2603"/>
      <c r="C23" s="2603"/>
      <c r="D23" s="2603"/>
      <c r="E23" s="2603"/>
      <c r="F23" s="2603"/>
      <c r="G23" s="2596"/>
      <c r="H23" s="2603"/>
      <c r="I23" s="2603"/>
      <c r="J23" s="403"/>
      <c r="K23" s="401"/>
    </row>
    <row r="24" spans="1:11" s="400" customFormat="1" ht="17.25" customHeight="1" x14ac:dyDescent="0.2">
      <c r="A24" s="402">
        <v>9</v>
      </c>
      <c r="B24" s="2603"/>
      <c r="C24" s="2603"/>
      <c r="D24" s="2603"/>
      <c r="E24" s="2603"/>
      <c r="F24" s="2603"/>
      <c r="G24" s="2596"/>
      <c r="H24" s="2603"/>
      <c r="I24" s="2603"/>
      <c r="J24" s="403"/>
      <c r="K24" s="401"/>
    </row>
    <row r="25" spans="1:11" s="400" customFormat="1" ht="17.25" customHeight="1" x14ac:dyDescent="0.2">
      <c r="A25" s="402">
        <v>10</v>
      </c>
      <c r="B25" s="2603"/>
      <c r="C25" s="2603"/>
      <c r="D25" s="2603"/>
      <c r="E25" s="2603"/>
      <c r="F25" s="2603"/>
      <c r="G25" s="2596"/>
      <c r="H25" s="2603"/>
      <c r="I25" s="2603"/>
      <c r="J25" s="403"/>
      <c r="K25" s="401"/>
    </row>
    <row r="26" spans="1:11" s="400" customFormat="1" ht="17.25" customHeight="1" x14ac:dyDescent="0.2">
      <c r="A26" s="402">
        <v>11</v>
      </c>
      <c r="B26" s="2596"/>
      <c r="C26" s="2609"/>
      <c r="D26" s="2610"/>
      <c r="E26" s="2611"/>
      <c r="F26" s="2603"/>
      <c r="G26" s="2596"/>
      <c r="H26" s="2618"/>
      <c r="I26" s="2618"/>
      <c r="J26" s="455"/>
      <c r="K26" s="403"/>
    </row>
    <row r="27" spans="1:11" s="400" customFormat="1" ht="17.25" customHeight="1" x14ac:dyDescent="0.2">
      <c r="A27" s="402">
        <v>12</v>
      </c>
      <c r="B27" s="2603"/>
      <c r="C27" s="2603"/>
      <c r="D27" s="2604"/>
      <c r="E27" s="2605"/>
      <c r="F27" s="2603"/>
      <c r="G27" s="2596"/>
      <c r="H27" s="2618"/>
      <c r="I27" s="2618"/>
      <c r="J27" s="455"/>
      <c r="K27" s="403"/>
    </row>
    <row r="28" spans="1:11" s="400" customFormat="1" ht="17.25" customHeight="1" x14ac:dyDescent="0.2">
      <c r="A28" s="402">
        <v>13</v>
      </c>
      <c r="B28" s="2596"/>
      <c r="C28" s="2609"/>
      <c r="D28" s="2610"/>
      <c r="E28" s="2611"/>
      <c r="F28" s="2596"/>
      <c r="G28" s="2597"/>
      <c r="H28" s="2618"/>
      <c r="I28" s="2618"/>
      <c r="J28" s="455"/>
      <c r="K28" s="403"/>
    </row>
    <row r="29" spans="1:11" s="400" customFormat="1" ht="17.25" customHeight="1" x14ac:dyDescent="0.2">
      <c r="A29" s="402">
        <v>14</v>
      </c>
      <c r="B29" s="2603"/>
      <c r="C29" s="2603"/>
      <c r="D29" s="2604"/>
      <c r="E29" s="2605"/>
      <c r="F29" s="2603"/>
      <c r="G29" s="2596"/>
      <c r="H29" s="2618"/>
      <c r="I29" s="2618"/>
      <c r="J29" s="455"/>
      <c r="K29" s="403"/>
    </row>
    <row r="30" spans="1:11" s="400" customFormat="1" ht="17.25" customHeight="1" x14ac:dyDescent="0.2">
      <c r="A30" s="402">
        <v>15</v>
      </c>
      <c r="B30" s="2603"/>
      <c r="C30" s="2603"/>
      <c r="D30" s="2610"/>
      <c r="E30" s="2617"/>
      <c r="F30" s="2603"/>
      <c r="G30" s="2596"/>
      <c r="H30" s="2618"/>
      <c r="I30" s="2618"/>
      <c r="J30" s="455"/>
      <c r="K30" s="401"/>
    </row>
    <row r="31" spans="1:11" s="400" customFormat="1" ht="17.25" customHeight="1" x14ac:dyDescent="0.2">
      <c r="A31" s="402">
        <v>16</v>
      </c>
      <c r="B31" s="2603"/>
      <c r="C31" s="2603"/>
      <c r="D31" s="2618"/>
      <c r="E31" s="2603"/>
      <c r="F31" s="2603"/>
      <c r="G31" s="2596"/>
      <c r="H31" s="2618"/>
      <c r="I31" s="2618"/>
      <c r="J31" s="455"/>
      <c r="K31" s="401"/>
    </row>
    <row r="32" spans="1:11" s="400" customFormat="1" ht="17.25" customHeight="1" x14ac:dyDescent="0.2">
      <c r="A32" s="402">
        <v>17</v>
      </c>
      <c r="B32" s="2603"/>
      <c r="C32" s="2603"/>
      <c r="D32" s="2603"/>
      <c r="E32" s="2603"/>
      <c r="F32" s="2603"/>
      <c r="G32" s="2596"/>
      <c r="H32" s="2618"/>
      <c r="I32" s="2618"/>
      <c r="J32" s="455"/>
      <c r="K32" s="401"/>
    </row>
    <row r="33" spans="1:11" s="400" customFormat="1" ht="17.25" customHeight="1" x14ac:dyDescent="0.2">
      <c r="A33" s="402">
        <v>18</v>
      </c>
      <c r="B33" s="2603"/>
      <c r="C33" s="2603"/>
      <c r="D33" s="2603"/>
      <c r="E33" s="2603"/>
      <c r="F33" s="2603"/>
      <c r="G33" s="2596"/>
      <c r="H33" s="2618"/>
      <c r="I33" s="2618"/>
      <c r="J33" s="455"/>
      <c r="K33" s="401"/>
    </row>
    <row r="34" spans="1:11" s="400" customFormat="1" ht="17.25" customHeight="1" x14ac:dyDescent="0.2">
      <c r="A34" s="402">
        <v>19</v>
      </c>
      <c r="B34" s="2603"/>
      <c r="C34" s="2603"/>
      <c r="D34" s="2603"/>
      <c r="E34" s="2603"/>
      <c r="F34" s="2603"/>
      <c r="G34" s="2596"/>
      <c r="H34" s="2618"/>
      <c r="I34" s="2618"/>
      <c r="J34" s="455"/>
      <c r="K34" s="401"/>
    </row>
    <row r="35" spans="1:11" s="400" customFormat="1" ht="17.25" customHeight="1" x14ac:dyDescent="0.2">
      <c r="A35" s="402">
        <v>20</v>
      </c>
      <c r="B35" s="2603"/>
      <c r="C35" s="2603"/>
      <c r="D35" s="2603"/>
      <c r="E35" s="2603"/>
      <c r="F35" s="2603"/>
      <c r="G35" s="2596"/>
      <c r="H35" s="2618"/>
      <c r="I35" s="2618"/>
      <c r="J35" s="455"/>
      <c r="K35" s="401"/>
    </row>
    <row r="36" spans="1:11" s="400" customFormat="1" ht="17.25" customHeight="1" x14ac:dyDescent="0.2">
      <c r="A36" s="402">
        <v>21</v>
      </c>
      <c r="B36" s="2603"/>
      <c r="C36" s="2603"/>
      <c r="D36" s="2619"/>
      <c r="E36" s="2620"/>
      <c r="F36" s="2603"/>
      <c r="G36" s="2596"/>
      <c r="H36" s="2618"/>
      <c r="I36" s="2618"/>
      <c r="J36" s="455"/>
      <c r="K36" s="403"/>
    </row>
    <row r="37" spans="1:11" s="400" customFormat="1" ht="17.25" customHeight="1" x14ac:dyDescent="0.2">
      <c r="A37" s="402">
        <v>22</v>
      </c>
      <c r="B37" s="2603"/>
      <c r="C37" s="2603"/>
      <c r="D37" s="2619"/>
      <c r="E37" s="2620"/>
      <c r="F37" s="2603"/>
      <c r="G37" s="2596"/>
      <c r="H37" s="2618"/>
      <c r="I37" s="2618"/>
      <c r="J37" s="455"/>
      <c r="K37" s="403"/>
    </row>
    <row r="38" spans="1:11" s="400" customFormat="1" ht="17.25" customHeight="1" x14ac:dyDescent="0.2">
      <c r="A38" s="402">
        <v>23</v>
      </c>
      <c r="B38" s="2603"/>
      <c r="C38" s="2603"/>
      <c r="D38" s="2619"/>
      <c r="E38" s="2620"/>
      <c r="F38" s="2603"/>
      <c r="G38" s="2596"/>
      <c r="H38" s="2618"/>
      <c r="I38" s="2618"/>
      <c r="J38" s="455"/>
      <c r="K38" s="403"/>
    </row>
    <row r="39" spans="1:11" s="400" customFormat="1" ht="17.25" customHeight="1" x14ac:dyDescent="0.2">
      <c r="A39" s="402">
        <v>24</v>
      </c>
      <c r="B39" s="2603"/>
      <c r="C39" s="2603"/>
      <c r="D39" s="2619"/>
      <c r="E39" s="2620"/>
      <c r="F39" s="2603"/>
      <c r="G39" s="2596"/>
      <c r="H39" s="2618"/>
      <c r="I39" s="2618"/>
      <c r="J39" s="455"/>
      <c r="K39" s="401"/>
    </row>
    <row r="40" spans="1:11" s="400" customFormat="1" ht="17.25" customHeight="1" x14ac:dyDescent="0.2">
      <c r="A40" s="402">
        <v>25</v>
      </c>
      <c r="B40" s="2603"/>
      <c r="C40" s="2603"/>
      <c r="D40" s="2619"/>
      <c r="E40" s="2620"/>
      <c r="F40" s="2603"/>
      <c r="G40" s="2596"/>
      <c r="H40" s="2618"/>
      <c r="I40" s="2618"/>
      <c r="J40" s="455"/>
      <c r="K40" s="401"/>
    </row>
    <row r="41" spans="1:11" s="400" customFormat="1" ht="17.25" customHeight="1" x14ac:dyDescent="0.2">
      <c r="A41" s="402">
        <v>26</v>
      </c>
      <c r="B41" s="2603"/>
      <c r="C41" s="2603"/>
      <c r="D41" s="2603"/>
      <c r="E41" s="2603"/>
      <c r="F41" s="2603"/>
      <c r="G41" s="2596"/>
      <c r="H41" s="2618"/>
      <c r="I41" s="2618"/>
      <c r="J41" s="455"/>
      <c r="K41" s="401"/>
    </row>
    <row r="42" spans="1:11" s="400" customFormat="1" ht="17.25" customHeight="1" x14ac:dyDescent="0.2">
      <c r="A42" s="402">
        <v>27</v>
      </c>
      <c r="B42" s="2603"/>
      <c r="C42" s="2603"/>
      <c r="D42" s="2603"/>
      <c r="E42" s="2603"/>
      <c r="F42" s="2603"/>
      <c r="G42" s="2596"/>
      <c r="H42" s="2618"/>
      <c r="I42" s="2618"/>
      <c r="J42" s="455"/>
      <c r="K42" s="401"/>
    </row>
    <row r="43" spans="1:11" s="400" customFormat="1" ht="17.25" customHeight="1" x14ac:dyDescent="0.2">
      <c r="A43" s="402">
        <v>28</v>
      </c>
      <c r="B43" s="2603"/>
      <c r="C43" s="2603"/>
      <c r="D43" s="2603"/>
      <c r="E43" s="2603"/>
      <c r="F43" s="2603"/>
      <c r="G43" s="2596"/>
      <c r="H43" s="2618"/>
      <c r="I43" s="2618"/>
      <c r="J43" s="455"/>
      <c r="K43" s="401"/>
    </row>
    <row r="44" spans="1:11" s="400" customFormat="1" ht="17.25" customHeight="1" x14ac:dyDescent="0.2">
      <c r="A44" s="402">
        <v>29</v>
      </c>
      <c r="B44" s="2603"/>
      <c r="C44" s="2603"/>
      <c r="D44" s="2603"/>
      <c r="E44" s="2603"/>
      <c r="F44" s="2603"/>
      <c r="G44" s="2596"/>
      <c r="H44" s="2618"/>
      <c r="I44" s="2618"/>
      <c r="J44" s="455"/>
      <c r="K44" s="401"/>
    </row>
    <row r="45" spans="1:11" s="400" customFormat="1" ht="17.25" customHeight="1" x14ac:dyDescent="0.2">
      <c r="A45" s="402">
        <v>30</v>
      </c>
      <c r="B45" s="2603"/>
      <c r="C45" s="2603"/>
      <c r="D45" s="2603"/>
      <c r="E45" s="2603"/>
      <c r="F45" s="2603"/>
      <c r="G45" s="2596"/>
      <c r="H45" s="2618"/>
      <c r="I45" s="2618"/>
      <c r="J45" s="455"/>
      <c r="K45" s="401"/>
    </row>
    <row r="46" spans="1:11" ht="30" customHeight="1" x14ac:dyDescent="0.2">
      <c r="A46" s="2625" t="s">
        <v>610</v>
      </c>
      <c r="B46" s="2626"/>
      <c r="C46" s="2626"/>
      <c r="D46" s="2626"/>
      <c r="E46" s="2626"/>
      <c r="F46" s="2626"/>
      <c r="G46" s="2626"/>
      <c r="H46" s="2626"/>
      <c r="I46" s="2626"/>
      <c r="J46" s="2626"/>
      <c r="K46" s="2626"/>
    </row>
    <row r="47" spans="1:11" ht="30" customHeight="1" x14ac:dyDescent="0.2">
      <c r="A47" s="2626"/>
      <c r="B47" s="2626"/>
      <c r="C47" s="2626"/>
      <c r="D47" s="2626"/>
      <c r="E47" s="2626"/>
      <c r="F47" s="2626"/>
      <c r="G47" s="2626"/>
      <c r="H47" s="2626"/>
      <c r="I47" s="2626"/>
      <c r="J47" s="2626"/>
      <c r="K47" s="2626"/>
    </row>
  </sheetData>
  <customSheetViews>
    <customSheetView guid="{FA98832E-F01A-4598-9960-E27C2FDAB118}" showPageBreaks="1" showGridLines="0" view="pageBreakPreview">
      <selection activeCell="J20" sqref="J20"/>
      <pageMargins left="0.7" right="0.7" top="0.75" bottom="0.75" header="0.3" footer="0.3"/>
      <pageSetup paperSize="9" scale="87" orientation="portrait" r:id="rId1"/>
    </customSheetView>
    <customSheetView guid="{8494577A-77FB-45FD-BD2B-C737BCFAD5B3}" showPageBreaks="1" showGridLines="0" view="pageBreakPreview">
      <selection activeCell="J20" sqref="J20"/>
      <pageMargins left="0.7" right="0.7" top="0.75" bottom="0.75" header="0.3" footer="0.3"/>
      <pageSetup paperSize="9" scale="87" orientation="portrait" r:id="rId2"/>
    </customSheetView>
  </customSheetViews>
  <mergeCells count="136">
    <mergeCell ref="B42:C42"/>
    <mergeCell ref="D42:E42"/>
    <mergeCell ref="F42:G42"/>
    <mergeCell ref="H42:I42"/>
    <mergeCell ref="B43:C43"/>
    <mergeCell ref="D43:E43"/>
    <mergeCell ref="F43:G43"/>
    <mergeCell ref="H43:I43"/>
    <mergeCell ref="A46:K47"/>
    <mergeCell ref="B44:C44"/>
    <mergeCell ref="D44:E44"/>
    <mergeCell ref="F44:G44"/>
    <mergeCell ref="H44:I44"/>
    <mergeCell ref="B45:C45"/>
    <mergeCell ref="D45:E45"/>
    <mergeCell ref="F45:G45"/>
    <mergeCell ref="H45:I45"/>
    <mergeCell ref="B39:C39"/>
    <mergeCell ref="D39:E39"/>
    <mergeCell ref="F39:G39"/>
    <mergeCell ref="H39:I39"/>
    <mergeCell ref="B40:C40"/>
    <mergeCell ref="D40:E40"/>
    <mergeCell ref="F40:G40"/>
    <mergeCell ref="H40:I40"/>
    <mergeCell ref="B41:C41"/>
    <mergeCell ref="D41:E41"/>
    <mergeCell ref="F41:G41"/>
    <mergeCell ref="H41:I41"/>
    <mergeCell ref="B36:C36"/>
    <mergeCell ref="D36:E36"/>
    <mergeCell ref="F36:G36"/>
    <mergeCell ref="H36:I36"/>
    <mergeCell ref="B37:C37"/>
    <mergeCell ref="D37:E37"/>
    <mergeCell ref="F37:G37"/>
    <mergeCell ref="H37:I37"/>
    <mergeCell ref="B38:C38"/>
    <mergeCell ref="D38:E38"/>
    <mergeCell ref="F38:G38"/>
    <mergeCell ref="H38:I38"/>
    <mergeCell ref="B33:C33"/>
    <mergeCell ref="D33:E33"/>
    <mergeCell ref="F33:G33"/>
    <mergeCell ref="H33:I33"/>
    <mergeCell ref="B34:C34"/>
    <mergeCell ref="D34:E34"/>
    <mergeCell ref="F34:G34"/>
    <mergeCell ref="H34:I34"/>
    <mergeCell ref="B35:C35"/>
    <mergeCell ref="D35:E35"/>
    <mergeCell ref="F35:G35"/>
    <mergeCell ref="H35:I35"/>
    <mergeCell ref="B30:C30"/>
    <mergeCell ref="D30:E30"/>
    <mergeCell ref="F30:G30"/>
    <mergeCell ref="H30:I30"/>
    <mergeCell ref="B31:C31"/>
    <mergeCell ref="D31:E31"/>
    <mergeCell ref="F31:G31"/>
    <mergeCell ref="H31:I31"/>
    <mergeCell ref="B32:C32"/>
    <mergeCell ref="D32:E32"/>
    <mergeCell ref="F32:G32"/>
    <mergeCell ref="H32:I32"/>
    <mergeCell ref="B27:C27"/>
    <mergeCell ref="D27:E27"/>
    <mergeCell ref="F27:G27"/>
    <mergeCell ref="H27:I27"/>
    <mergeCell ref="B28:C28"/>
    <mergeCell ref="D28:E28"/>
    <mergeCell ref="F28:G28"/>
    <mergeCell ref="H28:I28"/>
    <mergeCell ref="B29:C29"/>
    <mergeCell ref="D29:E29"/>
    <mergeCell ref="F29:G29"/>
    <mergeCell ref="H29:I29"/>
    <mergeCell ref="B24:C24"/>
    <mergeCell ref="D24:E24"/>
    <mergeCell ref="F24:G24"/>
    <mergeCell ref="H24:I24"/>
    <mergeCell ref="B25:C25"/>
    <mergeCell ref="D25:E25"/>
    <mergeCell ref="F25:G25"/>
    <mergeCell ref="H25:I25"/>
    <mergeCell ref="B26:C26"/>
    <mergeCell ref="D26:E26"/>
    <mergeCell ref="F26:G26"/>
    <mergeCell ref="H26:I26"/>
    <mergeCell ref="B21:C21"/>
    <mergeCell ref="D21:E21"/>
    <mergeCell ref="F21:G21"/>
    <mergeCell ref="H21:I21"/>
    <mergeCell ref="B22:C22"/>
    <mergeCell ref="D22:E22"/>
    <mergeCell ref="F22:G22"/>
    <mergeCell ref="H22:I22"/>
    <mergeCell ref="B23:C23"/>
    <mergeCell ref="D23:E23"/>
    <mergeCell ref="F23:G23"/>
    <mergeCell ref="H23:I23"/>
    <mergeCell ref="B18:C18"/>
    <mergeCell ref="D18:E18"/>
    <mergeCell ref="F18:G18"/>
    <mergeCell ref="H18:I18"/>
    <mergeCell ref="B19:C19"/>
    <mergeCell ref="D19:E19"/>
    <mergeCell ref="F19:G19"/>
    <mergeCell ref="H19:I19"/>
    <mergeCell ref="B20:C20"/>
    <mergeCell ref="D20:E20"/>
    <mergeCell ref="F20:G20"/>
    <mergeCell ref="H20:I20"/>
    <mergeCell ref="B15:C15"/>
    <mergeCell ref="D15:E15"/>
    <mergeCell ref="F15:G15"/>
    <mergeCell ref="H15:I15"/>
    <mergeCell ref="B16:C16"/>
    <mergeCell ref="D16:E16"/>
    <mergeCell ref="F16:G16"/>
    <mergeCell ref="H16:I16"/>
    <mergeCell ref="B17:C17"/>
    <mergeCell ref="D17:E17"/>
    <mergeCell ref="F17:G17"/>
    <mergeCell ref="H17:I17"/>
    <mergeCell ref="G1:K1"/>
    <mergeCell ref="A2:K2"/>
    <mergeCell ref="A4:A6"/>
    <mergeCell ref="B4:E6"/>
    <mergeCell ref="F4:F6"/>
    <mergeCell ref="A7:A9"/>
    <mergeCell ref="B7:E9"/>
    <mergeCell ref="F7:F9"/>
    <mergeCell ref="A10:A12"/>
    <mergeCell ref="B10:E12"/>
    <mergeCell ref="F10:F12"/>
  </mergeCells>
  <phoneticPr fontId="6"/>
  <pageMargins left="0.7" right="0.7" top="0.75" bottom="0.75" header="0.3" footer="0.3"/>
  <pageSetup paperSize="9" scale="87" orientation="portrait" r:id="rId3"/>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4"/>
  <dimension ref="A1:L15"/>
  <sheetViews>
    <sheetView showGridLines="0" view="pageBreakPreview" zoomScale="90" zoomScaleNormal="100" zoomScaleSheetLayoutView="90" workbookViewId="0">
      <selection activeCell="J20" sqref="J20"/>
    </sheetView>
  </sheetViews>
  <sheetFormatPr defaultColWidth="9" defaultRowHeight="13.2" x14ac:dyDescent="0.2"/>
  <cols>
    <col min="1" max="1" width="0.77734375" style="300" customWidth="1"/>
    <col min="2" max="2" width="24.21875" style="300" customWidth="1"/>
    <col min="3" max="3" width="4" style="300" customWidth="1"/>
    <col min="4" max="6" width="20.109375" style="300" customWidth="1"/>
    <col min="7" max="7" width="3.109375" style="300" customWidth="1"/>
    <col min="8" max="8" width="3.77734375" style="300" customWidth="1"/>
    <col min="9" max="9" width="2.44140625" style="300" customWidth="1"/>
    <col min="10" max="10" width="9" style="300"/>
    <col min="11" max="11" width="14" style="300" customWidth="1"/>
    <col min="12" max="16384" width="9" style="300"/>
  </cols>
  <sheetData>
    <row r="1" spans="1:12" ht="27.75" customHeight="1" x14ac:dyDescent="0.2">
      <c r="A1" s="299"/>
      <c r="B1" s="225" t="s">
        <v>702</v>
      </c>
    </row>
    <row r="2" spans="1:12" ht="27.75" customHeight="1" x14ac:dyDescent="0.2">
      <c r="A2" s="299"/>
      <c r="F2" s="2446" t="s">
        <v>709</v>
      </c>
      <c r="G2" s="2446"/>
      <c r="K2" s="330"/>
      <c r="L2" s="330"/>
    </row>
    <row r="3" spans="1:12" ht="27.75" customHeight="1" x14ac:dyDescent="0.2">
      <c r="A3" s="299"/>
      <c r="F3" s="263"/>
      <c r="G3" s="263"/>
      <c r="K3" s="330"/>
      <c r="L3" s="330"/>
    </row>
    <row r="4" spans="1:12" ht="36" customHeight="1" x14ac:dyDescent="0.2">
      <c r="B4" s="2503" t="s">
        <v>617</v>
      </c>
      <c r="C4" s="2504"/>
      <c r="D4" s="2504"/>
      <c r="E4" s="2504"/>
      <c r="F4" s="2504"/>
      <c r="G4" s="2504"/>
      <c r="K4" s="330"/>
      <c r="L4" s="330"/>
    </row>
    <row r="5" spans="1:12" ht="36" customHeight="1" x14ac:dyDescent="0.2">
      <c r="A5" s="301"/>
      <c r="B5" s="301"/>
      <c r="C5" s="301"/>
      <c r="D5" s="301"/>
      <c r="E5" s="301"/>
      <c r="F5" s="301"/>
      <c r="G5" s="301"/>
      <c r="K5" s="330"/>
      <c r="L5" s="330"/>
    </row>
    <row r="6" spans="1:12" ht="36" customHeight="1" x14ac:dyDescent="0.2">
      <c r="A6" s="301"/>
      <c r="B6" s="302" t="s">
        <v>60</v>
      </c>
      <c r="C6" s="2505"/>
      <c r="D6" s="2506"/>
      <c r="E6" s="2506"/>
      <c r="F6" s="2506"/>
      <c r="G6" s="2507"/>
      <c r="K6" s="330"/>
      <c r="L6" s="330"/>
    </row>
    <row r="7" spans="1:12" ht="55.5" customHeight="1" x14ac:dyDescent="0.2">
      <c r="B7" s="308" t="s">
        <v>46</v>
      </c>
      <c r="C7" s="2508" t="s">
        <v>549</v>
      </c>
      <c r="D7" s="2508"/>
      <c r="E7" s="2508"/>
      <c r="F7" s="2508"/>
      <c r="G7" s="2509"/>
      <c r="K7" s="330"/>
      <c r="L7" s="330"/>
    </row>
    <row r="8" spans="1:12" ht="55.5" customHeight="1" x14ac:dyDescent="0.2">
      <c r="B8" s="331" t="s">
        <v>616</v>
      </c>
      <c r="C8" s="2906" t="s">
        <v>615</v>
      </c>
      <c r="D8" s="2515"/>
      <c r="E8" s="2515"/>
      <c r="F8" s="2515"/>
      <c r="G8" s="2516"/>
    </row>
    <row r="9" spans="1:12" ht="117" customHeight="1" x14ac:dyDescent="0.2">
      <c r="B9" s="331" t="s">
        <v>614</v>
      </c>
      <c r="C9" s="2512" t="s">
        <v>715</v>
      </c>
      <c r="D9" s="2513"/>
      <c r="E9" s="2513"/>
      <c r="F9" s="2513"/>
      <c r="G9" s="2514"/>
    </row>
    <row r="11" spans="1:12" ht="17.25" customHeight="1" x14ac:dyDescent="0.2">
      <c r="B11" s="2902" t="s">
        <v>44</v>
      </c>
      <c r="C11" s="2502"/>
      <c r="D11" s="2502"/>
      <c r="E11" s="2502"/>
      <c r="F11" s="2502"/>
      <c r="G11" s="2502"/>
      <c r="H11" s="306"/>
      <c r="I11" s="306"/>
    </row>
    <row r="12" spans="1:12" ht="34.5" customHeight="1" x14ac:dyDescent="0.2">
      <c r="B12" s="2903" t="s">
        <v>613</v>
      </c>
      <c r="C12" s="2904"/>
      <c r="D12" s="2904"/>
      <c r="E12" s="2904"/>
      <c r="F12" s="2904"/>
      <c r="G12" s="2904"/>
      <c r="H12" s="306"/>
      <c r="I12" s="306"/>
    </row>
    <row r="13" spans="1:12" ht="34.5" customHeight="1" x14ac:dyDescent="0.2">
      <c r="B13" s="2907" t="s">
        <v>612</v>
      </c>
      <c r="C13" s="2907"/>
      <c r="D13" s="2907"/>
      <c r="E13" s="2907"/>
      <c r="F13" s="2907"/>
      <c r="G13" s="2907"/>
      <c r="H13" s="306"/>
      <c r="I13" s="306"/>
    </row>
    <row r="14" spans="1:12" x14ac:dyDescent="0.2">
      <c r="B14" s="2905" t="s">
        <v>611</v>
      </c>
      <c r="C14" s="2502"/>
      <c r="D14" s="2502"/>
      <c r="E14" s="2502"/>
      <c r="F14" s="2502"/>
      <c r="G14" s="2502"/>
    </row>
    <row r="15" spans="1:12" x14ac:dyDescent="0.2">
      <c r="B15" s="315"/>
    </row>
  </sheetData>
  <customSheetViews>
    <customSheetView guid="{FA98832E-F01A-4598-9960-E27C2FDAB118}" scale="90" showPageBreaks="1" showGridLines="0" printArea="1" view="pageBreakPreview">
      <selection activeCell="J20" sqref="J20"/>
      <pageMargins left="0.7" right="0.7" top="0.75" bottom="0.75" header="0.3" footer="0.3"/>
      <pageSetup paperSize="9" scale="94" orientation="portrait" r:id="rId1"/>
    </customSheetView>
    <customSheetView guid="{8494577A-77FB-45FD-BD2B-C737BCFAD5B3}" scale="90" showPageBreaks="1" showGridLines="0" printArea="1" view="pageBreakPreview">
      <selection activeCell="J20" sqref="J20"/>
      <pageMargins left="0.7" right="0.7" top="0.75" bottom="0.75" header="0.3" footer="0.3"/>
      <pageSetup paperSize="9" scale="94" orientation="portrait" r:id="rId2"/>
    </customSheetView>
  </customSheetViews>
  <mergeCells count="10">
    <mergeCell ref="B11:G11"/>
    <mergeCell ref="B12:G12"/>
    <mergeCell ref="B14:G14"/>
    <mergeCell ref="F2:G2"/>
    <mergeCell ref="B4:G4"/>
    <mergeCell ref="C6:G6"/>
    <mergeCell ref="C7:G7"/>
    <mergeCell ref="C8:G8"/>
    <mergeCell ref="C9:G9"/>
    <mergeCell ref="B13:G13"/>
  </mergeCells>
  <phoneticPr fontId="6"/>
  <pageMargins left="0.7" right="0.7" top="0.75" bottom="0.75" header="0.3" footer="0.3"/>
  <pageSetup paperSize="9" scale="94" orientation="portrait" r:id="rId3"/>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5"/>
  <dimension ref="A1:P349"/>
  <sheetViews>
    <sheetView showGridLines="0" view="pageBreakPreview" zoomScale="90" zoomScaleNormal="100" zoomScaleSheetLayoutView="90" workbookViewId="0">
      <selection activeCell="G20" sqref="G20:N20"/>
    </sheetView>
  </sheetViews>
  <sheetFormatPr defaultColWidth="9" defaultRowHeight="13.2" x14ac:dyDescent="0.2"/>
  <cols>
    <col min="1" max="1" width="1.109375" style="198" customWidth="1"/>
    <col min="2" max="14" width="2.6640625" style="198" customWidth="1"/>
    <col min="15" max="16" width="26.6640625" style="198" customWidth="1"/>
    <col min="17" max="45" width="2.6640625" style="198" customWidth="1"/>
    <col min="46" max="16384" width="9" style="198"/>
  </cols>
  <sheetData>
    <row r="1" spans="1:16" s="300" customFormat="1" ht="33" customHeight="1" x14ac:dyDescent="0.2">
      <c r="A1" s="299"/>
      <c r="B1" s="2446" t="s">
        <v>722</v>
      </c>
      <c r="C1" s="2502"/>
      <c r="D1" s="2502"/>
      <c r="E1" s="2502"/>
      <c r="F1" s="2502"/>
      <c r="G1" s="2502"/>
      <c r="H1" s="2502"/>
      <c r="I1" s="2502"/>
      <c r="J1" s="2502"/>
      <c r="K1" s="2502"/>
      <c r="L1" s="2502"/>
      <c r="M1" s="2502"/>
      <c r="N1" s="2502"/>
      <c r="O1" s="2502"/>
      <c r="P1" s="2502"/>
    </row>
    <row r="2" spans="1:16" s="300" customFormat="1" ht="21.75" customHeight="1" x14ac:dyDescent="0.2">
      <c r="A2" s="299"/>
      <c r="B2" s="2446"/>
      <c r="C2" s="2502"/>
      <c r="D2" s="2502"/>
      <c r="E2" s="2502"/>
      <c r="F2" s="2502"/>
      <c r="G2" s="2502"/>
      <c r="H2" s="2502"/>
      <c r="I2" s="2502"/>
      <c r="J2" s="2502"/>
      <c r="K2" s="2502"/>
      <c r="L2" s="2502"/>
      <c r="M2" s="2502"/>
      <c r="N2" s="2502"/>
      <c r="O2" s="2502"/>
      <c r="P2" s="2502"/>
    </row>
    <row r="3" spans="1:16" s="197" customFormat="1" ht="21" customHeight="1" x14ac:dyDescent="0.2">
      <c r="B3" s="2908" t="s">
        <v>626</v>
      </c>
      <c r="C3" s="2908"/>
      <c r="D3" s="2908"/>
      <c r="E3" s="2908"/>
      <c r="F3" s="2908"/>
      <c r="G3" s="2908"/>
      <c r="H3" s="2908"/>
      <c r="I3" s="2908"/>
      <c r="J3" s="2908"/>
      <c r="K3" s="2908"/>
      <c r="L3" s="2908"/>
      <c r="M3" s="2908"/>
      <c r="N3" s="2908"/>
      <c r="O3" s="2908"/>
      <c r="P3" s="2908"/>
    </row>
    <row r="4" spans="1:16" s="300" customFormat="1" ht="27" customHeight="1" thickBot="1" x14ac:dyDescent="0.25">
      <c r="A4" s="301"/>
      <c r="B4" s="2909"/>
      <c r="C4" s="2910"/>
      <c r="D4" s="2910"/>
      <c r="E4" s="2910"/>
      <c r="F4" s="2910"/>
      <c r="G4" s="2910"/>
      <c r="H4" s="2910"/>
      <c r="I4" s="2910"/>
      <c r="J4" s="2910"/>
      <c r="K4" s="2910"/>
      <c r="L4" s="2910"/>
      <c r="M4" s="2910"/>
      <c r="N4" s="2910"/>
      <c r="O4" s="2910"/>
      <c r="P4" s="2910"/>
    </row>
    <row r="5" spans="1:16" s="300" customFormat="1" ht="36" customHeight="1" x14ac:dyDescent="0.2">
      <c r="A5" s="301"/>
      <c r="B5" s="2911" t="s">
        <v>60</v>
      </c>
      <c r="C5" s="2912"/>
      <c r="D5" s="2912"/>
      <c r="E5" s="2912"/>
      <c r="F5" s="2912"/>
      <c r="G5" s="2912"/>
      <c r="H5" s="2912"/>
      <c r="I5" s="2912"/>
      <c r="J5" s="2912"/>
      <c r="K5" s="2912"/>
      <c r="L5" s="2912"/>
      <c r="M5" s="2912"/>
      <c r="N5" s="2913"/>
      <c r="O5" s="2914"/>
      <c r="P5" s="2915"/>
    </row>
    <row r="6" spans="1:16" s="300" customFormat="1" ht="36" customHeight="1" x14ac:dyDescent="0.2">
      <c r="B6" s="2916" t="s">
        <v>150</v>
      </c>
      <c r="C6" s="2515"/>
      <c r="D6" s="2515"/>
      <c r="E6" s="2515"/>
      <c r="F6" s="2515"/>
      <c r="G6" s="2515"/>
      <c r="H6" s="2515"/>
      <c r="I6" s="2515"/>
      <c r="J6" s="2515"/>
      <c r="K6" s="2515"/>
      <c r="L6" s="2515"/>
      <c r="M6" s="2515"/>
      <c r="N6" s="2516"/>
      <c r="O6" s="2798" t="s">
        <v>549</v>
      </c>
      <c r="P6" s="2917"/>
    </row>
    <row r="7" spans="1:16" ht="36" customHeight="1" x14ac:dyDescent="0.2">
      <c r="B7" s="2918" t="s">
        <v>439</v>
      </c>
      <c r="C7" s="2919"/>
      <c r="D7" s="2919"/>
      <c r="E7" s="2919"/>
      <c r="F7" s="2919"/>
      <c r="G7" s="2919"/>
      <c r="H7" s="2919"/>
      <c r="I7" s="2919"/>
      <c r="J7" s="2919"/>
      <c r="K7" s="2919"/>
      <c r="L7" s="2919"/>
      <c r="M7" s="2919"/>
      <c r="N7" s="2920"/>
      <c r="O7" s="2921" t="s">
        <v>440</v>
      </c>
      <c r="P7" s="2922"/>
    </row>
    <row r="8" spans="1:16" ht="21" customHeight="1" x14ac:dyDescent="0.2">
      <c r="B8" s="2923" t="s">
        <v>53</v>
      </c>
      <c r="C8" s="2924"/>
      <c r="D8" s="2924"/>
      <c r="E8" s="2924"/>
      <c r="F8" s="2924"/>
      <c r="G8" s="2924" t="s">
        <v>54</v>
      </c>
      <c r="H8" s="2924"/>
      <c r="I8" s="2924"/>
      <c r="J8" s="2924"/>
      <c r="K8" s="2924"/>
      <c r="L8" s="2924"/>
      <c r="M8" s="2924"/>
      <c r="N8" s="2924"/>
      <c r="O8" s="2925" t="s">
        <v>625</v>
      </c>
      <c r="P8" s="2928" t="s">
        <v>624</v>
      </c>
    </row>
    <row r="9" spans="1:16" ht="21" customHeight="1" x14ac:dyDescent="0.2">
      <c r="B9" s="2923"/>
      <c r="C9" s="2924"/>
      <c r="D9" s="2924"/>
      <c r="E9" s="2924"/>
      <c r="F9" s="2924"/>
      <c r="G9" s="2924"/>
      <c r="H9" s="2924"/>
      <c r="I9" s="2924"/>
      <c r="J9" s="2924"/>
      <c r="K9" s="2924"/>
      <c r="L9" s="2924"/>
      <c r="M9" s="2924"/>
      <c r="N9" s="2924"/>
      <c r="O9" s="2926"/>
      <c r="P9" s="2928"/>
    </row>
    <row r="10" spans="1:16" ht="21" customHeight="1" x14ac:dyDescent="0.2">
      <c r="B10" s="2923"/>
      <c r="C10" s="2924"/>
      <c r="D10" s="2924"/>
      <c r="E10" s="2924"/>
      <c r="F10" s="2924"/>
      <c r="G10" s="2924"/>
      <c r="H10" s="2924"/>
      <c r="I10" s="2924"/>
      <c r="J10" s="2924"/>
      <c r="K10" s="2924"/>
      <c r="L10" s="2924"/>
      <c r="M10" s="2924"/>
      <c r="N10" s="2924"/>
      <c r="O10" s="2927"/>
      <c r="P10" s="2928"/>
    </row>
    <row r="11" spans="1:16" ht="21" customHeight="1" x14ac:dyDescent="0.2">
      <c r="B11" s="2929"/>
      <c r="C11" s="2930"/>
      <c r="D11" s="2930"/>
      <c r="E11" s="2930"/>
      <c r="F11" s="2930"/>
      <c r="G11" s="2930"/>
      <c r="H11" s="2930"/>
      <c r="I11" s="2930"/>
      <c r="J11" s="2930"/>
      <c r="K11" s="2930"/>
      <c r="L11" s="2930"/>
      <c r="M11" s="2930"/>
      <c r="N11" s="2930"/>
      <c r="O11" s="316"/>
      <c r="P11" s="317"/>
    </row>
    <row r="12" spans="1:16" ht="21" customHeight="1" x14ac:dyDescent="0.2">
      <c r="B12" s="2929"/>
      <c r="C12" s="2930"/>
      <c r="D12" s="2930"/>
      <c r="E12" s="2930"/>
      <c r="F12" s="2930"/>
      <c r="G12" s="2930"/>
      <c r="H12" s="2930"/>
      <c r="I12" s="2930"/>
      <c r="J12" s="2930"/>
      <c r="K12" s="2930"/>
      <c r="L12" s="2930"/>
      <c r="M12" s="2930"/>
      <c r="N12" s="2930"/>
      <c r="O12" s="316"/>
      <c r="P12" s="317"/>
    </row>
    <row r="13" spans="1:16" ht="21" customHeight="1" x14ac:dyDescent="0.2">
      <c r="B13" s="2929"/>
      <c r="C13" s="2930"/>
      <c r="D13" s="2930"/>
      <c r="E13" s="2930"/>
      <c r="F13" s="2930"/>
      <c r="G13" s="2930"/>
      <c r="H13" s="2930"/>
      <c r="I13" s="2930"/>
      <c r="J13" s="2930"/>
      <c r="K13" s="2930"/>
      <c r="L13" s="2930"/>
      <c r="M13" s="2930"/>
      <c r="N13" s="2930"/>
      <c r="O13" s="316"/>
      <c r="P13" s="317"/>
    </row>
    <row r="14" spans="1:16" ht="21" customHeight="1" x14ac:dyDescent="0.2">
      <c r="B14" s="2929"/>
      <c r="C14" s="2930"/>
      <c r="D14" s="2930"/>
      <c r="E14" s="2930"/>
      <c r="F14" s="2930"/>
      <c r="G14" s="2930"/>
      <c r="H14" s="2930"/>
      <c r="I14" s="2930"/>
      <c r="J14" s="2930"/>
      <c r="K14" s="2930"/>
      <c r="L14" s="2930"/>
      <c r="M14" s="2930"/>
      <c r="N14" s="2930"/>
      <c r="O14" s="316"/>
      <c r="P14" s="318"/>
    </row>
    <row r="15" spans="1:16" ht="21" customHeight="1" x14ac:dyDescent="0.2">
      <c r="B15" s="2929"/>
      <c r="C15" s="2930"/>
      <c r="D15" s="2930"/>
      <c r="E15" s="2930"/>
      <c r="F15" s="2930"/>
      <c r="G15" s="2930"/>
      <c r="H15" s="2930"/>
      <c r="I15" s="2930"/>
      <c r="J15" s="2930"/>
      <c r="K15" s="2930"/>
      <c r="L15" s="2930"/>
      <c r="M15" s="2930"/>
      <c r="N15" s="2930"/>
      <c r="O15" s="316"/>
      <c r="P15" s="318"/>
    </row>
    <row r="16" spans="1:16" ht="21" customHeight="1" x14ac:dyDescent="0.2">
      <c r="B16" s="2929"/>
      <c r="C16" s="2930"/>
      <c r="D16" s="2930"/>
      <c r="E16" s="2930"/>
      <c r="F16" s="2930"/>
      <c r="G16" s="2930"/>
      <c r="H16" s="2930"/>
      <c r="I16" s="2930"/>
      <c r="J16" s="2930"/>
      <c r="K16" s="2930"/>
      <c r="L16" s="2930"/>
      <c r="M16" s="2930"/>
      <c r="N16" s="2930"/>
      <c r="O16" s="316"/>
      <c r="P16" s="318"/>
    </row>
    <row r="17" spans="2:16" ht="21" customHeight="1" x14ac:dyDescent="0.2">
      <c r="B17" s="2929"/>
      <c r="C17" s="2930"/>
      <c r="D17" s="2930"/>
      <c r="E17" s="2930"/>
      <c r="F17" s="2930"/>
      <c r="G17" s="2930"/>
      <c r="H17" s="2930"/>
      <c r="I17" s="2930"/>
      <c r="J17" s="2930"/>
      <c r="K17" s="2930"/>
      <c r="L17" s="2930"/>
      <c r="M17" s="2930"/>
      <c r="N17" s="2930"/>
      <c r="O17" s="316"/>
      <c r="P17" s="318"/>
    </row>
    <row r="18" spans="2:16" ht="21" customHeight="1" x14ac:dyDescent="0.2">
      <c r="B18" s="2929"/>
      <c r="C18" s="2930"/>
      <c r="D18" s="2930"/>
      <c r="E18" s="2930"/>
      <c r="F18" s="2930"/>
      <c r="G18" s="2930"/>
      <c r="H18" s="2930"/>
      <c r="I18" s="2930"/>
      <c r="J18" s="2930"/>
      <c r="K18" s="2930"/>
      <c r="L18" s="2930"/>
      <c r="M18" s="2930"/>
      <c r="N18" s="2930"/>
      <c r="O18" s="316"/>
      <c r="P18" s="318"/>
    </row>
    <row r="19" spans="2:16" ht="21" customHeight="1" x14ac:dyDescent="0.2">
      <c r="B19" s="2929"/>
      <c r="C19" s="2930"/>
      <c r="D19" s="2930"/>
      <c r="E19" s="2930"/>
      <c r="F19" s="2930"/>
      <c r="G19" s="2930"/>
      <c r="H19" s="2930"/>
      <c r="I19" s="2930"/>
      <c r="J19" s="2930"/>
      <c r="K19" s="2930"/>
      <c r="L19" s="2930"/>
      <c r="M19" s="2930"/>
      <c r="N19" s="2930"/>
      <c r="O19" s="316"/>
      <c r="P19" s="318"/>
    </row>
    <row r="20" spans="2:16" ht="21" customHeight="1" x14ac:dyDescent="0.2">
      <c r="B20" s="2929"/>
      <c r="C20" s="2930"/>
      <c r="D20" s="2930"/>
      <c r="E20" s="2930"/>
      <c r="F20" s="2930"/>
      <c r="G20" s="2930"/>
      <c r="H20" s="2930"/>
      <c r="I20" s="2930"/>
      <c r="J20" s="2930"/>
      <c r="K20" s="2930"/>
      <c r="L20" s="2930"/>
      <c r="M20" s="2930"/>
      <c r="N20" s="2930"/>
      <c r="O20" s="316"/>
      <c r="P20" s="318"/>
    </row>
    <row r="21" spans="2:16" ht="21" customHeight="1" x14ac:dyDescent="0.2">
      <c r="B21" s="2929"/>
      <c r="C21" s="2930"/>
      <c r="D21" s="2930"/>
      <c r="E21" s="2930"/>
      <c r="F21" s="2930"/>
      <c r="G21" s="2930"/>
      <c r="H21" s="2930"/>
      <c r="I21" s="2930"/>
      <c r="J21" s="2930"/>
      <c r="K21" s="2930"/>
      <c r="L21" s="2930"/>
      <c r="M21" s="2930"/>
      <c r="N21" s="2930"/>
      <c r="O21" s="316"/>
      <c r="P21" s="318"/>
    </row>
    <row r="22" spans="2:16" ht="21" customHeight="1" thickBot="1" x14ac:dyDescent="0.25">
      <c r="B22" s="2933"/>
      <c r="C22" s="2934"/>
      <c r="D22" s="2934"/>
      <c r="E22" s="2934"/>
      <c r="F22" s="2934"/>
      <c r="G22" s="2934"/>
      <c r="H22" s="2934"/>
      <c r="I22" s="2934"/>
      <c r="J22" s="2934"/>
      <c r="K22" s="2934"/>
      <c r="L22" s="2934"/>
      <c r="M22" s="2934"/>
      <c r="N22" s="2934"/>
      <c r="O22" s="319"/>
      <c r="P22" s="320"/>
    </row>
    <row r="23" spans="2:16" ht="21" customHeight="1" thickBot="1" x14ac:dyDescent="0.25">
      <c r="B23" s="321"/>
      <c r="C23" s="321"/>
      <c r="D23" s="321"/>
      <c r="E23" s="321"/>
      <c r="F23" s="321"/>
      <c r="G23" s="321"/>
      <c r="H23" s="321"/>
      <c r="I23" s="321"/>
      <c r="J23" s="321"/>
      <c r="K23" s="321"/>
      <c r="L23" s="321"/>
      <c r="M23" s="321"/>
      <c r="N23" s="321"/>
      <c r="O23" s="321"/>
      <c r="P23" s="321"/>
    </row>
    <row r="24" spans="2:16" ht="21" customHeight="1" x14ac:dyDescent="0.2">
      <c r="B24" s="2935" t="s">
        <v>713</v>
      </c>
      <c r="C24" s="2936"/>
      <c r="D24" s="2936"/>
      <c r="E24" s="2936"/>
      <c r="F24" s="2936"/>
      <c r="G24" s="2936"/>
      <c r="H24" s="2936"/>
      <c r="I24" s="2936"/>
      <c r="J24" s="2937"/>
      <c r="K24" s="2937"/>
      <c r="L24" s="2937"/>
      <c r="M24" s="2937"/>
      <c r="N24" s="2938"/>
      <c r="O24" s="2943" t="s">
        <v>622</v>
      </c>
      <c r="P24" s="322"/>
    </row>
    <row r="25" spans="2:16" ht="42.75" customHeight="1" x14ac:dyDescent="0.2">
      <c r="B25" s="2939"/>
      <c r="C25" s="2940"/>
      <c r="D25" s="2940"/>
      <c r="E25" s="2940"/>
      <c r="F25" s="2940"/>
      <c r="G25" s="2940"/>
      <c r="H25" s="2940"/>
      <c r="I25" s="2940"/>
      <c r="J25" s="2941"/>
      <c r="K25" s="2941"/>
      <c r="L25" s="2941"/>
      <c r="M25" s="2941"/>
      <c r="N25" s="2942"/>
      <c r="O25" s="2944"/>
      <c r="P25" s="323" t="s">
        <v>714</v>
      </c>
    </row>
    <row r="26" spans="2:16" ht="24.75" customHeight="1" thickBot="1" x14ac:dyDescent="0.25">
      <c r="B26" s="2945"/>
      <c r="C26" s="2946"/>
      <c r="D26" s="2946"/>
      <c r="E26" s="2946"/>
      <c r="F26" s="2946"/>
      <c r="G26" s="2946"/>
      <c r="H26" s="2946"/>
      <c r="I26" s="2946"/>
      <c r="J26" s="2947"/>
      <c r="K26" s="2947"/>
      <c r="L26" s="2947"/>
      <c r="M26" s="2947"/>
      <c r="N26" s="2948"/>
      <c r="O26" s="324"/>
      <c r="P26" s="325"/>
    </row>
    <row r="27" spans="2:16" ht="13.5" customHeight="1" x14ac:dyDescent="0.2">
      <c r="B27" s="321"/>
      <c r="C27" s="321"/>
      <c r="D27" s="321"/>
      <c r="E27" s="321"/>
      <c r="F27" s="321"/>
      <c r="G27" s="321"/>
      <c r="H27" s="321"/>
      <c r="I27" s="321"/>
      <c r="J27" s="326"/>
      <c r="K27" s="326"/>
      <c r="L27" s="326"/>
      <c r="M27" s="326"/>
      <c r="N27" s="326"/>
      <c r="O27" s="327"/>
      <c r="P27" s="327"/>
    </row>
    <row r="28" spans="2:16" ht="27" customHeight="1" x14ac:dyDescent="0.2">
      <c r="B28" s="2949" t="s">
        <v>620</v>
      </c>
      <c r="C28" s="2932"/>
      <c r="D28" s="2932"/>
      <c r="E28" s="2932"/>
      <c r="F28" s="2932"/>
      <c r="G28" s="2932"/>
      <c r="H28" s="2932"/>
      <c r="I28" s="2932"/>
      <c r="J28" s="2932"/>
      <c r="K28" s="2932"/>
      <c r="L28" s="2932"/>
      <c r="M28" s="2932"/>
      <c r="N28" s="2932"/>
      <c r="O28" s="2932"/>
      <c r="P28" s="2932"/>
    </row>
    <row r="29" spans="2:16" ht="20.25" customHeight="1" x14ac:dyDescent="0.2">
      <c r="B29" s="2949" t="s">
        <v>619</v>
      </c>
      <c r="C29" s="2932"/>
      <c r="D29" s="2932"/>
      <c r="E29" s="2932"/>
      <c r="F29" s="2932"/>
      <c r="G29" s="2932"/>
      <c r="H29" s="2932"/>
      <c r="I29" s="2932"/>
      <c r="J29" s="2932"/>
      <c r="K29" s="2932"/>
      <c r="L29" s="2932"/>
      <c r="M29" s="2932"/>
      <c r="N29" s="2932"/>
      <c r="O29" s="2932"/>
      <c r="P29" s="2932"/>
    </row>
    <row r="30" spans="2:16" ht="13.5" customHeight="1" x14ac:dyDescent="0.2">
      <c r="B30" s="328"/>
      <c r="C30" s="329"/>
      <c r="D30" s="329"/>
      <c r="E30" s="329"/>
      <c r="F30" s="329"/>
      <c r="G30" s="329"/>
      <c r="H30" s="329"/>
      <c r="I30" s="329"/>
      <c r="J30" s="329"/>
      <c r="K30" s="329"/>
      <c r="L30" s="329"/>
      <c r="M30" s="329"/>
      <c r="N30" s="329"/>
      <c r="O30" s="329"/>
      <c r="P30" s="329"/>
    </row>
    <row r="31" spans="2:16" ht="21" customHeight="1" x14ac:dyDescent="0.2">
      <c r="B31" s="2931" t="s">
        <v>618</v>
      </c>
      <c r="C31" s="2932"/>
      <c r="D31" s="2932"/>
      <c r="E31" s="2932"/>
      <c r="F31" s="2932"/>
      <c r="G31" s="2932"/>
      <c r="H31" s="2932"/>
      <c r="I31" s="2932"/>
      <c r="J31" s="2932"/>
      <c r="K31" s="2932"/>
      <c r="L31" s="2932"/>
      <c r="M31" s="2932"/>
      <c r="N31" s="2932"/>
      <c r="O31" s="2932"/>
      <c r="P31" s="2932"/>
    </row>
    <row r="32" spans="2:16" ht="21" customHeight="1" x14ac:dyDescent="0.2">
      <c r="B32" s="2932"/>
      <c r="C32" s="2932"/>
      <c r="D32" s="2932"/>
      <c r="E32" s="2932"/>
      <c r="F32" s="2932"/>
      <c r="G32" s="2932"/>
      <c r="H32" s="2932"/>
      <c r="I32" s="2932"/>
      <c r="J32" s="2932"/>
      <c r="K32" s="2932"/>
      <c r="L32" s="2932"/>
      <c r="M32" s="2932"/>
      <c r="N32" s="2932"/>
      <c r="O32" s="2932"/>
      <c r="P32" s="2932"/>
    </row>
    <row r="33" spans="2:16" ht="21" customHeight="1" x14ac:dyDescent="0.2">
      <c r="B33" s="2932"/>
      <c r="C33" s="2932"/>
      <c r="D33" s="2932"/>
      <c r="E33" s="2932"/>
      <c r="F33" s="2932"/>
      <c r="G33" s="2932"/>
      <c r="H33" s="2932"/>
      <c r="I33" s="2932"/>
      <c r="J33" s="2932"/>
      <c r="K33" s="2932"/>
      <c r="L33" s="2932"/>
      <c r="M33" s="2932"/>
      <c r="N33" s="2932"/>
      <c r="O33" s="2932"/>
      <c r="P33" s="2932"/>
    </row>
    <row r="34" spans="2:16" ht="21" customHeight="1" x14ac:dyDescent="0.2">
      <c r="B34" s="2932"/>
      <c r="C34" s="2932"/>
      <c r="D34" s="2932"/>
      <c r="E34" s="2932"/>
      <c r="F34" s="2932"/>
      <c r="G34" s="2932"/>
      <c r="H34" s="2932"/>
      <c r="I34" s="2932"/>
      <c r="J34" s="2932"/>
      <c r="K34" s="2932"/>
      <c r="L34" s="2932"/>
      <c r="M34" s="2932"/>
      <c r="N34" s="2932"/>
      <c r="O34" s="2932"/>
      <c r="P34" s="2932"/>
    </row>
    <row r="35" spans="2:16" ht="21" customHeight="1" x14ac:dyDescent="0.2">
      <c r="B35" s="2932"/>
      <c r="C35" s="2932"/>
      <c r="D35" s="2932"/>
      <c r="E35" s="2932"/>
      <c r="F35" s="2932"/>
      <c r="G35" s="2932"/>
      <c r="H35" s="2932"/>
      <c r="I35" s="2932"/>
      <c r="J35" s="2932"/>
      <c r="K35" s="2932"/>
      <c r="L35" s="2932"/>
      <c r="M35" s="2932"/>
      <c r="N35" s="2932"/>
      <c r="O35" s="2932"/>
      <c r="P35" s="2932"/>
    </row>
    <row r="36" spans="2:16" ht="21" customHeight="1" x14ac:dyDescent="0.2">
      <c r="B36" s="260"/>
      <c r="C36" s="260"/>
      <c r="D36" s="260"/>
      <c r="E36" s="260"/>
      <c r="F36" s="260"/>
      <c r="G36" s="260"/>
      <c r="H36" s="260"/>
      <c r="I36" s="260"/>
      <c r="J36" s="260"/>
      <c r="K36" s="260"/>
      <c r="L36" s="260"/>
      <c r="M36" s="260"/>
      <c r="N36" s="260"/>
      <c r="O36" s="260"/>
      <c r="P36" s="260"/>
    </row>
    <row r="37" spans="2:16" ht="21" customHeight="1" x14ac:dyDescent="0.2">
      <c r="B37" s="260"/>
      <c r="C37" s="260"/>
      <c r="D37" s="260"/>
      <c r="E37" s="260"/>
      <c r="F37" s="260"/>
      <c r="G37" s="260"/>
      <c r="H37" s="260"/>
      <c r="I37" s="260"/>
      <c r="J37" s="260"/>
      <c r="K37" s="260"/>
      <c r="L37" s="260"/>
      <c r="M37" s="260"/>
      <c r="N37" s="260"/>
      <c r="O37" s="260"/>
      <c r="P37" s="260"/>
    </row>
    <row r="38" spans="2:16" ht="21" customHeight="1" x14ac:dyDescent="0.2">
      <c r="B38" s="260"/>
      <c r="C38" s="260"/>
      <c r="D38" s="260"/>
      <c r="E38" s="260"/>
      <c r="F38" s="260"/>
      <c r="G38" s="260"/>
      <c r="H38" s="260"/>
      <c r="I38" s="260"/>
      <c r="J38" s="260"/>
      <c r="K38" s="260"/>
      <c r="L38" s="260"/>
      <c r="M38" s="260"/>
      <c r="N38" s="260"/>
      <c r="O38" s="260"/>
      <c r="P38" s="260"/>
    </row>
    <row r="39" spans="2:16" ht="21" customHeight="1" x14ac:dyDescent="0.2">
      <c r="B39" s="260"/>
      <c r="C39" s="260"/>
      <c r="D39" s="260"/>
      <c r="E39" s="260"/>
      <c r="F39" s="260"/>
      <c r="G39" s="260"/>
      <c r="H39" s="260"/>
      <c r="I39" s="260"/>
      <c r="J39" s="260"/>
      <c r="K39" s="260"/>
      <c r="L39" s="260"/>
      <c r="M39" s="260"/>
      <c r="N39" s="260"/>
      <c r="O39" s="260"/>
      <c r="P39" s="260"/>
    </row>
    <row r="40" spans="2:16" ht="21" customHeight="1" x14ac:dyDescent="0.2">
      <c r="B40" s="260"/>
      <c r="C40" s="260"/>
      <c r="D40" s="260"/>
      <c r="E40" s="260"/>
      <c r="F40" s="260"/>
      <c r="G40" s="260"/>
      <c r="H40" s="260"/>
      <c r="I40" s="260"/>
      <c r="J40" s="260"/>
      <c r="K40" s="260"/>
      <c r="L40" s="260"/>
      <c r="M40" s="260"/>
      <c r="N40" s="260"/>
      <c r="O40" s="260"/>
      <c r="P40" s="260"/>
    </row>
    <row r="41" spans="2:16" ht="16.5" customHeight="1" x14ac:dyDescent="0.2">
      <c r="B41" s="260"/>
      <c r="C41" s="260"/>
      <c r="D41" s="260"/>
      <c r="E41" s="260"/>
      <c r="F41" s="260"/>
      <c r="G41" s="260"/>
      <c r="H41" s="260"/>
      <c r="I41" s="260"/>
      <c r="J41" s="260"/>
      <c r="K41" s="260"/>
      <c r="L41" s="260"/>
      <c r="M41" s="260"/>
      <c r="N41" s="260"/>
      <c r="O41" s="260"/>
      <c r="P41" s="260"/>
    </row>
    <row r="42" spans="2:16" ht="21" customHeight="1" x14ac:dyDescent="0.2"/>
    <row r="43" spans="2:16" ht="21" customHeight="1" x14ac:dyDescent="0.2"/>
    <row r="44" spans="2:16" ht="21" customHeight="1" x14ac:dyDescent="0.2"/>
    <row r="45" spans="2:16" ht="21" customHeight="1" x14ac:dyDescent="0.2"/>
    <row r="46" spans="2:16" ht="21" customHeight="1" x14ac:dyDescent="0.2"/>
    <row r="47" spans="2:16" ht="21" customHeight="1" x14ac:dyDescent="0.2"/>
    <row r="48" spans="2:16" ht="21" customHeight="1" x14ac:dyDescent="0.2"/>
    <row r="49" ht="21" customHeight="1" x14ac:dyDescent="0.2"/>
    <row r="50" ht="21" customHeight="1" x14ac:dyDescent="0.2"/>
    <row r="51" ht="21" customHeight="1" x14ac:dyDescent="0.2"/>
    <row r="52" ht="21" customHeight="1" x14ac:dyDescent="0.2"/>
    <row r="53" ht="21" customHeight="1" x14ac:dyDescent="0.2"/>
    <row r="54" ht="21" customHeight="1" x14ac:dyDescent="0.2"/>
    <row r="55" ht="21" customHeight="1" x14ac:dyDescent="0.2"/>
    <row r="56" ht="21" customHeight="1" x14ac:dyDescent="0.2"/>
    <row r="57" ht="21" customHeight="1" x14ac:dyDescent="0.2"/>
    <row r="58" ht="21" customHeight="1" x14ac:dyDescent="0.2"/>
    <row r="59" ht="21" customHeight="1" x14ac:dyDescent="0.2"/>
    <row r="60" ht="21" customHeight="1" x14ac:dyDescent="0.2"/>
    <row r="61" ht="21" customHeight="1" x14ac:dyDescent="0.2"/>
    <row r="62" ht="21" customHeight="1" x14ac:dyDescent="0.2"/>
    <row r="63" ht="21" customHeight="1" x14ac:dyDescent="0.2"/>
    <row r="64" ht="21" customHeight="1" x14ac:dyDescent="0.2"/>
    <row r="65" ht="21" customHeight="1" x14ac:dyDescent="0.2"/>
    <row r="66" ht="21" customHeight="1" x14ac:dyDescent="0.2"/>
    <row r="67" ht="21" customHeight="1" x14ac:dyDescent="0.2"/>
    <row r="68" ht="21" customHeight="1" x14ac:dyDescent="0.2"/>
    <row r="69" ht="21" customHeight="1" x14ac:dyDescent="0.2"/>
    <row r="70" ht="21" customHeight="1" x14ac:dyDescent="0.2"/>
    <row r="71" ht="21" customHeight="1" x14ac:dyDescent="0.2"/>
    <row r="72" ht="21" customHeight="1" x14ac:dyDescent="0.2"/>
    <row r="73" ht="21" customHeight="1" x14ac:dyDescent="0.2"/>
    <row r="74" ht="21" customHeight="1" x14ac:dyDescent="0.2"/>
    <row r="75" ht="21" customHeight="1" x14ac:dyDescent="0.2"/>
    <row r="76" ht="21" customHeight="1" x14ac:dyDescent="0.2"/>
    <row r="77" ht="21" customHeight="1" x14ac:dyDescent="0.2"/>
    <row r="78" ht="21" customHeight="1" x14ac:dyDescent="0.2"/>
    <row r="79" ht="21" customHeight="1" x14ac:dyDescent="0.2"/>
    <row r="80" ht="21" customHeight="1" x14ac:dyDescent="0.2"/>
    <row r="81" ht="21" customHeight="1" x14ac:dyDescent="0.2"/>
    <row r="82" ht="21" customHeight="1" x14ac:dyDescent="0.2"/>
    <row r="83" ht="21" customHeight="1" x14ac:dyDescent="0.2"/>
    <row r="84" ht="21" customHeight="1" x14ac:dyDescent="0.2"/>
    <row r="85" ht="21" customHeight="1" x14ac:dyDescent="0.2"/>
    <row r="86" ht="21" customHeight="1" x14ac:dyDescent="0.2"/>
    <row r="87" ht="21" customHeight="1" x14ac:dyDescent="0.2"/>
    <row r="88" ht="21" customHeight="1" x14ac:dyDescent="0.2"/>
    <row r="89" ht="21" customHeight="1" x14ac:dyDescent="0.2"/>
    <row r="90" ht="21" customHeight="1" x14ac:dyDescent="0.2"/>
    <row r="91" ht="21" customHeight="1" x14ac:dyDescent="0.2"/>
    <row r="92" ht="21" customHeight="1" x14ac:dyDescent="0.2"/>
    <row r="93" ht="21" customHeight="1" x14ac:dyDescent="0.2"/>
    <row r="94" ht="21" customHeight="1" x14ac:dyDescent="0.2"/>
    <row r="95" ht="21" customHeight="1" x14ac:dyDescent="0.2"/>
    <row r="96" ht="21" customHeight="1" x14ac:dyDescent="0.2"/>
    <row r="97" ht="21" customHeight="1" x14ac:dyDescent="0.2"/>
    <row r="98" ht="21" customHeight="1" x14ac:dyDescent="0.2"/>
    <row r="99" ht="21" customHeight="1" x14ac:dyDescent="0.2"/>
    <row r="100" ht="21" customHeight="1" x14ac:dyDescent="0.2"/>
    <row r="101" ht="21" customHeight="1" x14ac:dyDescent="0.2"/>
    <row r="102" ht="21" customHeight="1" x14ac:dyDescent="0.2"/>
    <row r="103" ht="21" customHeight="1" x14ac:dyDescent="0.2"/>
    <row r="104" ht="21" customHeight="1" x14ac:dyDescent="0.2"/>
    <row r="105" ht="21" customHeight="1" x14ac:dyDescent="0.2"/>
    <row r="106" ht="21" customHeight="1" x14ac:dyDescent="0.2"/>
    <row r="107" ht="21" customHeight="1" x14ac:dyDescent="0.2"/>
    <row r="108" ht="21" customHeight="1" x14ac:dyDescent="0.2"/>
    <row r="109" ht="21" customHeight="1" x14ac:dyDescent="0.2"/>
    <row r="110" ht="21" customHeight="1" x14ac:dyDescent="0.2"/>
    <row r="111" ht="21" customHeight="1" x14ac:dyDescent="0.2"/>
    <row r="112" ht="21" customHeight="1" x14ac:dyDescent="0.2"/>
    <row r="113" ht="21" customHeight="1" x14ac:dyDescent="0.2"/>
    <row r="114" ht="21" customHeight="1" x14ac:dyDescent="0.2"/>
    <row r="115" ht="21" customHeight="1" x14ac:dyDescent="0.2"/>
    <row r="116" ht="21" customHeight="1" x14ac:dyDescent="0.2"/>
    <row r="117" ht="21" customHeight="1" x14ac:dyDescent="0.2"/>
    <row r="118" ht="21" customHeight="1" x14ac:dyDescent="0.2"/>
    <row r="119" ht="21" customHeight="1" x14ac:dyDescent="0.2"/>
    <row r="120" ht="21" customHeight="1" x14ac:dyDescent="0.2"/>
    <row r="121" ht="21" customHeight="1" x14ac:dyDescent="0.2"/>
    <row r="122" ht="21" customHeight="1" x14ac:dyDescent="0.2"/>
    <row r="123" ht="21" customHeight="1" x14ac:dyDescent="0.2"/>
    <row r="124" ht="21" customHeight="1" x14ac:dyDescent="0.2"/>
    <row r="125" ht="21" customHeight="1" x14ac:dyDescent="0.2"/>
    <row r="126" ht="21" customHeight="1" x14ac:dyDescent="0.2"/>
    <row r="127" ht="21" customHeight="1" x14ac:dyDescent="0.2"/>
    <row r="128" ht="21" customHeight="1" x14ac:dyDescent="0.2"/>
    <row r="129" ht="21" customHeight="1" x14ac:dyDescent="0.2"/>
    <row r="130" ht="21" customHeight="1" x14ac:dyDescent="0.2"/>
    <row r="131" ht="21" customHeight="1" x14ac:dyDescent="0.2"/>
    <row r="132" ht="21" customHeight="1" x14ac:dyDescent="0.2"/>
    <row r="133" ht="21" customHeight="1" x14ac:dyDescent="0.2"/>
    <row r="134" ht="21" customHeight="1" x14ac:dyDescent="0.2"/>
    <row r="135" ht="21" customHeight="1" x14ac:dyDescent="0.2"/>
    <row r="136" ht="21" customHeight="1" x14ac:dyDescent="0.2"/>
    <row r="137" ht="21" customHeight="1" x14ac:dyDescent="0.2"/>
    <row r="138" ht="21" customHeight="1" x14ac:dyDescent="0.2"/>
    <row r="139" ht="21" customHeight="1" x14ac:dyDescent="0.2"/>
    <row r="140" ht="21" customHeight="1" x14ac:dyDescent="0.2"/>
    <row r="141" ht="21" customHeight="1" x14ac:dyDescent="0.2"/>
    <row r="142" ht="21" customHeight="1" x14ac:dyDescent="0.2"/>
    <row r="143" ht="21" customHeight="1" x14ac:dyDescent="0.2"/>
    <row r="144" ht="21" customHeight="1" x14ac:dyDescent="0.2"/>
    <row r="145" ht="21" customHeight="1" x14ac:dyDescent="0.2"/>
    <row r="146" ht="21" customHeight="1" x14ac:dyDescent="0.2"/>
    <row r="147" ht="21" customHeight="1" x14ac:dyDescent="0.2"/>
    <row r="148" ht="21" customHeight="1" x14ac:dyDescent="0.2"/>
    <row r="149" ht="21" customHeight="1" x14ac:dyDescent="0.2"/>
    <row r="150" ht="21" customHeight="1" x14ac:dyDescent="0.2"/>
    <row r="151" ht="21" customHeight="1" x14ac:dyDescent="0.2"/>
    <row r="152" ht="21" customHeight="1" x14ac:dyDescent="0.2"/>
    <row r="153" ht="21" customHeight="1" x14ac:dyDescent="0.2"/>
    <row r="154" ht="21" customHeight="1" x14ac:dyDescent="0.2"/>
    <row r="155" ht="21" customHeight="1" x14ac:dyDescent="0.2"/>
    <row r="156" ht="21" customHeight="1" x14ac:dyDescent="0.2"/>
    <row r="157" ht="21" customHeight="1" x14ac:dyDescent="0.2"/>
    <row r="158" ht="21" customHeight="1" x14ac:dyDescent="0.2"/>
    <row r="159" ht="21" customHeight="1" x14ac:dyDescent="0.2"/>
    <row r="160" ht="21" customHeight="1" x14ac:dyDescent="0.2"/>
    <row r="161" ht="21" customHeight="1" x14ac:dyDescent="0.2"/>
    <row r="162" ht="21" customHeight="1" x14ac:dyDescent="0.2"/>
    <row r="163" ht="21" customHeight="1" x14ac:dyDescent="0.2"/>
    <row r="164" ht="21" customHeight="1" x14ac:dyDescent="0.2"/>
    <row r="165" ht="21" customHeight="1" x14ac:dyDescent="0.2"/>
    <row r="166" ht="21" customHeight="1" x14ac:dyDescent="0.2"/>
    <row r="167" ht="21" customHeight="1" x14ac:dyDescent="0.2"/>
    <row r="168" ht="21" customHeight="1" x14ac:dyDescent="0.2"/>
    <row r="169" ht="21" customHeight="1" x14ac:dyDescent="0.2"/>
    <row r="170" ht="21" customHeight="1" x14ac:dyDescent="0.2"/>
    <row r="171" ht="21" customHeight="1" x14ac:dyDescent="0.2"/>
    <row r="172" ht="21" customHeight="1" x14ac:dyDescent="0.2"/>
    <row r="173" ht="21" customHeight="1" x14ac:dyDescent="0.2"/>
    <row r="174" ht="21" customHeight="1" x14ac:dyDescent="0.2"/>
    <row r="175" ht="21" customHeight="1" x14ac:dyDescent="0.2"/>
    <row r="176" ht="21" customHeight="1" x14ac:dyDescent="0.2"/>
    <row r="177" ht="21" customHeight="1" x14ac:dyDescent="0.2"/>
    <row r="178" ht="21" customHeight="1" x14ac:dyDescent="0.2"/>
    <row r="179" ht="21" customHeight="1" x14ac:dyDescent="0.2"/>
    <row r="180" ht="21" customHeight="1" x14ac:dyDescent="0.2"/>
    <row r="181" ht="21" customHeight="1" x14ac:dyDescent="0.2"/>
    <row r="182" ht="21" customHeight="1" x14ac:dyDescent="0.2"/>
    <row r="183" ht="21" customHeight="1" x14ac:dyDescent="0.2"/>
    <row r="184" ht="21" customHeight="1" x14ac:dyDescent="0.2"/>
    <row r="185" ht="21" customHeight="1" x14ac:dyDescent="0.2"/>
    <row r="186" ht="21" customHeight="1" x14ac:dyDescent="0.2"/>
    <row r="187" ht="21" customHeight="1" x14ac:dyDescent="0.2"/>
    <row r="188" ht="21" customHeight="1" x14ac:dyDescent="0.2"/>
    <row r="189" ht="21" customHeight="1" x14ac:dyDescent="0.2"/>
    <row r="190" ht="21" customHeight="1" x14ac:dyDescent="0.2"/>
    <row r="191" ht="21" customHeight="1" x14ac:dyDescent="0.2"/>
    <row r="192" ht="21" customHeight="1" x14ac:dyDescent="0.2"/>
    <row r="193" ht="21" customHeight="1" x14ac:dyDescent="0.2"/>
    <row r="194" ht="21" customHeight="1" x14ac:dyDescent="0.2"/>
    <row r="195" ht="21" customHeight="1" x14ac:dyDescent="0.2"/>
    <row r="196" ht="21" customHeight="1" x14ac:dyDescent="0.2"/>
    <row r="197" ht="21" customHeight="1" x14ac:dyDescent="0.2"/>
    <row r="198" ht="21" customHeight="1" x14ac:dyDescent="0.2"/>
    <row r="199" ht="21" customHeight="1" x14ac:dyDescent="0.2"/>
    <row r="200" ht="21" customHeight="1" x14ac:dyDescent="0.2"/>
    <row r="201" ht="21" customHeight="1" x14ac:dyDescent="0.2"/>
    <row r="202" ht="21" customHeight="1" x14ac:dyDescent="0.2"/>
    <row r="203" ht="21" customHeight="1" x14ac:dyDescent="0.2"/>
    <row r="204" ht="21" customHeight="1" x14ac:dyDescent="0.2"/>
    <row r="205" ht="21" customHeight="1" x14ac:dyDescent="0.2"/>
    <row r="206" ht="21" customHeight="1" x14ac:dyDescent="0.2"/>
    <row r="207" ht="21" customHeight="1" x14ac:dyDescent="0.2"/>
    <row r="208" ht="21" customHeight="1" x14ac:dyDescent="0.2"/>
    <row r="209" ht="21" customHeight="1" x14ac:dyDescent="0.2"/>
    <row r="210" ht="21" customHeight="1" x14ac:dyDescent="0.2"/>
    <row r="211" ht="21" customHeight="1" x14ac:dyDescent="0.2"/>
    <row r="212" ht="21" customHeight="1" x14ac:dyDescent="0.2"/>
    <row r="213" ht="21" customHeight="1" x14ac:dyDescent="0.2"/>
    <row r="214" ht="21" customHeight="1" x14ac:dyDescent="0.2"/>
    <row r="215" ht="21" customHeight="1" x14ac:dyDescent="0.2"/>
    <row r="216" ht="21" customHeight="1" x14ac:dyDescent="0.2"/>
    <row r="217" ht="21" customHeight="1" x14ac:dyDescent="0.2"/>
    <row r="218" ht="21" customHeight="1" x14ac:dyDescent="0.2"/>
    <row r="219" ht="21" customHeight="1" x14ac:dyDescent="0.2"/>
    <row r="220" ht="21" customHeight="1" x14ac:dyDescent="0.2"/>
    <row r="221" ht="21" customHeight="1" x14ac:dyDescent="0.2"/>
    <row r="222" ht="21" customHeight="1" x14ac:dyDescent="0.2"/>
    <row r="223" ht="21" customHeight="1" x14ac:dyDescent="0.2"/>
    <row r="224" ht="21" customHeight="1" x14ac:dyDescent="0.2"/>
    <row r="225" ht="21" customHeight="1" x14ac:dyDescent="0.2"/>
    <row r="226" ht="21" customHeight="1" x14ac:dyDescent="0.2"/>
    <row r="227" ht="21" customHeight="1" x14ac:dyDescent="0.2"/>
    <row r="228" ht="21" customHeight="1" x14ac:dyDescent="0.2"/>
    <row r="229" ht="21" customHeight="1" x14ac:dyDescent="0.2"/>
    <row r="230" ht="21" customHeight="1" x14ac:dyDescent="0.2"/>
    <row r="231" ht="21" customHeight="1" x14ac:dyDescent="0.2"/>
    <row r="232" ht="21" customHeight="1" x14ac:dyDescent="0.2"/>
    <row r="233" ht="21" customHeight="1" x14ac:dyDescent="0.2"/>
    <row r="234" ht="21" customHeight="1" x14ac:dyDescent="0.2"/>
    <row r="235" ht="21" customHeight="1" x14ac:dyDescent="0.2"/>
    <row r="236" ht="21" customHeight="1" x14ac:dyDescent="0.2"/>
    <row r="237" ht="21" customHeight="1" x14ac:dyDescent="0.2"/>
    <row r="238" ht="21" customHeight="1" x14ac:dyDescent="0.2"/>
    <row r="239" ht="21" customHeight="1" x14ac:dyDescent="0.2"/>
    <row r="240" ht="21" customHeight="1" x14ac:dyDescent="0.2"/>
    <row r="241" ht="21" customHeight="1" x14ac:dyDescent="0.2"/>
    <row r="242" ht="21" customHeight="1" x14ac:dyDescent="0.2"/>
    <row r="243" ht="21" customHeight="1" x14ac:dyDescent="0.2"/>
    <row r="244" ht="21" customHeight="1" x14ac:dyDescent="0.2"/>
    <row r="245" ht="21" customHeight="1" x14ac:dyDescent="0.2"/>
    <row r="246" ht="21" customHeight="1" x14ac:dyDescent="0.2"/>
    <row r="247" ht="21" customHeight="1" x14ac:dyDescent="0.2"/>
    <row r="248" ht="21" customHeight="1" x14ac:dyDescent="0.2"/>
    <row r="249" ht="21" customHeight="1" x14ac:dyDescent="0.2"/>
    <row r="250" ht="21" customHeight="1" x14ac:dyDescent="0.2"/>
    <row r="251" ht="21" customHeight="1" x14ac:dyDescent="0.2"/>
    <row r="252" ht="21" customHeight="1" x14ac:dyDescent="0.2"/>
    <row r="253" ht="21" customHeight="1" x14ac:dyDescent="0.2"/>
    <row r="254" ht="21" customHeight="1" x14ac:dyDescent="0.2"/>
    <row r="255" ht="21" customHeight="1" x14ac:dyDescent="0.2"/>
    <row r="256" ht="21" customHeight="1" x14ac:dyDescent="0.2"/>
    <row r="257" ht="21" customHeight="1" x14ac:dyDescent="0.2"/>
    <row r="258" ht="21" customHeight="1" x14ac:dyDescent="0.2"/>
    <row r="259" ht="21" customHeight="1" x14ac:dyDescent="0.2"/>
    <row r="260" ht="21" customHeight="1" x14ac:dyDescent="0.2"/>
    <row r="261" ht="21" customHeight="1" x14ac:dyDescent="0.2"/>
    <row r="262" ht="21" customHeight="1" x14ac:dyDescent="0.2"/>
    <row r="263" ht="21" customHeight="1" x14ac:dyDescent="0.2"/>
    <row r="264" ht="21" customHeight="1" x14ac:dyDescent="0.2"/>
    <row r="265" ht="21" customHeight="1" x14ac:dyDescent="0.2"/>
    <row r="266" ht="21" customHeight="1" x14ac:dyDescent="0.2"/>
    <row r="267" ht="21" customHeight="1" x14ac:dyDescent="0.2"/>
    <row r="268" ht="21" customHeight="1" x14ac:dyDescent="0.2"/>
    <row r="269" ht="21" customHeight="1" x14ac:dyDescent="0.2"/>
    <row r="270" ht="21" customHeight="1" x14ac:dyDescent="0.2"/>
    <row r="271" ht="21" customHeight="1" x14ac:dyDescent="0.2"/>
    <row r="272" ht="21" customHeight="1" x14ac:dyDescent="0.2"/>
    <row r="273" ht="21" customHeight="1" x14ac:dyDescent="0.2"/>
    <row r="274" ht="21" customHeight="1" x14ac:dyDescent="0.2"/>
    <row r="275" ht="21" customHeight="1" x14ac:dyDescent="0.2"/>
    <row r="276" ht="21" customHeight="1" x14ac:dyDescent="0.2"/>
    <row r="277" ht="21" customHeight="1" x14ac:dyDescent="0.2"/>
    <row r="278" ht="21" customHeight="1" x14ac:dyDescent="0.2"/>
    <row r="279" ht="21" customHeight="1" x14ac:dyDescent="0.2"/>
    <row r="280" ht="21" customHeight="1" x14ac:dyDescent="0.2"/>
    <row r="281" ht="21" customHeight="1" x14ac:dyDescent="0.2"/>
    <row r="282" ht="21" customHeight="1" x14ac:dyDescent="0.2"/>
    <row r="283" ht="21" customHeight="1" x14ac:dyDescent="0.2"/>
    <row r="284" ht="21" customHeight="1" x14ac:dyDescent="0.2"/>
    <row r="285" ht="21" customHeight="1" x14ac:dyDescent="0.2"/>
    <row r="286" ht="21" customHeight="1" x14ac:dyDescent="0.2"/>
    <row r="287" ht="21" customHeight="1" x14ac:dyDescent="0.2"/>
    <row r="288" ht="21" customHeight="1" x14ac:dyDescent="0.2"/>
    <row r="289" ht="21" customHeight="1" x14ac:dyDescent="0.2"/>
    <row r="290" ht="21" customHeight="1" x14ac:dyDescent="0.2"/>
    <row r="291" ht="21" customHeight="1" x14ac:dyDescent="0.2"/>
    <row r="292" ht="21" customHeight="1" x14ac:dyDescent="0.2"/>
    <row r="293" ht="21" customHeight="1" x14ac:dyDescent="0.2"/>
    <row r="294" ht="21" customHeight="1" x14ac:dyDescent="0.2"/>
    <row r="295" ht="21" customHeight="1" x14ac:dyDescent="0.2"/>
    <row r="296" ht="21" customHeight="1" x14ac:dyDescent="0.2"/>
    <row r="297" ht="21" customHeight="1" x14ac:dyDescent="0.2"/>
    <row r="298" ht="21" customHeight="1" x14ac:dyDescent="0.2"/>
    <row r="299" ht="21" customHeight="1" x14ac:dyDescent="0.2"/>
    <row r="300" ht="21" customHeight="1" x14ac:dyDescent="0.2"/>
    <row r="301" ht="21" customHeight="1" x14ac:dyDescent="0.2"/>
    <row r="302" ht="21" customHeight="1" x14ac:dyDescent="0.2"/>
    <row r="303" ht="21" customHeight="1" x14ac:dyDescent="0.2"/>
    <row r="304" ht="21" customHeight="1" x14ac:dyDescent="0.2"/>
    <row r="305" ht="21" customHeight="1" x14ac:dyDescent="0.2"/>
    <row r="306" ht="21" customHeight="1" x14ac:dyDescent="0.2"/>
    <row r="307" ht="21" customHeight="1" x14ac:dyDescent="0.2"/>
    <row r="308" ht="21" customHeight="1" x14ac:dyDescent="0.2"/>
    <row r="309" ht="21" customHeight="1" x14ac:dyDescent="0.2"/>
    <row r="310" ht="21" customHeight="1" x14ac:dyDescent="0.2"/>
    <row r="311" ht="21" customHeight="1" x14ac:dyDescent="0.2"/>
    <row r="312" ht="21" customHeight="1" x14ac:dyDescent="0.2"/>
    <row r="313" ht="21" customHeight="1" x14ac:dyDescent="0.2"/>
    <row r="314" ht="21" customHeight="1" x14ac:dyDescent="0.2"/>
    <row r="315" ht="21" customHeight="1" x14ac:dyDescent="0.2"/>
    <row r="316" ht="21" customHeight="1" x14ac:dyDescent="0.2"/>
    <row r="317" ht="21" customHeight="1" x14ac:dyDescent="0.2"/>
    <row r="318" ht="21" customHeight="1" x14ac:dyDescent="0.2"/>
    <row r="319" ht="21" customHeight="1" x14ac:dyDescent="0.2"/>
    <row r="320" ht="21" customHeight="1" x14ac:dyDescent="0.2"/>
    <row r="321" ht="21" customHeight="1" x14ac:dyDescent="0.2"/>
    <row r="322" ht="21" customHeight="1" x14ac:dyDescent="0.2"/>
    <row r="323" ht="21" customHeight="1" x14ac:dyDescent="0.2"/>
    <row r="324" ht="21" customHeight="1" x14ac:dyDescent="0.2"/>
    <row r="325" ht="21" customHeight="1" x14ac:dyDescent="0.2"/>
    <row r="326" ht="21" customHeight="1" x14ac:dyDescent="0.2"/>
    <row r="327" ht="21" customHeight="1" x14ac:dyDescent="0.2"/>
    <row r="328" ht="21" customHeight="1" x14ac:dyDescent="0.2"/>
    <row r="329" ht="21" customHeight="1" x14ac:dyDescent="0.2"/>
    <row r="330" ht="21" customHeight="1" x14ac:dyDescent="0.2"/>
    <row r="331" ht="21" customHeight="1" x14ac:dyDescent="0.2"/>
    <row r="332" ht="21" customHeight="1" x14ac:dyDescent="0.2"/>
    <row r="333" ht="21" customHeight="1" x14ac:dyDescent="0.2"/>
    <row r="334" ht="21" customHeight="1" x14ac:dyDescent="0.2"/>
    <row r="335" ht="21" customHeight="1" x14ac:dyDescent="0.2"/>
    <row r="336" ht="21" customHeight="1" x14ac:dyDescent="0.2"/>
    <row r="337" ht="21" customHeight="1" x14ac:dyDescent="0.2"/>
    <row r="338" ht="21" customHeight="1" x14ac:dyDescent="0.2"/>
    <row r="339" ht="21" customHeight="1" x14ac:dyDescent="0.2"/>
    <row r="340" ht="21" customHeight="1" x14ac:dyDescent="0.2"/>
    <row r="341" ht="21" customHeight="1" x14ac:dyDescent="0.2"/>
    <row r="342" ht="21" customHeight="1" x14ac:dyDescent="0.2"/>
    <row r="343" ht="21" customHeight="1" x14ac:dyDescent="0.2"/>
    <row r="344" ht="21" customHeight="1" x14ac:dyDescent="0.2"/>
    <row r="345" ht="21" customHeight="1" x14ac:dyDescent="0.2"/>
    <row r="346" ht="21" customHeight="1" x14ac:dyDescent="0.2"/>
    <row r="347" ht="21" customHeight="1" x14ac:dyDescent="0.2"/>
    <row r="348" ht="21" customHeight="1" x14ac:dyDescent="0.2"/>
    <row r="349" ht="21" customHeight="1" x14ac:dyDescent="0.2"/>
  </sheetData>
  <customSheetViews>
    <customSheetView guid="{FA98832E-F01A-4598-9960-E27C2FDAB118}" scale="90" showPageBreaks="1" showGridLines="0" view="pageBreakPreview">
      <selection activeCell="J20" sqref="J20"/>
      <pageMargins left="0.7" right="0.7" top="0.75" bottom="0.75" header="0.3" footer="0.3"/>
      <pageSetup paperSize="9" scale="98" orientation="portrait" r:id="rId1"/>
    </customSheetView>
    <customSheetView guid="{8494577A-77FB-45FD-BD2B-C737BCFAD5B3}" scale="90" showPageBreaks="1" showGridLines="0" view="pageBreakPreview">
      <selection activeCell="J20" sqref="J20"/>
      <pageMargins left="0.7" right="0.7" top="0.75" bottom="0.75" header="0.3" footer="0.3"/>
      <pageSetup paperSize="9" scale="98" orientation="portrait" r:id="rId2"/>
    </customSheetView>
  </customSheetViews>
  <mergeCells count="44">
    <mergeCell ref="B31:P35"/>
    <mergeCell ref="B20:F20"/>
    <mergeCell ref="G20:N20"/>
    <mergeCell ref="B21:F21"/>
    <mergeCell ref="G21:N21"/>
    <mergeCell ref="B22:F22"/>
    <mergeCell ref="G22:N22"/>
    <mergeCell ref="B24:N25"/>
    <mergeCell ref="O24:O25"/>
    <mergeCell ref="B26:N26"/>
    <mergeCell ref="B28:P28"/>
    <mergeCell ref="B29:P29"/>
    <mergeCell ref="B17:F17"/>
    <mergeCell ref="G17:N17"/>
    <mergeCell ref="B18:F18"/>
    <mergeCell ref="G18:N18"/>
    <mergeCell ref="B19:F19"/>
    <mergeCell ref="G19:N19"/>
    <mergeCell ref="B14:F14"/>
    <mergeCell ref="G14:N14"/>
    <mergeCell ref="B15:F15"/>
    <mergeCell ref="G15:N15"/>
    <mergeCell ref="B16:F16"/>
    <mergeCell ref="G16:N16"/>
    <mergeCell ref="B11:F11"/>
    <mergeCell ref="G11:N11"/>
    <mergeCell ref="B12:F12"/>
    <mergeCell ref="G12:N12"/>
    <mergeCell ref="B13:F13"/>
    <mergeCell ref="G13:N13"/>
    <mergeCell ref="B6:N6"/>
    <mergeCell ref="O6:P6"/>
    <mergeCell ref="B7:N7"/>
    <mergeCell ref="O7:P7"/>
    <mergeCell ref="B8:F10"/>
    <mergeCell ref="G8:N10"/>
    <mergeCell ref="O8:O10"/>
    <mergeCell ref="P8:P10"/>
    <mergeCell ref="B1:P1"/>
    <mergeCell ref="B2:P2"/>
    <mergeCell ref="B3:P3"/>
    <mergeCell ref="B4:P4"/>
    <mergeCell ref="B5:N5"/>
    <mergeCell ref="O5:P5"/>
  </mergeCells>
  <phoneticPr fontId="6"/>
  <pageMargins left="0.7" right="0.7" top="0.75" bottom="0.75" header="0.3" footer="0.3"/>
  <pageSetup paperSize="9" scale="98" orientation="portrait"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B1:K14"/>
  <sheetViews>
    <sheetView zoomScaleNormal="100" zoomScaleSheetLayoutView="85" workbookViewId="0">
      <selection activeCell="D8" sqref="D8:I8"/>
    </sheetView>
  </sheetViews>
  <sheetFormatPr defaultRowHeight="13.2" x14ac:dyDescent="0.2"/>
  <cols>
    <col min="1" max="1" width="2.33203125" style="1050" customWidth="1"/>
    <col min="2" max="2" width="9" style="1050"/>
    <col min="3" max="3" width="11.6640625" style="1050" customWidth="1"/>
    <col min="4" max="9" width="10.6640625" style="1050" customWidth="1"/>
    <col min="10" max="10" width="2.109375" style="1050" customWidth="1"/>
    <col min="11" max="258" width="9" style="1050"/>
    <col min="259" max="265" width="10.6640625" style="1050" customWidth="1"/>
    <col min="266" max="514" width="9" style="1050"/>
    <col min="515" max="521" width="10.6640625" style="1050" customWidth="1"/>
    <col min="522" max="770" width="9" style="1050"/>
    <col min="771" max="777" width="10.6640625" style="1050" customWidth="1"/>
    <col min="778" max="1026" width="9" style="1050"/>
    <col min="1027" max="1033" width="10.6640625" style="1050" customWidth="1"/>
    <col min="1034" max="1282" width="9" style="1050"/>
    <col min="1283" max="1289" width="10.6640625" style="1050" customWidth="1"/>
    <col min="1290" max="1538" width="9" style="1050"/>
    <col min="1539" max="1545" width="10.6640625" style="1050" customWidth="1"/>
    <col min="1546" max="1794" width="9" style="1050"/>
    <col min="1795" max="1801" width="10.6640625" style="1050" customWidth="1"/>
    <col min="1802" max="2050" width="9" style="1050"/>
    <col min="2051" max="2057" width="10.6640625" style="1050" customWidth="1"/>
    <col min="2058" max="2306" width="9" style="1050"/>
    <col min="2307" max="2313" width="10.6640625" style="1050" customWidth="1"/>
    <col min="2314" max="2562" width="9" style="1050"/>
    <col min="2563" max="2569" width="10.6640625" style="1050" customWidth="1"/>
    <col min="2570" max="2818" width="9" style="1050"/>
    <col min="2819" max="2825" width="10.6640625" style="1050" customWidth="1"/>
    <col min="2826" max="3074" width="9" style="1050"/>
    <col min="3075" max="3081" width="10.6640625" style="1050" customWidth="1"/>
    <col min="3082" max="3330" width="9" style="1050"/>
    <col min="3331" max="3337" width="10.6640625" style="1050" customWidth="1"/>
    <col min="3338" max="3586" width="9" style="1050"/>
    <col min="3587" max="3593" width="10.6640625" style="1050" customWidth="1"/>
    <col min="3594" max="3842" width="9" style="1050"/>
    <col min="3843" max="3849" width="10.6640625" style="1050" customWidth="1"/>
    <col min="3850" max="4098" width="9" style="1050"/>
    <col min="4099" max="4105" width="10.6640625" style="1050" customWidth="1"/>
    <col min="4106" max="4354" width="9" style="1050"/>
    <col min="4355" max="4361" width="10.6640625" style="1050" customWidth="1"/>
    <col min="4362" max="4610" width="9" style="1050"/>
    <col min="4611" max="4617" width="10.6640625" style="1050" customWidth="1"/>
    <col min="4618" max="4866" width="9" style="1050"/>
    <col min="4867" max="4873" width="10.6640625" style="1050" customWidth="1"/>
    <col min="4874" max="5122" width="9" style="1050"/>
    <col min="5123" max="5129" width="10.6640625" style="1050" customWidth="1"/>
    <col min="5130" max="5378" width="9" style="1050"/>
    <col min="5379" max="5385" width="10.6640625" style="1050" customWidth="1"/>
    <col min="5386" max="5634" width="9" style="1050"/>
    <col min="5635" max="5641" width="10.6640625" style="1050" customWidth="1"/>
    <col min="5642" max="5890" width="9" style="1050"/>
    <col min="5891" max="5897" width="10.6640625" style="1050" customWidth="1"/>
    <col min="5898" max="6146" width="9" style="1050"/>
    <col min="6147" max="6153" width="10.6640625" style="1050" customWidth="1"/>
    <col min="6154" max="6402" width="9" style="1050"/>
    <col min="6403" max="6409" width="10.6640625" style="1050" customWidth="1"/>
    <col min="6410" max="6658" width="9" style="1050"/>
    <col min="6659" max="6665" width="10.6640625" style="1050" customWidth="1"/>
    <col min="6666" max="6914" width="9" style="1050"/>
    <col min="6915" max="6921" width="10.6640625" style="1050" customWidth="1"/>
    <col min="6922" max="7170" width="9" style="1050"/>
    <col min="7171" max="7177" width="10.6640625" style="1050" customWidth="1"/>
    <col min="7178" max="7426" width="9" style="1050"/>
    <col min="7427" max="7433" width="10.6640625" style="1050" customWidth="1"/>
    <col min="7434" max="7682" width="9" style="1050"/>
    <col min="7683" max="7689" width="10.6640625" style="1050" customWidth="1"/>
    <col min="7690" max="7938" width="9" style="1050"/>
    <col min="7939" max="7945" width="10.6640625" style="1050" customWidth="1"/>
    <col min="7946" max="8194" width="9" style="1050"/>
    <col min="8195" max="8201" width="10.6640625" style="1050" customWidth="1"/>
    <col min="8202" max="8450" width="9" style="1050"/>
    <col min="8451" max="8457" width="10.6640625" style="1050" customWidth="1"/>
    <col min="8458" max="8706" width="9" style="1050"/>
    <col min="8707" max="8713" width="10.6640625" style="1050" customWidth="1"/>
    <col min="8714" max="8962" width="9" style="1050"/>
    <col min="8963" max="8969" width="10.6640625" style="1050" customWidth="1"/>
    <col min="8970" max="9218" width="9" style="1050"/>
    <col min="9219" max="9225" width="10.6640625" style="1050" customWidth="1"/>
    <col min="9226" max="9474" width="9" style="1050"/>
    <col min="9475" max="9481" width="10.6640625" style="1050" customWidth="1"/>
    <col min="9482" max="9730" width="9" style="1050"/>
    <col min="9731" max="9737" width="10.6640625" style="1050" customWidth="1"/>
    <col min="9738" max="9986" width="9" style="1050"/>
    <col min="9987" max="9993" width="10.6640625" style="1050" customWidth="1"/>
    <col min="9994" max="10242" width="9" style="1050"/>
    <col min="10243" max="10249" width="10.6640625" style="1050" customWidth="1"/>
    <col min="10250" max="10498" width="9" style="1050"/>
    <col min="10499" max="10505" width="10.6640625" style="1050" customWidth="1"/>
    <col min="10506" max="10754" width="9" style="1050"/>
    <col min="10755" max="10761" width="10.6640625" style="1050" customWidth="1"/>
    <col min="10762" max="11010" width="9" style="1050"/>
    <col min="11011" max="11017" width="10.6640625" style="1050" customWidth="1"/>
    <col min="11018" max="11266" width="9" style="1050"/>
    <col min="11267" max="11273" width="10.6640625" style="1050" customWidth="1"/>
    <col min="11274" max="11522" width="9" style="1050"/>
    <col min="11523" max="11529" width="10.6640625" style="1050" customWidth="1"/>
    <col min="11530" max="11778" width="9" style="1050"/>
    <col min="11779" max="11785" width="10.6640625" style="1050" customWidth="1"/>
    <col min="11786" max="12034" width="9" style="1050"/>
    <col min="12035" max="12041" width="10.6640625" style="1050" customWidth="1"/>
    <col min="12042" max="12290" width="9" style="1050"/>
    <col min="12291" max="12297" width="10.6640625" style="1050" customWidth="1"/>
    <col min="12298" max="12546" width="9" style="1050"/>
    <col min="12547" max="12553" width="10.6640625" style="1050" customWidth="1"/>
    <col min="12554" max="12802" width="9" style="1050"/>
    <col min="12803" max="12809" width="10.6640625" style="1050" customWidth="1"/>
    <col min="12810" max="13058" width="9" style="1050"/>
    <col min="13059" max="13065" width="10.6640625" style="1050" customWidth="1"/>
    <col min="13066" max="13314" width="9" style="1050"/>
    <col min="13315" max="13321" width="10.6640625" style="1050" customWidth="1"/>
    <col min="13322" max="13570" width="9" style="1050"/>
    <col min="13571" max="13577" width="10.6640625" style="1050" customWidth="1"/>
    <col min="13578" max="13826" width="9" style="1050"/>
    <col min="13827" max="13833" width="10.6640625" style="1050" customWidth="1"/>
    <col min="13834" max="14082" width="9" style="1050"/>
    <col min="14083" max="14089" width="10.6640625" style="1050" customWidth="1"/>
    <col min="14090" max="14338" width="9" style="1050"/>
    <col min="14339" max="14345" width="10.6640625" style="1050" customWidth="1"/>
    <col min="14346" max="14594" width="9" style="1050"/>
    <col min="14595" max="14601" width="10.6640625" style="1050" customWidth="1"/>
    <col min="14602" max="14850" width="9" style="1050"/>
    <col min="14851" max="14857" width="10.6640625" style="1050" customWidth="1"/>
    <col min="14858" max="15106" width="9" style="1050"/>
    <col min="15107" max="15113" width="10.6640625" style="1050" customWidth="1"/>
    <col min="15114" max="15362" width="9" style="1050"/>
    <col min="15363" max="15369" width="10.6640625" style="1050" customWidth="1"/>
    <col min="15370" max="15618" width="9" style="1050"/>
    <col min="15619" max="15625" width="10.6640625" style="1050" customWidth="1"/>
    <col min="15626" max="15874" width="9" style="1050"/>
    <col min="15875" max="15881" width="10.6640625" style="1050" customWidth="1"/>
    <col min="15882" max="16130" width="9" style="1050"/>
    <col min="16131" max="16137" width="10.6640625" style="1050" customWidth="1"/>
    <col min="16138" max="16384" width="9" style="1050"/>
  </cols>
  <sheetData>
    <row r="1" spans="2:11" ht="22.5" customHeight="1" x14ac:dyDescent="0.2">
      <c r="B1" s="1048" t="s">
        <v>1766</v>
      </c>
      <c r="C1" s="1049"/>
      <c r="D1" s="1049"/>
      <c r="E1" s="1049"/>
      <c r="F1" s="1049"/>
      <c r="G1" s="1049"/>
      <c r="H1" s="1049"/>
      <c r="I1" s="1049"/>
    </row>
    <row r="2" spans="2:11" x14ac:dyDescent="0.2">
      <c r="B2" s="1049"/>
      <c r="C2" s="1049"/>
      <c r="D2" s="1049"/>
      <c r="E2" s="1049"/>
      <c r="F2" s="1049"/>
      <c r="G2" s="1049"/>
      <c r="H2" s="1377" t="s">
        <v>723</v>
      </c>
      <c r="I2" s="1377"/>
    </row>
    <row r="3" spans="2:11" ht="26.25" customHeight="1" x14ac:dyDescent="0.2">
      <c r="B3" s="1049"/>
      <c r="C3" s="1049"/>
      <c r="D3" s="1049"/>
      <c r="E3" s="1049"/>
      <c r="F3" s="1049"/>
      <c r="G3" s="1049"/>
      <c r="H3" s="1051"/>
      <c r="I3" s="1051"/>
    </row>
    <row r="4" spans="2:11" ht="16.2" x14ac:dyDescent="0.2">
      <c r="B4" s="1378" t="s">
        <v>1767</v>
      </c>
      <c r="C4" s="1378"/>
      <c r="D4" s="1378"/>
      <c r="E4" s="1378"/>
      <c r="F4" s="1378"/>
      <c r="G4" s="1378"/>
      <c r="H4" s="1378"/>
      <c r="I4" s="1378"/>
      <c r="J4" s="1052"/>
      <c r="K4" s="1052"/>
    </row>
    <row r="5" spans="2:11" x14ac:dyDescent="0.2">
      <c r="B5" s="1053"/>
      <c r="C5" s="1053"/>
      <c r="D5" s="1053"/>
      <c r="E5" s="1053"/>
      <c r="F5" s="1053"/>
      <c r="G5" s="1053"/>
      <c r="H5" s="1053"/>
      <c r="I5" s="1053"/>
      <c r="J5" s="1052"/>
      <c r="K5" s="1052"/>
    </row>
    <row r="6" spans="2:11" ht="50.1" customHeight="1" x14ac:dyDescent="0.2">
      <c r="B6" s="1379" t="s">
        <v>1070</v>
      </c>
      <c r="C6" s="1379"/>
      <c r="D6" s="1380"/>
      <c r="E6" s="1381"/>
      <c r="F6" s="1381"/>
      <c r="G6" s="1381"/>
      <c r="H6" s="1381"/>
      <c r="I6" s="1382"/>
    </row>
    <row r="7" spans="2:11" ht="50.1" customHeight="1" x14ac:dyDescent="0.2">
      <c r="B7" s="1379" t="s">
        <v>1768</v>
      </c>
      <c r="C7" s="1379"/>
      <c r="D7" s="1383" t="s">
        <v>1769</v>
      </c>
      <c r="E7" s="1384"/>
      <c r="F7" s="1384"/>
      <c r="G7" s="1384"/>
      <c r="H7" s="1384"/>
      <c r="I7" s="1385"/>
    </row>
    <row r="8" spans="2:11" ht="50.1" customHeight="1" x14ac:dyDescent="0.2">
      <c r="B8" s="1387" t="s">
        <v>1770</v>
      </c>
      <c r="C8" s="1387"/>
      <c r="D8" s="1388" t="s">
        <v>1771</v>
      </c>
      <c r="E8" s="1381"/>
      <c r="F8" s="1381"/>
      <c r="G8" s="1381"/>
      <c r="H8" s="1381"/>
      <c r="I8" s="1382"/>
    </row>
    <row r="9" spans="2:11" ht="50.1" customHeight="1" x14ac:dyDescent="0.2">
      <c r="B9" s="1389" t="s">
        <v>1772</v>
      </c>
      <c r="C9" s="1390"/>
      <c r="D9" s="1388" t="s">
        <v>1773</v>
      </c>
      <c r="E9" s="1391"/>
      <c r="F9" s="1391"/>
      <c r="G9" s="1391"/>
      <c r="H9" s="1391"/>
      <c r="I9" s="1392"/>
    </row>
    <row r="10" spans="2:11" ht="50.1" customHeight="1" x14ac:dyDescent="0.2">
      <c r="B10" s="1393" t="s">
        <v>1774</v>
      </c>
      <c r="C10" s="1394"/>
      <c r="D10" s="1388" t="s">
        <v>1775</v>
      </c>
      <c r="E10" s="1391"/>
      <c r="F10" s="1391"/>
      <c r="G10" s="1391"/>
      <c r="H10" s="1391"/>
      <c r="I10" s="1392"/>
    </row>
    <row r="11" spans="2:11" ht="9.75" customHeight="1" x14ac:dyDescent="0.2">
      <c r="B11" s="1049"/>
      <c r="C11" s="1049"/>
      <c r="D11" s="1049"/>
      <c r="E11" s="1049"/>
      <c r="F11" s="1049"/>
      <c r="G11" s="1049"/>
      <c r="H11" s="1049"/>
      <c r="I11" s="1049"/>
    </row>
    <row r="12" spans="2:11" ht="36.75" customHeight="1" x14ac:dyDescent="0.2">
      <c r="B12" s="1054" t="s">
        <v>1776</v>
      </c>
      <c r="C12" s="1386" t="s">
        <v>1777</v>
      </c>
      <c r="D12" s="1386"/>
      <c r="E12" s="1386"/>
      <c r="F12" s="1386"/>
      <c r="G12" s="1386"/>
      <c r="H12" s="1386"/>
      <c r="I12" s="1386"/>
    </row>
    <row r="13" spans="2:11" ht="48.75" customHeight="1" x14ac:dyDescent="0.2">
      <c r="B13" s="1055" t="s">
        <v>1778</v>
      </c>
      <c r="C13" s="1386" t="s">
        <v>1779</v>
      </c>
      <c r="D13" s="1386"/>
      <c r="E13" s="1386"/>
      <c r="F13" s="1386"/>
      <c r="G13" s="1386"/>
      <c r="H13" s="1386"/>
      <c r="I13" s="1386"/>
    </row>
    <row r="14" spans="2:11" x14ac:dyDescent="0.2">
      <c r="B14" s="1056"/>
    </row>
  </sheetData>
  <mergeCells count="14">
    <mergeCell ref="C12:I12"/>
    <mergeCell ref="C13:I13"/>
    <mergeCell ref="B8:C8"/>
    <mergeCell ref="D8:I8"/>
    <mergeCell ref="B9:C9"/>
    <mergeCell ref="D9:I9"/>
    <mergeCell ref="B10:C10"/>
    <mergeCell ref="D10:I10"/>
    <mergeCell ref="H2:I2"/>
    <mergeCell ref="B4:I4"/>
    <mergeCell ref="B6:C6"/>
    <mergeCell ref="D6:I6"/>
    <mergeCell ref="B7:C7"/>
    <mergeCell ref="D7:I7"/>
  </mergeCells>
  <phoneticPr fontId="6"/>
  <printOptions horizontalCentered="1"/>
  <pageMargins left="0.63" right="0.39370078740157483" top="0.98425196850393704" bottom="0.98425196850393704" header="0.51181102362204722" footer="0.51181102362204722"/>
  <pageSetup paperSize="9" orientation="portrait" r:id="rId1"/>
  <headerFooter alignWithMargins="0"/>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6"/>
  <dimension ref="A1:J16"/>
  <sheetViews>
    <sheetView showGridLines="0" view="pageBreakPreview" zoomScaleNormal="100" zoomScaleSheetLayoutView="100" workbookViewId="0">
      <selection activeCell="J20" sqref="J20"/>
    </sheetView>
  </sheetViews>
  <sheetFormatPr defaultColWidth="9" defaultRowHeight="13.2" x14ac:dyDescent="0.2"/>
  <cols>
    <col min="1" max="1" width="1.21875" style="300" customWidth="1"/>
    <col min="2" max="2" width="24.21875" style="300" customWidth="1"/>
    <col min="3" max="3" width="4" style="300" customWidth="1"/>
    <col min="4" max="5" width="20.109375" style="300" customWidth="1"/>
    <col min="6" max="6" width="12.77734375" style="300" customWidth="1"/>
    <col min="7" max="7" width="11.21875" style="300" customWidth="1"/>
    <col min="8" max="8" width="3.109375" style="300" customWidth="1"/>
    <col min="9" max="9" width="3.77734375" style="300" customWidth="1"/>
    <col min="10" max="10" width="2.44140625" style="300" customWidth="1"/>
    <col min="11" max="16384" width="9" style="300"/>
  </cols>
  <sheetData>
    <row r="1" spans="1:10" ht="27.75" customHeight="1" x14ac:dyDescent="0.2">
      <c r="A1" s="299"/>
      <c r="B1" s="225" t="s">
        <v>703</v>
      </c>
      <c r="F1" s="2446" t="s">
        <v>709</v>
      </c>
      <c r="G1" s="2502"/>
      <c r="H1" s="2502"/>
    </row>
    <row r="2" spans="1:10" ht="21" customHeight="1" x14ac:dyDescent="0.2">
      <c r="A2" s="299"/>
      <c r="F2" s="263"/>
      <c r="G2" s="264"/>
      <c r="H2" s="264"/>
    </row>
    <row r="3" spans="1:10" ht="36" customHeight="1" x14ac:dyDescent="0.2">
      <c r="B3" s="2503" t="s">
        <v>638</v>
      </c>
      <c r="C3" s="2504"/>
      <c r="D3" s="2504"/>
      <c r="E3" s="2504"/>
      <c r="F3" s="2504"/>
      <c r="G3" s="2504"/>
      <c r="H3" s="2504"/>
    </row>
    <row r="4" spans="1:10" ht="28.5" customHeight="1" x14ac:dyDescent="0.2">
      <c r="A4" s="301"/>
      <c r="B4" s="301"/>
      <c r="C4" s="301"/>
      <c r="D4" s="301"/>
      <c r="E4" s="301"/>
      <c r="F4" s="301"/>
      <c r="G4" s="301"/>
      <c r="H4" s="301"/>
    </row>
    <row r="5" spans="1:10" ht="36" customHeight="1" x14ac:dyDescent="0.2">
      <c r="A5" s="301"/>
      <c r="B5" s="302" t="s">
        <v>60</v>
      </c>
      <c r="C5" s="2505"/>
      <c r="D5" s="2506"/>
      <c r="E5" s="2506"/>
      <c r="F5" s="2506"/>
      <c r="G5" s="2506"/>
      <c r="H5" s="2507"/>
    </row>
    <row r="6" spans="1:10" ht="36.75" customHeight="1" x14ac:dyDescent="0.2">
      <c r="B6" s="308" t="s">
        <v>46</v>
      </c>
      <c r="C6" s="2508" t="s">
        <v>549</v>
      </c>
      <c r="D6" s="2508"/>
      <c r="E6" s="2508"/>
      <c r="F6" s="2508"/>
      <c r="G6" s="2508"/>
      <c r="H6" s="2509"/>
    </row>
    <row r="7" spans="1:10" ht="81" customHeight="1" x14ac:dyDescent="0.2">
      <c r="B7" s="303" t="s">
        <v>637</v>
      </c>
      <c r="C7" s="2512" t="s">
        <v>636</v>
      </c>
      <c r="D7" s="2513"/>
      <c r="E7" s="2513"/>
      <c r="F7" s="2514"/>
      <c r="G7" s="2515" t="s">
        <v>85</v>
      </c>
      <c r="H7" s="2516"/>
    </row>
    <row r="8" spans="1:10" ht="238.5" customHeight="1" x14ac:dyDescent="0.2">
      <c r="B8" s="304" t="s">
        <v>635</v>
      </c>
      <c r="C8" s="2512" t="s">
        <v>634</v>
      </c>
      <c r="D8" s="2513"/>
      <c r="E8" s="2513"/>
      <c r="F8" s="2514"/>
      <c r="G8" s="2515" t="s">
        <v>85</v>
      </c>
      <c r="H8" s="2516"/>
    </row>
    <row r="9" spans="1:10" ht="75" customHeight="1" x14ac:dyDescent="0.2">
      <c r="B9" s="303" t="s">
        <v>633</v>
      </c>
      <c r="C9" s="2512" t="s">
        <v>632</v>
      </c>
      <c r="D9" s="2513"/>
      <c r="E9" s="2513"/>
      <c r="F9" s="2514"/>
      <c r="G9" s="2515" t="s">
        <v>85</v>
      </c>
      <c r="H9" s="2516"/>
    </row>
    <row r="10" spans="1:10" ht="120.75" customHeight="1" x14ac:dyDescent="0.2">
      <c r="B10" s="304" t="s">
        <v>631</v>
      </c>
      <c r="C10" s="2512" t="s">
        <v>630</v>
      </c>
      <c r="D10" s="2513"/>
      <c r="E10" s="2513"/>
      <c r="F10" s="2514"/>
      <c r="G10" s="2515" t="s">
        <v>85</v>
      </c>
      <c r="H10" s="2516"/>
    </row>
    <row r="12" spans="1:10" ht="17.25" customHeight="1" x14ac:dyDescent="0.2">
      <c r="B12" s="305" t="s">
        <v>44</v>
      </c>
      <c r="C12" s="306"/>
      <c r="D12" s="306"/>
      <c r="E12" s="306"/>
      <c r="F12" s="306"/>
      <c r="G12" s="306"/>
      <c r="H12" s="306"/>
      <c r="I12" s="306"/>
      <c r="J12" s="306"/>
    </row>
    <row r="13" spans="1:10" ht="35.25" customHeight="1" x14ac:dyDescent="0.2">
      <c r="B13" s="2907" t="s">
        <v>629</v>
      </c>
      <c r="C13" s="2907"/>
      <c r="D13" s="2907"/>
      <c r="E13" s="2907"/>
      <c r="F13" s="2907"/>
      <c r="G13" s="2907"/>
      <c r="H13" s="2907"/>
      <c r="I13" s="306"/>
      <c r="J13" s="306"/>
    </row>
    <row r="14" spans="1:10" ht="17.25" customHeight="1" x14ac:dyDescent="0.2">
      <c r="B14" s="307" t="s">
        <v>628</v>
      </c>
      <c r="C14" s="306"/>
      <c r="D14" s="306"/>
      <c r="E14" s="306"/>
      <c r="F14" s="306"/>
      <c r="G14" s="306"/>
      <c r="H14" s="306"/>
      <c r="I14" s="306"/>
      <c r="J14" s="306"/>
    </row>
    <row r="15" spans="1:10" ht="17.25" customHeight="1" x14ac:dyDescent="0.2">
      <c r="B15" s="307" t="s">
        <v>627</v>
      </c>
      <c r="C15" s="306"/>
      <c r="D15" s="306"/>
      <c r="E15" s="306"/>
      <c r="F15" s="306"/>
      <c r="G15" s="306"/>
      <c r="H15" s="306"/>
      <c r="I15" s="306"/>
      <c r="J15" s="306"/>
    </row>
    <row r="16" spans="1:10" x14ac:dyDescent="0.2">
      <c r="B16" s="305"/>
    </row>
  </sheetData>
  <customSheetViews>
    <customSheetView guid="{FA98832E-F01A-4598-9960-E27C2FDAB118}" showPageBreaks="1" showGridLines="0" view="pageBreakPreview">
      <selection activeCell="J20" sqref="J20"/>
      <pageMargins left="0.7" right="0.7" top="0.75" bottom="0.75" header="0.3" footer="0.3"/>
      <pageSetup paperSize="9" scale="92" orientation="portrait" r:id="rId1"/>
    </customSheetView>
    <customSheetView guid="{8494577A-77FB-45FD-BD2B-C737BCFAD5B3}" showPageBreaks="1" showGridLines="0" view="pageBreakPreview">
      <selection activeCell="J20" sqref="J20"/>
      <pageMargins left="0.7" right="0.7" top="0.75" bottom="0.75" header="0.3" footer="0.3"/>
      <pageSetup paperSize="9" scale="92" orientation="portrait" r:id="rId2"/>
    </customSheetView>
  </customSheetViews>
  <mergeCells count="13">
    <mergeCell ref="B13:H13"/>
    <mergeCell ref="C8:F8"/>
    <mergeCell ref="G8:H8"/>
    <mergeCell ref="C9:F9"/>
    <mergeCell ref="G9:H9"/>
    <mergeCell ref="C10:F10"/>
    <mergeCell ref="G10:H10"/>
    <mergeCell ref="F1:H1"/>
    <mergeCell ref="B3:H3"/>
    <mergeCell ref="C5:H5"/>
    <mergeCell ref="C6:H6"/>
    <mergeCell ref="C7:F7"/>
    <mergeCell ref="G7:H7"/>
  </mergeCells>
  <phoneticPr fontId="6"/>
  <pageMargins left="0.7" right="0.7" top="0.75" bottom="0.75" header="0.3" footer="0.3"/>
  <pageSetup paperSize="9" scale="92" orientation="portrait" r:id="rId3"/>
  <drawing r:id="rId4"/>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8"/>
  <dimension ref="A1:I21"/>
  <sheetViews>
    <sheetView showGridLines="0" view="pageBreakPreview" zoomScale="110" zoomScaleNormal="100" zoomScaleSheetLayoutView="110" workbookViewId="0">
      <selection activeCell="J6" sqref="J6"/>
    </sheetView>
  </sheetViews>
  <sheetFormatPr defaultColWidth="9" defaultRowHeight="13.2" x14ac:dyDescent="0.2"/>
  <cols>
    <col min="1" max="1" width="1.21875" style="300" customWidth="1"/>
    <col min="2" max="2" width="24.21875" style="300" customWidth="1"/>
    <col min="3" max="3" width="4" style="300" customWidth="1"/>
    <col min="4" max="6" width="20.109375" style="300" customWidth="1"/>
    <col min="7" max="7" width="3.109375" style="300" customWidth="1"/>
    <col min="8" max="8" width="3.77734375" style="300" customWidth="1"/>
    <col min="9" max="9" width="2.44140625" style="300" customWidth="1"/>
    <col min="10" max="16384" width="9" style="300"/>
  </cols>
  <sheetData>
    <row r="1" spans="1:7" ht="27.75" customHeight="1" x14ac:dyDescent="0.2">
      <c r="A1" s="299"/>
      <c r="B1" s="225" t="s">
        <v>704</v>
      </c>
    </row>
    <row r="2" spans="1:7" ht="27.75" customHeight="1" x14ac:dyDescent="0.2">
      <c r="A2" s="299"/>
      <c r="F2" s="2446" t="s">
        <v>709</v>
      </c>
      <c r="G2" s="2446"/>
    </row>
    <row r="3" spans="1:7" ht="20.25" customHeight="1" x14ac:dyDescent="0.2">
      <c r="A3" s="299"/>
      <c r="F3" s="263"/>
      <c r="G3" s="263"/>
    </row>
    <row r="4" spans="1:7" ht="36" customHeight="1" x14ac:dyDescent="0.2">
      <c r="A4" s="2503" t="s">
        <v>653</v>
      </c>
      <c r="B4" s="2503"/>
      <c r="C4" s="2503"/>
      <c r="D4" s="2503"/>
      <c r="E4" s="2503"/>
      <c r="F4" s="2503"/>
      <c r="G4" s="2503"/>
    </row>
    <row r="5" spans="1:7" ht="28.5" customHeight="1" x14ac:dyDescent="0.2">
      <c r="A5" s="301"/>
      <c r="B5" s="301"/>
      <c r="C5" s="301"/>
      <c r="D5" s="301"/>
      <c r="E5" s="301"/>
      <c r="F5" s="301"/>
      <c r="G5" s="301"/>
    </row>
    <row r="6" spans="1:7" ht="43.5" customHeight="1" x14ac:dyDescent="0.2">
      <c r="A6" s="301"/>
      <c r="B6" s="302" t="s">
        <v>60</v>
      </c>
      <c r="C6" s="2505"/>
      <c r="D6" s="2506"/>
      <c r="E6" s="2506"/>
      <c r="F6" s="2506"/>
      <c r="G6" s="2507"/>
    </row>
    <row r="7" spans="1:7" ht="43.5" customHeight="1" x14ac:dyDescent="0.2">
      <c r="B7" s="308" t="s">
        <v>46</v>
      </c>
      <c r="C7" s="2508" t="s">
        <v>549</v>
      </c>
      <c r="D7" s="2508"/>
      <c r="E7" s="2508"/>
      <c r="F7" s="2508"/>
      <c r="G7" s="2509"/>
    </row>
    <row r="8" spans="1:7" ht="19.5" customHeight="1" x14ac:dyDescent="0.2">
      <c r="B8" s="2950" t="s">
        <v>652</v>
      </c>
      <c r="C8" s="309"/>
      <c r="D8" s="236"/>
      <c r="E8" s="236"/>
      <c r="F8" s="236"/>
      <c r="G8" s="296"/>
    </row>
    <row r="9" spans="1:7" ht="33" customHeight="1" x14ac:dyDescent="0.2">
      <c r="B9" s="2951"/>
      <c r="C9" s="310"/>
      <c r="D9" s="311" t="s">
        <v>651</v>
      </c>
      <c r="E9" s="311" t="s">
        <v>650</v>
      </c>
      <c r="F9" s="311" t="s">
        <v>649</v>
      </c>
      <c r="G9" s="312"/>
    </row>
    <row r="10" spans="1:7" ht="33" customHeight="1" x14ac:dyDescent="0.2">
      <c r="B10" s="2951"/>
      <c r="C10" s="310"/>
      <c r="D10" s="313"/>
      <c r="E10" s="313"/>
      <c r="F10" s="311" t="s">
        <v>590</v>
      </c>
      <c r="G10" s="312"/>
    </row>
    <row r="11" spans="1:7" ht="33" customHeight="1" x14ac:dyDescent="0.2">
      <c r="B11" s="2951"/>
      <c r="C11" s="310"/>
      <c r="D11" s="313"/>
      <c r="E11" s="313"/>
      <c r="F11" s="311" t="s">
        <v>590</v>
      </c>
      <c r="G11" s="312"/>
    </row>
    <row r="12" spans="1:7" ht="33" customHeight="1" x14ac:dyDescent="0.2">
      <c r="B12" s="2951"/>
      <c r="C12" s="310"/>
      <c r="D12" s="313"/>
      <c r="E12" s="313"/>
      <c r="F12" s="311" t="s">
        <v>590</v>
      </c>
      <c r="G12" s="312"/>
    </row>
    <row r="13" spans="1:7" ht="33" customHeight="1" x14ac:dyDescent="0.2">
      <c r="B13" s="2951"/>
      <c r="C13" s="310"/>
      <c r="D13" s="313"/>
      <c r="E13" s="313"/>
      <c r="F13" s="311" t="s">
        <v>590</v>
      </c>
      <c r="G13" s="312"/>
    </row>
    <row r="14" spans="1:7" ht="33" customHeight="1" x14ac:dyDescent="0.2">
      <c r="B14" s="2951"/>
      <c r="C14" s="310"/>
      <c r="D14" s="313"/>
      <c r="E14" s="313"/>
      <c r="F14" s="311" t="s">
        <v>590</v>
      </c>
      <c r="G14" s="312"/>
    </row>
    <row r="15" spans="1:7" ht="19.5" customHeight="1" x14ac:dyDescent="0.2">
      <c r="B15" s="2952"/>
      <c r="C15" s="314"/>
      <c r="D15" s="236"/>
      <c r="E15" s="236"/>
      <c r="F15" s="236"/>
      <c r="G15" s="298"/>
    </row>
    <row r="18" spans="2:9" ht="17.25" customHeight="1" x14ac:dyDescent="0.2">
      <c r="B18" s="305" t="s">
        <v>204</v>
      </c>
      <c r="C18" s="306"/>
      <c r="D18" s="306"/>
      <c r="E18" s="306"/>
      <c r="F18" s="306"/>
      <c r="G18" s="306"/>
      <c r="H18" s="306"/>
      <c r="I18" s="306"/>
    </row>
    <row r="19" spans="2:9" ht="36" customHeight="1" x14ac:dyDescent="0.2">
      <c r="B19" s="2903" t="s">
        <v>648</v>
      </c>
      <c r="C19" s="2904"/>
      <c r="D19" s="2904"/>
      <c r="E19" s="2904"/>
      <c r="F19" s="2904"/>
      <c r="G19" s="2904"/>
      <c r="H19" s="306"/>
      <c r="I19" s="306"/>
    </row>
    <row r="20" spans="2:9" ht="34.5" customHeight="1" x14ac:dyDescent="0.2">
      <c r="B20" s="2903"/>
      <c r="C20" s="2502"/>
      <c r="D20" s="2502"/>
      <c r="E20" s="2502"/>
      <c r="F20" s="2502"/>
      <c r="G20" s="2502"/>
    </row>
    <row r="21" spans="2:9" x14ac:dyDescent="0.2">
      <c r="B21" s="315"/>
    </row>
  </sheetData>
  <customSheetViews>
    <customSheetView guid="{FA98832E-F01A-4598-9960-E27C2FDAB118}" scale="110" showPageBreaks="1" showGridLines="0" view="pageBreakPreview">
      <selection activeCell="J20" sqref="J20"/>
      <pageMargins left="0.7" right="0.7" top="0.75" bottom="0.75" header="0.3" footer="0.3"/>
      <pageSetup paperSize="9" scale="94" orientation="portrait" r:id="rId1"/>
    </customSheetView>
    <customSheetView guid="{8494577A-77FB-45FD-BD2B-C737BCFAD5B3}" scale="110" showPageBreaks="1" showGridLines="0" view="pageBreakPreview">
      <selection activeCell="J20" sqref="J20"/>
      <pageMargins left="0.7" right="0.7" top="0.75" bottom="0.75" header="0.3" footer="0.3"/>
      <pageSetup paperSize="9" scale="94" orientation="portrait" r:id="rId2"/>
    </customSheetView>
  </customSheetViews>
  <mergeCells count="7">
    <mergeCell ref="B20:G20"/>
    <mergeCell ref="F2:G2"/>
    <mergeCell ref="A4:G4"/>
    <mergeCell ref="C6:G6"/>
    <mergeCell ref="C7:G7"/>
    <mergeCell ref="B8:B15"/>
    <mergeCell ref="B19:G19"/>
  </mergeCells>
  <phoneticPr fontId="6"/>
  <pageMargins left="0.7" right="0.7" top="0.75" bottom="0.75" header="0.3" footer="0.3"/>
  <pageSetup paperSize="9" scale="94" orientation="portrait" r:id="rId3"/>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6"/>
  <sheetViews>
    <sheetView showGridLines="0" view="pageBreakPreview" zoomScale="90" zoomScaleNormal="100" zoomScaleSheetLayoutView="90" workbookViewId="0">
      <selection activeCell="C5" sqref="C5:H5"/>
    </sheetView>
  </sheetViews>
  <sheetFormatPr defaultColWidth="9" defaultRowHeight="13.2" x14ac:dyDescent="0.2"/>
  <cols>
    <col min="1" max="1" width="1.44140625" style="300" customWidth="1"/>
    <col min="2" max="2" width="24.21875" style="300" customWidth="1"/>
    <col min="3" max="3" width="4" style="300" customWidth="1"/>
    <col min="4" max="4" width="20.109375" style="300" customWidth="1"/>
    <col min="5" max="5" width="23.6640625" style="300" customWidth="1"/>
    <col min="6" max="7" width="10.33203125" style="300" customWidth="1"/>
    <col min="8" max="8" width="3.109375" style="300" customWidth="1"/>
    <col min="9" max="9" width="3.77734375" style="300" customWidth="1"/>
    <col min="10" max="10" width="2.44140625" style="300" customWidth="1"/>
    <col min="11" max="16384" width="9" style="300"/>
  </cols>
  <sheetData>
    <row r="1" spans="1:10" ht="27.75" customHeight="1" x14ac:dyDescent="0.2">
      <c r="A1" s="299"/>
      <c r="B1" s="225" t="s">
        <v>705</v>
      </c>
      <c r="F1" s="2446" t="s">
        <v>709</v>
      </c>
      <c r="G1" s="2502"/>
      <c r="H1" s="2502"/>
    </row>
    <row r="2" spans="1:10" ht="18.75" customHeight="1" x14ac:dyDescent="0.2">
      <c r="A2" s="299"/>
      <c r="F2" s="588"/>
      <c r="G2" s="591"/>
      <c r="H2" s="591"/>
    </row>
    <row r="3" spans="1:10" ht="36" customHeight="1" x14ac:dyDescent="0.2">
      <c r="B3" s="2503" t="s">
        <v>951</v>
      </c>
      <c r="C3" s="2504"/>
      <c r="D3" s="2504"/>
      <c r="E3" s="2504"/>
      <c r="F3" s="2504"/>
      <c r="G3" s="2504"/>
      <c r="H3" s="2504"/>
    </row>
    <row r="4" spans="1:10" ht="33.75" customHeight="1" x14ac:dyDescent="0.2">
      <c r="A4" s="589"/>
      <c r="B4" s="589"/>
      <c r="C4" s="589"/>
      <c r="D4" s="589"/>
      <c r="E4" s="589"/>
      <c r="F4" s="589"/>
      <c r="G4" s="589"/>
      <c r="H4" s="589"/>
    </row>
    <row r="5" spans="1:10" ht="36" customHeight="1" x14ac:dyDescent="0.2">
      <c r="A5" s="589"/>
      <c r="B5" s="302" t="s">
        <v>60</v>
      </c>
      <c r="C5" s="2505"/>
      <c r="D5" s="2506"/>
      <c r="E5" s="2506"/>
      <c r="F5" s="2506"/>
      <c r="G5" s="2506"/>
      <c r="H5" s="2507"/>
    </row>
    <row r="6" spans="1:10" ht="36.75" customHeight="1" x14ac:dyDescent="0.2">
      <c r="B6" s="592" t="s">
        <v>656</v>
      </c>
      <c r="C6" s="2508" t="s">
        <v>549</v>
      </c>
      <c r="D6" s="2508"/>
      <c r="E6" s="2508"/>
      <c r="F6" s="2508"/>
      <c r="G6" s="2508"/>
      <c r="H6" s="2509"/>
    </row>
    <row r="7" spans="1:10" ht="36.75" customHeight="1" x14ac:dyDescent="0.2">
      <c r="B7" s="595" t="s">
        <v>952</v>
      </c>
      <c r="C7" s="2953" t="s">
        <v>953</v>
      </c>
      <c r="D7" s="2954"/>
      <c r="E7" s="2954"/>
      <c r="F7" s="2954"/>
      <c r="G7" s="2954"/>
      <c r="H7" s="2955"/>
    </row>
    <row r="8" spans="1:10" ht="81" customHeight="1" x14ac:dyDescent="0.2">
      <c r="B8" s="592" t="s">
        <v>954</v>
      </c>
      <c r="C8" s="2512" t="s">
        <v>955</v>
      </c>
      <c r="D8" s="2513"/>
      <c r="E8" s="2513"/>
      <c r="F8" s="2514"/>
      <c r="G8" s="2515" t="s">
        <v>85</v>
      </c>
      <c r="H8" s="2516"/>
    </row>
    <row r="9" spans="1:10" ht="97.5" customHeight="1" x14ac:dyDescent="0.2">
      <c r="B9" s="590" t="s">
        <v>956</v>
      </c>
      <c r="C9" s="2512" t="s">
        <v>960</v>
      </c>
      <c r="D9" s="2513"/>
      <c r="E9" s="2513"/>
      <c r="F9" s="2514"/>
      <c r="G9" s="2515" t="s">
        <v>85</v>
      </c>
      <c r="H9" s="2516"/>
    </row>
    <row r="10" spans="1:10" ht="120.75" customHeight="1" x14ac:dyDescent="0.2">
      <c r="B10" s="590" t="s">
        <v>957</v>
      </c>
      <c r="C10" s="2512" t="s">
        <v>655</v>
      </c>
      <c r="D10" s="2513"/>
      <c r="E10" s="2513"/>
      <c r="F10" s="2514"/>
      <c r="G10" s="2515" t="s">
        <v>85</v>
      </c>
      <c r="H10" s="2516"/>
    </row>
    <row r="12" spans="1:10" ht="17.25" customHeight="1" x14ac:dyDescent="0.2">
      <c r="B12" s="305" t="s">
        <v>204</v>
      </c>
      <c r="C12" s="306"/>
      <c r="D12" s="306"/>
      <c r="E12" s="306"/>
      <c r="F12" s="306"/>
      <c r="G12" s="306"/>
      <c r="H12" s="306"/>
      <c r="I12" s="306"/>
      <c r="J12" s="306"/>
    </row>
    <row r="13" spans="1:10" ht="36.75" customHeight="1" x14ac:dyDescent="0.2">
      <c r="B13" s="593" t="s">
        <v>958</v>
      </c>
      <c r="C13" s="306"/>
      <c r="D13" s="306"/>
      <c r="E13" s="306"/>
      <c r="F13" s="306"/>
      <c r="G13" s="306"/>
      <c r="H13" s="306"/>
      <c r="I13" s="306"/>
      <c r="J13" s="306"/>
    </row>
    <row r="14" spans="1:10" ht="35.25" customHeight="1" x14ac:dyDescent="0.2">
      <c r="B14" s="2907" t="s">
        <v>654</v>
      </c>
      <c r="C14" s="2907"/>
      <c r="D14" s="2907"/>
      <c r="E14" s="2907"/>
      <c r="F14" s="2907"/>
      <c r="G14" s="2907"/>
      <c r="H14" s="2907"/>
      <c r="I14" s="306"/>
      <c r="J14" s="306"/>
    </row>
    <row r="15" spans="1:10" ht="17.25" customHeight="1" x14ac:dyDescent="0.2">
      <c r="B15" s="594" t="s">
        <v>959</v>
      </c>
      <c r="C15" s="306"/>
      <c r="D15" s="306"/>
      <c r="E15" s="306"/>
      <c r="F15" s="306"/>
      <c r="G15" s="306"/>
      <c r="H15" s="306"/>
      <c r="I15" s="306"/>
      <c r="J15" s="306"/>
    </row>
    <row r="16" spans="1:10" x14ac:dyDescent="0.2">
      <c r="B16" s="305"/>
    </row>
  </sheetData>
  <customSheetViews>
    <customSheetView guid="{FA98832E-F01A-4598-9960-E27C2FDAB118}" scale="90" showPageBreaks="1" showGridLines="0" fitToPage="1" view="pageBreakPreview">
      <selection activeCell="J20" sqref="J20"/>
      <pageMargins left="0.7" right="0.7" top="0.75" bottom="0.75" header="0.3" footer="0.3"/>
      <pageSetup paperSize="9" scale="92" orientation="portrait" r:id="rId1"/>
    </customSheetView>
    <customSheetView guid="{8494577A-77FB-45FD-BD2B-C737BCFAD5B3}" scale="90" showPageBreaks="1" showGridLines="0" fitToPage="1" view="pageBreakPreview">
      <selection activeCell="J20" sqref="J20"/>
      <pageMargins left="0.7" right="0.7" top="0.75" bottom="0.75" header="0.3" footer="0.3"/>
      <pageSetup paperSize="9" scale="91" orientation="portrait" r:id="rId2"/>
    </customSheetView>
  </customSheetViews>
  <mergeCells count="12">
    <mergeCell ref="C9:F9"/>
    <mergeCell ref="G9:H9"/>
    <mergeCell ref="C10:F10"/>
    <mergeCell ref="G10:H10"/>
    <mergeCell ref="B14:H14"/>
    <mergeCell ref="C8:F8"/>
    <mergeCell ref="G8:H8"/>
    <mergeCell ref="F1:H1"/>
    <mergeCell ref="B3:H3"/>
    <mergeCell ref="C5:H5"/>
    <mergeCell ref="C6:H6"/>
    <mergeCell ref="C7:H7"/>
  </mergeCells>
  <phoneticPr fontId="6"/>
  <pageMargins left="0.7" right="0.7" top="0.75" bottom="0.75" header="0.3" footer="0.3"/>
  <pageSetup paperSize="9" scale="92" orientation="portrait" r:id="rId3"/>
  <drawing r:id="rId4"/>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C50"/>
  <sheetViews>
    <sheetView view="pageBreakPreview" zoomScaleNormal="100" zoomScaleSheetLayoutView="100" workbookViewId="0">
      <selection activeCell="U13" sqref="U13"/>
    </sheetView>
  </sheetViews>
  <sheetFormatPr defaultColWidth="4" defaultRowHeight="13.2" x14ac:dyDescent="0.2"/>
  <cols>
    <col min="1" max="1" width="2.109375" style="686" customWidth="1"/>
    <col min="2" max="2" width="2.33203125" style="686" customWidth="1"/>
    <col min="3" max="21" width="4" style="686" customWidth="1"/>
    <col min="22" max="25" width="2.33203125" style="686" customWidth="1"/>
    <col min="26" max="26" width="2.109375" style="686" customWidth="1"/>
    <col min="27" max="255" width="4" style="686"/>
    <col min="256" max="256" width="1.77734375" style="686" customWidth="1"/>
    <col min="257" max="257" width="2.109375" style="686" customWidth="1"/>
    <col min="258" max="258" width="2.33203125" style="686" customWidth="1"/>
    <col min="259" max="277" width="4" style="686" customWidth="1"/>
    <col min="278" max="281" width="2.33203125" style="686" customWidth="1"/>
    <col min="282" max="282" width="2.109375" style="686" customWidth="1"/>
    <col min="283" max="511" width="4" style="686"/>
    <col min="512" max="512" width="1.77734375" style="686" customWidth="1"/>
    <col min="513" max="513" width="2.109375" style="686" customWidth="1"/>
    <col min="514" max="514" width="2.33203125" style="686" customWidth="1"/>
    <col min="515" max="533" width="4" style="686" customWidth="1"/>
    <col min="534" max="537" width="2.33203125" style="686" customWidth="1"/>
    <col min="538" max="538" width="2.109375" style="686" customWidth="1"/>
    <col min="539" max="767" width="4" style="686"/>
    <col min="768" max="768" width="1.77734375" style="686" customWidth="1"/>
    <col min="769" max="769" width="2.109375" style="686" customWidth="1"/>
    <col min="770" max="770" width="2.33203125" style="686" customWidth="1"/>
    <col min="771" max="789" width="4" style="686" customWidth="1"/>
    <col min="790" max="793" width="2.33203125" style="686" customWidth="1"/>
    <col min="794" max="794" width="2.109375" style="686" customWidth="1"/>
    <col min="795" max="1023" width="4" style="686"/>
    <col min="1024" max="1024" width="1.77734375" style="686" customWidth="1"/>
    <col min="1025" max="1025" width="2.109375" style="686" customWidth="1"/>
    <col min="1026" max="1026" width="2.33203125" style="686" customWidth="1"/>
    <col min="1027" max="1045" width="4" style="686" customWidth="1"/>
    <col min="1046" max="1049" width="2.33203125" style="686" customWidth="1"/>
    <col min="1050" max="1050" width="2.109375" style="686" customWidth="1"/>
    <col min="1051" max="1279" width="4" style="686"/>
    <col min="1280" max="1280" width="1.77734375" style="686" customWidth="1"/>
    <col min="1281" max="1281" width="2.109375" style="686" customWidth="1"/>
    <col min="1282" max="1282" width="2.33203125" style="686" customWidth="1"/>
    <col min="1283" max="1301" width="4" style="686" customWidth="1"/>
    <col min="1302" max="1305" width="2.33203125" style="686" customWidth="1"/>
    <col min="1306" max="1306" width="2.109375" style="686" customWidth="1"/>
    <col min="1307" max="1535" width="4" style="686"/>
    <col min="1536" max="1536" width="1.77734375" style="686" customWidth="1"/>
    <col min="1537" max="1537" width="2.109375" style="686" customWidth="1"/>
    <col min="1538" max="1538" width="2.33203125" style="686" customWidth="1"/>
    <col min="1539" max="1557" width="4" style="686" customWidth="1"/>
    <col min="1558" max="1561" width="2.33203125" style="686" customWidth="1"/>
    <col min="1562" max="1562" width="2.109375" style="686" customWidth="1"/>
    <col min="1563" max="1791" width="4" style="686"/>
    <col min="1792" max="1792" width="1.77734375" style="686" customWidth="1"/>
    <col min="1793" max="1793" width="2.109375" style="686" customWidth="1"/>
    <col min="1794" max="1794" width="2.33203125" style="686" customWidth="1"/>
    <col min="1795" max="1813" width="4" style="686" customWidth="1"/>
    <col min="1814" max="1817" width="2.33203125" style="686" customWidth="1"/>
    <col min="1818" max="1818" width="2.109375" style="686" customWidth="1"/>
    <col min="1819" max="2047" width="4" style="686"/>
    <col min="2048" max="2048" width="1.77734375" style="686" customWidth="1"/>
    <col min="2049" max="2049" width="2.109375" style="686" customWidth="1"/>
    <col min="2050" max="2050" width="2.33203125" style="686" customWidth="1"/>
    <col min="2051" max="2069" width="4" style="686" customWidth="1"/>
    <col min="2070" max="2073" width="2.33203125" style="686" customWidth="1"/>
    <col min="2074" max="2074" width="2.109375" style="686" customWidth="1"/>
    <col min="2075" max="2303" width="4" style="686"/>
    <col min="2304" max="2304" width="1.77734375" style="686" customWidth="1"/>
    <col min="2305" max="2305" width="2.109375" style="686" customWidth="1"/>
    <col min="2306" max="2306" width="2.33203125" style="686" customWidth="1"/>
    <col min="2307" max="2325" width="4" style="686" customWidth="1"/>
    <col min="2326" max="2329" width="2.33203125" style="686" customWidth="1"/>
    <col min="2330" max="2330" width="2.109375" style="686" customWidth="1"/>
    <col min="2331" max="2559" width="4" style="686"/>
    <col min="2560" max="2560" width="1.77734375" style="686" customWidth="1"/>
    <col min="2561" max="2561" width="2.109375" style="686" customWidth="1"/>
    <col min="2562" max="2562" width="2.33203125" style="686" customWidth="1"/>
    <col min="2563" max="2581" width="4" style="686" customWidth="1"/>
    <col min="2582" max="2585" width="2.33203125" style="686" customWidth="1"/>
    <col min="2586" max="2586" width="2.109375" style="686" customWidth="1"/>
    <col min="2587" max="2815" width="4" style="686"/>
    <col min="2816" max="2816" width="1.77734375" style="686" customWidth="1"/>
    <col min="2817" max="2817" width="2.109375" style="686" customWidth="1"/>
    <col min="2818" max="2818" width="2.33203125" style="686" customWidth="1"/>
    <col min="2819" max="2837" width="4" style="686" customWidth="1"/>
    <col min="2838" max="2841" width="2.33203125" style="686" customWidth="1"/>
    <col min="2842" max="2842" width="2.109375" style="686" customWidth="1"/>
    <col min="2843" max="3071" width="4" style="686"/>
    <col min="3072" max="3072" width="1.77734375" style="686" customWidth="1"/>
    <col min="3073" max="3073" width="2.109375" style="686" customWidth="1"/>
    <col min="3074" max="3074" width="2.33203125" style="686" customWidth="1"/>
    <col min="3075" max="3093" width="4" style="686" customWidth="1"/>
    <col min="3094" max="3097" width="2.33203125" style="686" customWidth="1"/>
    <col min="3098" max="3098" width="2.109375" style="686" customWidth="1"/>
    <col min="3099" max="3327" width="4" style="686"/>
    <col min="3328" max="3328" width="1.77734375" style="686" customWidth="1"/>
    <col min="3329" max="3329" width="2.109375" style="686" customWidth="1"/>
    <col min="3330" max="3330" width="2.33203125" style="686" customWidth="1"/>
    <col min="3331" max="3349" width="4" style="686" customWidth="1"/>
    <col min="3350" max="3353" width="2.33203125" style="686" customWidth="1"/>
    <col min="3354" max="3354" width="2.109375" style="686" customWidth="1"/>
    <col min="3355" max="3583" width="4" style="686"/>
    <col min="3584" max="3584" width="1.77734375" style="686" customWidth="1"/>
    <col min="3585" max="3585" width="2.109375" style="686" customWidth="1"/>
    <col min="3586" max="3586" width="2.33203125" style="686" customWidth="1"/>
    <col min="3587" max="3605" width="4" style="686" customWidth="1"/>
    <col min="3606" max="3609" width="2.33203125" style="686" customWidth="1"/>
    <col min="3610" max="3610" width="2.109375" style="686" customWidth="1"/>
    <col min="3611" max="3839" width="4" style="686"/>
    <col min="3840" max="3840" width="1.77734375" style="686" customWidth="1"/>
    <col min="3841" max="3841" width="2.109375" style="686" customWidth="1"/>
    <col min="3842" max="3842" width="2.33203125" style="686" customWidth="1"/>
    <col min="3843" max="3861" width="4" style="686" customWidth="1"/>
    <col min="3862" max="3865" width="2.33203125" style="686" customWidth="1"/>
    <col min="3866" max="3866" width="2.109375" style="686" customWidth="1"/>
    <col min="3867" max="4095" width="4" style="686"/>
    <col min="4096" max="4096" width="1.77734375" style="686" customWidth="1"/>
    <col min="4097" max="4097" width="2.109375" style="686" customWidth="1"/>
    <col min="4098" max="4098" width="2.33203125" style="686" customWidth="1"/>
    <col min="4099" max="4117" width="4" style="686" customWidth="1"/>
    <col min="4118" max="4121" width="2.33203125" style="686" customWidth="1"/>
    <col min="4122" max="4122" width="2.109375" style="686" customWidth="1"/>
    <col min="4123" max="4351" width="4" style="686"/>
    <col min="4352" max="4352" width="1.77734375" style="686" customWidth="1"/>
    <col min="4353" max="4353" width="2.109375" style="686" customWidth="1"/>
    <col min="4354" max="4354" width="2.33203125" style="686" customWidth="1"/>
    <col min="4355" max="4373" width="4" style="686" customWidth="1"/>
    <col min="4374" max="4377" width="2.33203125" style="686" customWidth="1"/>
    <col min="4378" max="4378" width="2.109375" style="686" customWidth="1"/>
    <col min="4379" max="4607" width="4" style="686"/>
    <col min="4608" max="4608" width="1.77734375" style="686" customWidth="1"/>
    <col min="4609" max="4609" width="2.109375" style="686" customWidth="1"/>
    <col min="4610" max="4610" width="2.33203125" style="686" customWidth="1"/>
    <col min="4611" max="4629" width="4" style="686" customWidth="1"/>
    <col min="4630" max="4633" width="2.33203125" style="686" customWidth="1"/>
    <col min="4634" max="4634" width="2.109375" style="686" customWidth="1"/>
    <col min="4635" max="4863" width="4" style="686"/>
    <col min="4864" max="4864" width="1.77734375" style="686" customWidth="1"/>
    <col min="4865" max="4865" width="2.109375" style="686" customWidth="1"/>
    <col min="4866" max="4866" width="2.33203125" style="686" customWidth="1"/>
    <col min="4867" max="4885" width="4" style="686" customWidth="1"/>
    <col min="4886" max="4889" width="2.33203125" style="686" customWidth="1"/>
    <col min="4890" max="4890" width="2.109375" style="686" customWidth="1"/>
    <col min="4891" max="5119" width="4" style="686"/>
    <col min="5120" max="5120" width="1.77734375" style="686" customWidth="1"/>
    <col min="5121" max="5121" width="2.109375" style="686" customWidth="1"/>
    <col min="5122" max="5122" width="2.33203125" style="686" customWidth="1"/>
    <col min="5123" max="5141" width="4" style="686" customWidth="1"/>
    <col min="5142" max="5145" width="2.33203125" style="686" customWidth="1"/>
    <col min="5146" max="5146" width="2.109375" style="686" customWidth="1"/>
    <col min="5147" max="5375" width="4" style="686"/>
    <col min="5376" max="5376" width="1.77734375" style="686" customWidth="1"/>
    <col min="5377" max="5377" width="2.109375" style="686" customWidth="1"/>
    <col min="5378" max="5378" width="2.33203125" style="686" customWidth="1"/>
    <col min="5379" max="5397" width="4" style="686" customWidth="1"/>
    <col min="5398" max="5401" width="2.33203125" style="686" customWidth="1"/>
    <col min="5402" max="5402" width="2.109375" style="686" customWidth="1"/>
    <col min="5403" max="5631" width="4" style="686"/>
    <col min="5632" max="5632" width="1.77734375" style="686" customWidth="1"/>
    <col min="5633" max="5633" width="2.109375" style="686" customWidth="1"/>
    <col min="5634" max="5634" width="2.33203125" style="686" customWidth="1"/>
    <col min="5635" max="5653" width="4" style="686" customWidth="1"/>
    <col min="5654" max="5657" width="2.33203125" style="686" customWidth="1"/>
    <col min="5658" max="5658" width="2.109375" style="686" customWidth="1"/>
    <col min="5659" max="5887" width="4" style="686"/>
    <col min="5888" max="5888" width="1.77734375" style="686" customWidth="1"/>
    <col min="5889" max="5889" width="2.109375" style="686" customWidth="1"/>
    <col min="5890" max="5890" width="2.33203125" style="686" customWidth="1"/>
    <col min="5891" max="5909" width="4" style="686" customWidth="1"/>
    <col min="5910" max="5913" width="2.33203125" style="686" customWidth="1"/>
    <col min="5914" max="5914" width="2.109375" style="686" customWidth="1"/>
    <col min="5915" max="6143" width="4" style="686"/>
    <col min="6144" max="6144" width="1.77734375" style="686" customWidth="1"/>
    <col min="6145" max="6145" width="2.109375" style="686" customWidth="1"/>
    <col min="6146" max="6146" width="2.33203125" style="686" customWidth="1"/>
    <col min="6147" max="6165" width="4" style="686" customWidth="1"/>
    <col min="6166" max="6169" width="2.33203125" style="686" customWidth="1"/>
    <col min="6170" max="6170" width="2.109375" style="686" customWidth="1"/>
    <col min="6171" max="6399" width="4" style="686"/>
    <col min="6400" max="6400" width="1.77734375" style="686" customWidth="1"/>
    <col min="6401" max="6401" width="2.109375" style="686" customWidth="1"/>
    <col min="6402" max="6402" width="2.33203125" style="686" customWidth="1"/>
    <col min="6403" max="6421" width="4" style="686" customWidth="1"/>
    <col min="6422" max="6425" width="2.33203125" style="686" customWidth="1"/>
    <col min="6426" max="6426" width="2.109375" style="686" customWidth="1"/>
    <col min="6427" max="6655" width="4" style="686"/>
    <col min="6656" max="6656" width="1.77734375" style="686" customWidth="1"/>
    <col min="6657" max="6657" width="2.109375" style="686" customWidth="1"/>
    <col min="6658" max="6658" width="2.33203125" style="686" customWidth="1"/>
    <col min="6659" max="6677" width="4" style="686" customWidth="1"/>
    <col min="6678" max="6681" width="2.33203125" style="686" customWidth="1"/>
    <col min="6682" max="6682" width="2.109375" style="686" customWidth="1"/>
    <col min="6683" max="6911" width="4" style="686"/>
    <col min="6912" max="6912" width="1.77734375" style="686" customWidth="1"/>
    <col min="6913" max="6913" width="2.109375" style="686" customWidth="1"/>
    <col min="6914" max="6914" width="2.33203125" style="686" customWidth="1"/>
    <col min="6915" max="6933" width="4" style="686" customWidth="1"/>
    <col min="6934" max="6937" width="2.33203125" style="686" customWidth="1"/>
    <col min="6938" max="6938" width="2.109375" style="686" customWidth="1"/>
    <col min="6939" max="7167" width="4" style="686"/>
    <col min="7168" max="7168" width="1.77734375" style="686" customWidth="1"/>
    <col min="7169" max="7169" width="2.109375" style="686" customWidth="1"/>
    <col min="7170" max="7170" width="2.33203125" style="686" customWidth="1"/>
    <col min="7171" max="7189" width="4" style="686" customWidth="1"/>
    <col min="7190" max="7193" width="2.33203125" style="686" customWidth="1"/>
    <col min="7194" max="7194" width="2.109375" style="686" customWidth="1"/>
    <col min="7195" max="7423" width="4" style="686"/>
    <col min="7424" max="7424" width="1.77734375" style="686" customWidth="1"/>
    <col min="7425" max="7425" width="2.109375" style="686" customWidth="1"/>
    <col min="7426" max="7426" width="2.33203125" style="686" customWidth="1"/>
    <col min="7427" max="7445" width="4" style="686" customWidth="1"/>
    <col min="7446" max="7449" width="2.33203125" style="686" customWidth="1"/>
    <col min="7450" max="7450" width="2.109375" style="686" customWidth="1"/>
    <col min="7451" max="7679" width="4" style="686"/>
    <col min="7680" max="7680" width="1.77734375" style="686" customWidth="1"/>
    <col min="7681" max="7681" width="2.109375" style="686" customWidth="1"/>
    <col min="7682" max="7682" width="2.33203125" style="686" customWidth="1"/>
    <col min="7683" max="7701" width="4" style="686" customWidth="1"/>
    <col min="7702" max="7705" width="2.33203125" style="686" customWidth="1"/>
    <col min="7706" max="7706" width="2.109375" style="686" customWidth="1"/>
    <col min="7707" max="7935" width="4" style="686"/>
    <col min="7936" max="7936" width="1.77734375" style="686" customWidth="1"/>
    <col min="7937" max="7937" width="2.109375" style="686" customWidth="1"/>
    <col min="7938" max="7938" width="2.33203125" style="686" customWidth="1"/>
    <col min="7939" max="7957" width="4" style="686" customWidth="1"/>
    <col min="7958" max="7961" width="2.33203125" style="686" customWidth="1"/>
    <col min="7962" max="7962" width="2.109375" style="686" customWidth="1"/>
    <col min="7963" max="8191" width="4" style="686"/>
    <col min="8192" max="8192" width="1.77734375" style="686" customWidth="1"/>
    <col min="8193" max="8193" width="2.109375" style="686" customWidth="1"/>
    <col min="8194" max="8194" width="2.33203125" style="686" customWidth="1"/>
    <col min="8195" max="8213" width="4" style="686" customWidth="1"/>
    <col min="8214" max="8217" width="2.33203125" style="686" customWidth="1"/>
    <col min="8218" max="8218" width="2.109375" style="686" customWidth="1"/>
    <col min="8219" max="8447" width="4" style="686"/>
    <col min="8448" max="8448" width="1.77734375" style="686" customWidth="1"/>
    <col min="8449" max="8449" width="2.109375" style="686" customWidth="1"/>
    <col min="8450" max="8450" width="2.33203125" style="686" customWidth="1"/>
    <col min="8451" max="8469" width="4" style="686" customWidth="1"/>
    <col min="8470" max="8473" width="2.33203125" style="686" customWidth="1"/>
    <col min="8474" max="8474" width="2.109375" style="686" customWidth="1"/>
    <col min="8475" max="8703" width="4" style="686"/>
    <col min="8704" max="8704" width="1.77734375" style="686" customWidth="1"/>
    <col min="8705" max="8705" width="2.109375" style="686" customWidth="1"/>
    <col min="8706" max="8706" width="2.33203125" style="686" customWidth="1"/>
    <col min="8707" max="8725" width="4" style="686" customWidth="1"/>
    <col min="8726" max="8729" width="2.33203125" style="686" customWidth="1"/>
    <col min="8730" max="8730" width="2.109375" style="686" customWidth="1"/>
    <col min="8731" max="8959" width="4" style="686"/>
    <col min="8960" max="8960" width="1.77734375" style="686" customWidth="1"/>
    <col min="8961" max="8961" width="2.109375" style="686" customWidth="1"/>
    <col min="8962" max="8962" width="2.33203125" style="686" customWidth="1"/>
    <col min="8963" max="8981" width="4" style="686" customWidth="1"/>
    <col min="8982" max="8985" width="2.33203125" style="686" customWidth="1"/>
    <col min="8986" max="8986" width="2.109375" style="686" customWidth="1"/>
    <col min="8987" max="9215" width="4" style="686"/>
    <col min="9216" max="9216" width="1.77734375" style="686" customWidth="1"/>
    <col min="9217" max="9217" width="2.109375" style="686" customWidth="1"/>
    <col min="9218" max="9218" width="2.33203125" style="686" customWidth="1"/>
    <col min="9219" max="9237" width="4" style="686" customWidth="1"/>
    <col min="9238" max="9241" width="2.33203125" style="686" customWidth="1"/>
    <col min="9242" max="9242" width="2.109375" style="686" customWidth="1"/>
    <col min="9243" max="9471" width="4" style="686"/>
    <col min="9472" max="9472" width="1.77734375" style="686" customWidth="1"/>
    <col min="9473" max="9473" width="2.109375" style="686" customWidth="1"/>
    <col min="9474" max="9474" width="2.33203125" style="686" customWidth="1"/>
    <col min="9475" max="9493" width="4" style="686" customWidth="1"/>
    <col min="9494" max="9497" width="2.33203125" style="686" customWidth="1"/>
    <col min="9498" max="9498" width="2.109375" style="686" customWidth="1"/>
    <col min="9499" max="9727" width="4" style="686"/>
    <col min="9728" max="9728" width="1.77734375" style="686" customWidth="1"/>
    <col min="9729" max="9729" width="2.109375" style="686" customWidth="1"/>
    <col min="9730" max="9730" width="2.33203125" style="686" customWidth="1"/>
    <col min="9731" max="9749" width="4" style="686" customWidth="1"/>
    <col min="9750" max="9753" width="2.33203125" style="686" customWidth="1"/>
    <col min="9754" max="9754" width="2.109375" style="686" customWidth="1"/>
    <col min="9755" max="9983" width="4" style="686"/>
    <col min="9984" max="9984" width="1.77734375" style="686" customWidth="1"/>
    <col min="9985" max="9985" width="2.109375" style="686" customWidth="1"/>
    <col min="9986" max="9986" width="2.33203125" style="686" customWidth="1"/>
    <col min="9987" max="10005" width="4" style="686" customWidth="1"/>
    <col min="10006" max="10009" width="2.33203125" style="686" customWidth="1"/>
    <col min="10010" max="10010" width="2.109375" style="686" customWidth="1"/>
    <col min="10011" max="10239" width="4" style="686"/>
    <col min="10240" max="10240" width="1.77734375" style="686" customWidth="1"/>
    <col min="10241" max="10241" width="2.109375" style="686" customWidth="1"/>
    <col min="10242" max="10242" width="2.33203125" style="686" customWidth="1"/>
    <col min="10243" max="10261" width="4" style="686" customWidth="1"/>
    <col min="10262" max="10265" width="2.33203125" style="686" customWidth="1"/>
    <col min="10266" max="10266" width="2.109375" style="686" customWidth="1"/>
    <col min="10267" max="10495" width="4" style="686"/>
    <col min="10496" max="10496" width="1.77734375" style="686" customWidth="1"/>
    <col min="10497" max="10497" width="2.109375" style="686" customWidth="1"/>
    <col min="10498" max="10498" width="2.33203125" style="686" customWidth="1"/>
    <col min="10499" max="10517" width="4" style="686" customWidth="1"/>
    <col min="10518" max="10521" width="2.33203125" style="686" customWidth="1"/>
    <col min="10522" max="10522" width="2.109375" style="686" customWidth="1"/>
    <col min="10523" max="10751" width="4" style="686"/>
    <col min="10752" max="10752" width="1.77734375" style="686" customWidth="1"/>
    <col min="10753" max="10753" width="2.109375" style="686" customWidth="1"/>
    <col min="10754" max="10754" width="2.33203125" style="686" customWidth="1"/>
    <col min="10755" max="10773" width="4" style="686" customWidth="1"/>
    <col min="10774" max="10777" width="2.33203125" style="686" customWidth="1"/>
    <col min="10778" max="10778" width="2.109375" style="686" customWidth="1"/>
    <col min="10779" max="11007" width="4" style="686"/>
    <col min="11008" max="11008" width="1.77734375" style="686" customWidth="1"/>
    <col min="11009" max="11009" width="2.109375" style="686" customWidth="1"/>
    <col min="11010" max="11010" width="2.33203125" style="686" customWidth="1"/>
    <col min="11011" max="11029" width="4" style="686" customWidth="1"/>
    <col min="11030" max="11033" width="2.33203125" style="686" customWidth="1"/>
    <col min="11034" max="11034" width="2.109375" style="686" customWidth="1"/>
    <col min="11035" max="11263" width="4" style="686"/>
    <col min="11264" max="11264" width="1.77734375" style="686" customWidth="1"/>
    <col min="11265" max="11265" width="2.109375" style="686" customWidth="1"/>
    <col min="11266" max="11266" width="2.33203125" style="686" customWidth="1"/>
    <col min="11267" max="11285" width="4" style="686" customWidth="1"/>
    <col min="11286" max="11289" width="2.33203125" style="686" customWidth="1"/>
    <col min="11290" max="11290" width="2.109375" style="686" customWidth="1"/>
    <col min="11291" max="11519" width="4" style="686"/>
    <col min="11520" max="11520" width="1.77734375" style="686" customWidth="1"/>
    <col min="11521" max="11521" width="2.109375" style="686" customWidth="1"/>
    <col min="11522" max="11522" width="2.33203125" style="686" customWidth="1"/>
    <col min="11523" max="11541" width="4" style="686" customWidth="1"/>
    <col min="11542" max="11545" width="2.33203125" style="686" customWidth="1"/>
    <col min="11546" max="11546" width="2.109375" style="686" customWidth="1"/>
    <col min="11547" max="11775" width="4" style="686"/>
    <col min="11776" max="11776" width="1.77734375" style="686" customWidth="1"/>
    <col min="11777" max="11777" width="2.109375" style="686" customWidth="1"/>
    <col min="11778" max="11778" width="2.33203125" style="686" customWidth="1"/>
    <col min="11779" max="11797" width="4" style="686" customWidth="1"/>
    <col min="11798" max="11801" width="2.33203125" style="686" customWidth="1"/>
    <col min="11802" max="11802" width="2.109375" style="686" customWidth="1"/>
    <col min="11803" max="12031" width="4" style="686"/>
    <col min="12032" max="12032" width="1.77734375" style="686" customWidth="1"/>
    <col min="12033" max="12033" width="2.109375" style="686" customWidth="1"/>
    <col min="12034" max="12034" width="2.33203125" style="686" customWidth="1"/>
    <col min="12035" max="12053" width="4" style="686" customWidth="1"/>
    <col min="12054" max="12057" width="2.33203125" style="686" customWidth="1"/>
    <col min="12058" max="12058" width="2.109375" style="686" customWidth="1"/>
    <col min="12059" max="12287" width="4" style="686"/>
    <col min="12288" max="12288" width="1.77734375" style="686" customWidth="1"/>
    <col min="12289" max="12289" width="2.109375" style="686" customWidth="1"/>
    <col min="12290" max="12290" width="2.33203125" style="686" customWidth="1"/>
    <col min="12291" max="12309" width="4" style="686" customWidth="1"/>
    <col min="12310" max="12313" width="2.33203125" style="686" customWidth="1"/>
    <col min="12314" max="12314" width="2.109375" style="686" customWidth="1"/>
    <col min="12315" max="12543" width="4" style="686"/>
    <col min="12544" max="12544" width="1.77734375" style="686" customWidth="1"/>
    <col min="12545" max="12545" width="2.109375" style="686" customWidth="1"/>
    <col min="12546" max="12546" width="2.33203125" style="686" customWidth="1"/>
    <col min="12547" max="12565" width="4" style="686" customWidth="1"/>
    <col min="12566" max="12569" width="2.33203125" style="686" customWidth="1"/>
    <col min="12570" max="12570" width="2.109375" style="686" customWidth="1"/>
    <col min="12571" max="12799" width="4" style="686"/>
    <col min="12800" max="12800" width="1.77734375" style="686" customWidth="1"/>
    <col min="12801" max="12801" width="2.109375" style="686" customWidth="1"/>
    <col min="12802" max="12802" width="2.33203125" style="686" customWidth="1"/>
    <col min="12803" max="12821" width="4" style="686" customWidth="1"/>
    <col min="12822" max="12825" width="2.33203125" style="686" customWidth="1"/>
    <col min="12826" max="12826" width="2.109375" style="686" customWidth="1"/>
    <col min="12827" max="13055" width="4" style="686"/>
    <col min="13056" max="13056" width="1.77734375" style="686" customWidth="1"/>
    <col min="13057" max="13057" width="2.109375" style="686" customWidth="1"/>
    <col min="13058" max="13058" width="2.33203125" style="686" customWidth="1"/>
    <col min="13059" max="13077" width="4" style="686" customWidth="1"/>
    <col min="13078" max="13081" width="2.33203125" style="686" customWidth="1"/>
    <col min="13082" max="13082" width="2.109375" style="686" customWidth="1"/>
    <col min="13083" max="13311" width="4" style="686"/>
    <col min="13312" max="13312" width="1.77734375" style="686" customWidth="1"/>
    <col min="13313" max="13313" width="2.109375" style="686" customWidth="1"/>
    <col min="13314" max="13314" width="2.33203125" style="686" customWidth="1"/>
    <col min="13315" max="13333" width="4" style="686" customWidth="1"/>
    <col min="13334" max="13337" width="2.33203125" style="686" customWidth="1"/>
    <col min="13338" max="13338" width="2.109375" style="686" customWidth="1"/>
    <col min="13339" max="13567" width="4" style="686"/>
    <col min="13568" max="13568" width="1.77734375" style="686" customWidth="1"/>
    <col min="13569" max="13569" width="2.109375" style="686" customWidth="1"/>
    <col min="13570" max="13570" width="2.33203125" style="686" customWidth="1"/>
    <col min="13571" max="13589" width="4" style="686" customWidth="1"/>
    <col min="13590" max="13593" width="2.33203125" style="686" customWidth="1"/>
    <col min="13594" max="13594" width="2.109375" style="686" customWidth="1"/>
    <col min="13595" max="13823" width="4" style="686"/>
    <col min="13824" max="13824" width="1.77734375" style="686" customWidth="1"/>
    <col min="13825" max="13825" width="2.109375" style="686" customWidth="1"/>
    <col min="13826" max="13826" width="2.33203125" style="686" customWidth="1"/>
    <col min="13827" max="13845" width="4" style="686" customWidth="1"/>
    <col min="13846" max="13849" width="2.33203125" style="686" customWidth="1"/>
    <col min="13850" max="13850" width="2.109375" style="686" customWidth="1"/>
    <col min="13851" max="14079" width="4" style="686"/>
    <col min="14080" max="14080" width="1.77734375" style="686" customWidth="1"/>
    <col min="14081" max="14081" width="2.109375" style="686" customWidth="1"/>
    <col min="14082" max="14082" width="2.33203125" style="686" customWidth="1"/>
    <col min="14083" max="14101" width="4" style="686" customWidth="1"/>
    <col min="14102" max="14105" width="2.33203125" style="686" customWidth="1"/>
    <col min="14106" max="14106" width="2.109375" style="686" customWidth="1"/>
    <col min="14107" max="14335" width="4" style="686"/>
    <col min="14336" max="14336" width="1.77734375" style="686" customWidth="1"/>
    <col min="14337" max="14337" width="2.109375" style="686" customWidth="1"/>
    <col min="14338" max="14338" width="2.33203125" style="686" customWidth="1"/>
    <col min="14339" max="14357" width="4" style="686" customWidth="1"/>
    <col min="14358" max="14361" width="2.33203125" style="686" customWidth="1"/>
    <col min="14362" max="14362" width="2.109375" style="686" customWidth="1"/>
    <col min="14363" max="14591" width="4" style="686"/>
    <col min="14592" max="14592" width="1.77734375" style="686" customWidth="1"/>
    <col min="14593" max="14593" width="2.109375" style="686" customWidth="1"/>
    <col min="14594" max="14594" width="2.33203125" style="686" customWidth="1"/>
    <col min="14595" max="14613" width="4" style="686" customWidth="1"/>
    <col min="14614" max="14617" width="2.33203125" style="686" customWidth="1"/>
    <col min="14618" max="14618" width="2.109375" style="686" customWidth="1"/>
    <col min="14619" max="14847" width="4" style="686"/>
    <col min="14848" max="14848" width="1.77734375" style="686" customWidth="1"/>
    <col min="14849" max="14849" width="2.109375" style="686" customWidth="1"/>
    <col min="14850" max="14850" width="2.33203125" style="686" customWidth="1"/>
    <col min="14851" max="14869" width="4" style="686" customWidth="1"/>
    <col min="14870" max="14873" width="2.33203125" style="686" customWidth="1"/>
    <col min="14874" max="14874" width="2.109375" style="686" customWidth="1"/>
    <col min="14875" max="15103" width="4" style="686"/>
    <col min="15104" max="15104" width="1.77734375" style="686" customWidth="1"/>
    <col min="15105" max="15105" width="2.109375" style="686" customWidth="1"/>
    <col min="15106" max="15106" width="2.33203125" style="686" customWidth="1"/>
    <col min="15107" max="15125" width="4" style="686" customWidth="1"/>
    <col min="15126" max="15129" width="2.33203125" style="686" customWidth="1"/>
    <col min="15130" max="15130" width="2.109375" style="686" customWidth="1"/>
    <col min="15131" max="15359" width="4" style="686"/>
    <col min="15360" max="15360" width="1.77734375" style="686" customWidth="1"/>
    <col min="15361" max="15361" width="2.109375" style="686" customWidth="1"/>
    <col min="15362" max="15362" width="2.33203125" style="686" customWidth="1"/>
    <col min="15363" max="15381" width="4" style="686" customWidth="1"/>
    <col min="15382" max="15385" width="2.33203125" style="686" customWidth="1"/>
    <col min="15386" max="15386" width="2.109375" style="686" customWidth="1"/>
    <col min="15387" max="15615" width="4" style="686"/>
    <col min="15616" max="15616" width="1.77734375" style="686" customWidth="1"/>
    <col min="15617" max="15617" width="2.109375" style="686" customWidth="1"/>
    <col min="15618" max="15618" width="2.33203125" style="686" customWidth="1"/>
    <col min="15619" max="15637" width="4" style="686" customWidth="1"/>
    <col min="15638" max="15641" width="2.33203125" style="686" customWidth="1"/>
    <col min="15642" max="15642" width="2.109375" style="686" customWidth="1"/>
    <col min="15643" max="15871" width="4" style="686"/>
    <col min="15872" max="15872" width="1.77734375" style="686" customWidth="1"/>
    <col min="15873" max="15873" width="2.109375" style="686" customWidth="1"/>
    <col min="15874" max="15874" width="2.33203125" style="686" customWidth="1"/>
    <col min="15875" max="15893" width="4" style="686" customWidth="1"/>
    <col min="15894" max="15897" width="2.33203125" style="686" customWidth="1"/>
    <col min="15898" max="15898" width="2.109375" style="686" customWidth="1"/>
    <col min="15899" max="16127" width="4" style="686"/>
    <col min="16128" max="16128" width="1.77734375" style="686" customWidth="1"/>
    <col min="16129" max="16129" width="2.109375" style="686" customWidth="1"/>
    <col min="16130" max="16130" width="2.33203125" style="686" customWidth="1"/>
    <col min="16131" max="16149" width="4" style="686" customWidth="1"/>
    <col min="16150" max="16153" width="2.33203125" style="686" customWidth="1"/>
    <col min="16154" max="16154" width="2.109375" style="686" customWidth="1"/>
    <col min="16155" max="16384" width="4" style="686"/>
  </cols>
  <sheetData>
    <row r="1" spans="1:29" ht="20.100000000000001" customHeight="1" x14ac:dyDescent="0.2">
      <c r="A1" s="684"/>
      <c r="B1" s="685"/>
      <c r="C1" s="685"/>
      <c r="D1" s="685"/>
      <c r="E1" s="685"/>
      <c r="F1" s="685"/>
      <c r="G1" s="685"/>
      <c r="H1" s="685"/>
      <c r="I1" s="685"/>
      <c r="J1" s="685"/>
      <c r="K1" s="685"/>
      <c r="L1" s="685"/>
      <c r="M1" s="685"/>
      <c r="N1" s="685"/>
      <c r="O1" s="685"/>
      <c r="P1" s="685"/>
      <c r="Q1" s="685"/>
      <c r="R1" s="685"/>
      <c r="S1" s="685"/>
      <c r="T1" s="685"/>
      <c r="U1" s="685"/>
      <c r="V1" s="685"/>
      <c r="W1" s="685"/>
      <c r="X1" s="685"/>
      <c r="Y1" s="685"/>
      <c r="Z1" s="685"/>
    </row>
    <row r="2" spans="1:29" ht="20.100000000000001" customHeight="1" x14ac:dyDescent="0.2">
      <c r="A2" s="684"/>
      <c r="B2" s="685"/>
      <c r="C2" s="708" t="s">
        <v>1180</v>
      </c>
      <c r="D2" s="709"/>
      <c r="E2" s="709"/>
      <c r="F2" s="709"/>
      <c r="G2" s="709"/>
      <c r="H2" s="685"/>
      <c r="I2" s="685"/>
      <c r="J2" s="685"/>
      <c r="K2" s="685"/>
      <c r="L2" s="685"/>
      <c r="M2" s="685"/>
      <c r="N2" s="685"/>
      <c r="O2" s="685"/>
      <c r="P2" s="685"/>
      <c r="Q2" s="685"/>
      <c r="R2" s="2956" t="s">
        <v>1098</v>
      </c>
      <c r="S2" s="2956"/>
      <c r="T2" s="2956"/>
      <c r="U2" s="2956"/>
      <c r="V2" s="2956"/>
      <c r="W2" s="2956"/>
      <c r="X2" s="2956"/>
      <c r="Y2" s="2956"/>
      <c r="Z2" s="685"/>
    </row>
    <row r="3" spans="1:29" ht="20.100000000000001" customHeight="1" x14ac:dyDescent="0.2">
      <c r="A3" s="684"/>
      <c r="B3" s="685"/>
      <c r="C3" s="685"/>
      <c r="D3" s="685"/>
      <c r="E3" s="685"/>
      <c r="F3" s="685"/>
      <c r="G3" s="685"/>
      <c r="H3" s="685"/>
      <c r="I3" s="685"/>
      <c r="J3" s="685"/>
      <c r="K3" s="685"/>
      <c r="L3" s="685"/>
      <c r="M3" s="685"/>
      <c r="N3" s="685"/>
      <c r="O3" s="685"/>
      <c r="P3" s="685"/>
      <c r="Q3" s="685"/>
      <c r="R3" s="685"/>
      <c r="S3" s="685"/>
      <c r="T3" s="687"/>
      <c r="U3" s="685"/>
      <c r="V3" s="685"/>
      <c r="W3" s="685"/>
      <c r="X3" s="685"/>
      <c r="Y3" s="685"/>
      <c r="Z3" s="685"/>
    </row>
    <row r="4" spans="1:29" ht="20.100000000000001" customHeight="1" x14ac:dyDescent="0.2">
      <c r="A4" s="684"/>
      <c r="B4" s="2957" t="s">
        <v>1099</v>
      </c>
      <c r="C4" s="2957"/>
      <c r="D4" s="2957"/>
      <c r="E4" s="2957"/>
      <c r="F4" s="2957"/>
      <c r="G4" s="2957"/>
      <c r="H4" s="2957"/>
      <c r="I4" s="2957"/>
      <c r="J4" s="2957"/>
      <c r="K4" s="2957"/>
      <c r="L4" s="2957"/>
      <c r="M4" s="2957"/>
      <c r="N4" s="2957"/>
      <c r="O4" s="2957"/>
      <c r="P4" s="2957"/>
      <c r="Q4" s="2957"/>
      <c r="R4" s="2957"/>
      <c r="S4" s="2957"/>
      <c r="T4" s="2957"/>
      <c r="U4" s="2957"/>
      <c r="V4" s="2957"/>
      <c r="W4" s="2957"/>
      <c r="X4" s="2957"/>
      <c r="Y4" s="2957"/>
      <c r="Z4" s="685"/>
    </row>
    <row r="5" spans="1:29" ht="20.100000000000001" customHeight="1" x14ac:dyDescent="0.2">
      <c r="A5" s="684"/>
      <c r="B5" s="685"/>
      <c r="C5" s="685"/>
      <c r="D5" s="685"/>
      <c r="E5" s="685"/>
      <c r="F5" s="685"/>
      <c r="G5" s="685"/>
      <c r="H5" s="685"/>
      <c r="I5" s="685"/>
      <c r="J5" s="685"/>
      <c r="K5" s="685"/>
      <c r="L5" s="685"/>
      <c r="M5" s="685"/>
      <c r="N5" s="685"/>
      <c r="O5" s="685"/>
      <c r="P5" s="685"/>
      <c r="Q5" s="685"/>
      <c r="R5" s="685"/>
      <c r="S5" s="685"/>
      <c r="T5" s="685"/>
      <c r="U5" s="685"/>
      <c r="V5" s="685"/>
      <c r="W5" s="685"/>
      <c r="X5" s="685"/>
      <c r="Y5" s="685"/>
      <c r="Z5" s="685"/>
    </row>
    <row r="6" spans="1:29" ht="23.25" customHeight="1" x14ac:dyDescent="0.2">
      <c r="A6" s="684"/>
      <c r="B6" s="2958" t="s">
        <v>1101</v>
      </c>
      <c r="C6" s="2959"/>
      <c r="D6" s="2959"/>
      <c r="E6" s="2959"/>
      <c r="F6" s="2960"/>
      <c r="G6" s="2959"/>
      <c r="H6" s="2959"/>
      <c r="I6" s="2959"/>
      <c r="J6" s="2959"/>
      <c r="K6" s="2959"/>
      <c r="L6" s="2959"/>
      <c r="M6" s="2959"/>
      <c r="N6" s="2959"/>
      <c r="O6" s="2959"/>
      <c r="P6" s="2959"/>
      <c r="Q6" s="2959"/>
      <c r="R6" s="2959"/>
      <c r="S6" s="2959"/>
      <c r="T6" s="2959"/>
      <c r="U6" s="2959"/>
      <c r="V6" s="2959"/>
      <c r="W6" s="2959"/>
      <c r="X6" s="2959"/>
      <c r="Y6" s="2960"/>
      <c r="Z6" s="685"/>
    </row>
    <row r="7" spans="1:29" ht="23.25" customHeight="1" x14ac:dyDescent="0.2">
      <c r="A7" s="684"/>
      <c r="B7" s="2958" t="s">
        <v>1103</v>
      </c>
      <c r="C7" s="2959"/>
      <c r="D7" s="2959"/>
      <c r="E7" s="2959"/>
      <c r="F7" s="2960"/>
      <c r="G7" s="2961" t="s">
        <v>1104</v>
      </c>
      <c r="H7" s="2961"/>
      <c r="I7" s="2961"/>
      <c r="J7" s="2961"/>
      <c r="K7" s="2961"/>
      <c r="L7" s="2961"/>
      <c r="M7" s="2961"/>
      <c r="N7" s="2961"/>
      <c r="O7" s="2961"/>
      <c r="P7" s="2961"/>
      <c r="Q7" s="2961"/>
      <c r="R7" s="2961"/>
      <c r="S7" s="2961"/>
      <c r="T7" s="2961"/>
      <c r="U7" s="2961"/>
      <c r="V7" s="2961"/>
      <c r="W7" s="2961"/>
      <c r="X7" s="2961"/>
      <c r="Y7" s="2962"/>
      <c r="Z7" s="685"/>
    </row>
    <row r="8" spans="1:29" ht="23.25" customHeight="1" x14ac:dyDescent="0.2">
      <c r="A8" s="684"/>
      <c r="B8" s="2958" t="s">
        <v>1105</v>
      </c>
      <c r="C8" s="2959"/>
      <c r="D8" s="2959"/>
      <c r="E8" s="2959"/>
      <c r="F8" s="2960"/>
      <c r="G8" s="2966" t="s">
        <v>1106</v>
      </c>
      <c r="H8" s="2967"/>
      <c r="I8" s="2967"/>
      <c r="J8" s="2967"/>
      <c r="K8" s="2967"/>
      <c r="L8" s="2967"/>
      <c r="M8" s="2967"/>
      <c r="N8" s="2967"/>
      <c r="O8" s="2967"/>
      <c r="P8" s="2967"/>
      <c r="Q8" s="2967"/>
      <c r="R8" s="2967"/>
      <c r="S8" s="2967"/>
      <c r="T8" s="2967"/>
      <c r="U8" s="2967"/>
      <c r="V8" s="2967"/>
      <c r="W8" s="2967"/>
      <c r="X8" s="2967"/>
      <c r="Y8" s="2968"/>
      <c r="Z8" s="685"/>
      <c r="AC8" s="688"/>
    </row>
    <row r="9" spans="1:29" ht="3" customHeight="1" x14ac:dyDescent="0.2">
      <c r="A9" s="684"/>
      <c r="B9" s="689"/>
      <c r="C9" s="689"/>
      <c r="D9" s="689"/>
      <c r="E9" s="689"/>
      <c r="F9" s="689"/>
      <c r="G9" s="690"/>
      <c r="H9" s="690"/>
      <c r="I9" s="690"/>
      <c r="J9" s="690"/>
      <c r="K9" s="690"/>
      <c r="L9" s="690"/>
      <c r="M9" s="690"/>
      <c r="N9" s="690"/>
      <c r="O9" s="690"/>
      <c r="P9" s="690"/>
      <c r="Q9" s="690"/>
      <c r="R9" s="690"/>
      <c r="S9" s="690"/>
      <c r="T9" s="690"/>
      <c r="U9" s="690"/>
      <c r="V9" s="690"/>
      <c r="W9" s="690"/>
      <c r="X9" s="690"/>
      <c r="Y9" s="690"/>
      <c r="Z9" s="685"/>
      <c r="AC9" s="688"/>
    </row>
    <row r="10" spans="1:29" ht="13.5" customHeight="1" x14ac:dyDescent="0.2">
      <c r="A10" s="684"/>
      <c r="B10" s="2969" t="s">
        <v>1107</v>
      </c>
      <c r="C10" s="2969"/>
      <c r="D10" s="2969"/>
      <c r="E10" s="2969"/>
      <c r="F10" s="2969"/>
      <c r="G10" s="2969"/>
      <c r="H10" s="2969"/>
      <c r="I10" s="2969"/>
      <c r="J10" s="2969"/>
      <c r="K10" s="2969"/>
      <c r="L10" s="2969"/>
      <c r="M10" s="2969"/>
      <c r="N10" s="2969"/>
      <c r="O10" s="2969"/>
      <c r="P10" s="2969"/>
      <c r="Q10" s="2969"/>
      <c r="R10" s="2969"/>
      <c r="S10" s="2969"/>
      <c r="T10" s="2969"/>
      <c r="U10" s="2969"/>
      <c r="V10" s="2969"/>
      <c r="W10" s="2969"/>
      <c r="X10" s="2969"/>
      <c r="Y10" s="2969"/>
      <c r="Z10" s="685"/>
      <c r="AC10" s="688"/>
    </row>
    <row r="11" spans="1:29" ht="6" customHeight="1" x14ac:dyDescent="0.2">
      <c r="A11" s="684"/>
      <c r="B11" s="685"/>
      <c r="C11" s="685"/>
      <c r="D11" s="685"/>
      <c r="E11" s="685"/>
      <c r="F11" s="685"/>
      <c r="G11" s="685"/>
      <c r="H11" s="685"/>
      <c r="I11" s="685"/>
      <c r="J11" s="685"/>
      <c r="K11" s="685"/>
      <c r="L11" s="685"/>
      <c r="M11" s="685"/>
      <c r="N11" s="685"/>
      <c r="O11" s="685"/>
      <c r="P11" s="685"/>
      <c r="Q11" s="685"/>
      <c r="R11" s="685"/>
      <c r="S11" s="685"/>
      <c r="T11" s="685"/>
      <c r="U11" s="685"/>
      <c r="V11" s="685"/>
      <c r="W11" s="685"/>
      <c r="X11" s="685"/>
      <c r="Y11" s="685"/>
      <c r="Z11" s="685"/>
    </row>
    <row r="12" spans="1:29" ht="8.25" customHeight="1" x14ac:dyDescent="0.2">
      <c r="A12" s="684"/>
      <c r="B12" s="691"/>
      <c r="C12" s="692"/>
      <c r="D12" s="692"/>
      <c r="E12" s="692"/>
      <c r="F12" s="692"/>
      <c r="G12" s="692"/>
      <c r="H12" s="692"/>
      <c r="I12" s="692"/>
      <c r="J12" s="692"/>
      <c r="K12" s="692"/>
      <c r="L12" s="692"/>
      <c r="M12" s="692"/>
      <c r="N12" s="692"/>
      <c r="O12" s="692"/>
      <c r="P12" s="692"/>
      <c r="Q12" s="692"/>
      <c r="R12" s="692"/>
      <c r="S12" s="692"/>
      <c r="T12" s="692"/>
      <c r="U12" s="692"/>
      <c r="V12" s="2963" t="s">
        <v>1109</v>
      </c>
      <c r="W12" s="2964"/>
      <c r="X12" s="2964"/>
      <c r="Y12" s="2965"/>
      <c r="Z12" s="685"/>
    </row>
    <row r="13" spans="1:29" ht="18.75" customHeight="1" x14ac:dyDescent="0.2">
      <c r="A13" s="684"/>
      <c r="B13" s="684"/>
      <c r="C13" s="685" t="s">
        <v>1064</v>
      </c>
      <c r="D13" s="685"/>
      <c r="E13" s="685"/>
      <c r="F13" s="685"/>
      <c r="G13" s="685"/>
      <c r="H13" s="685"/>
      <c r="I13" s="685"/>
      <c r="J13" s="685"/>
      <c r="K13" s="685"/>
      <c r="L13" s="685"/>
      <c r="M13" s="685"/>
      <c r="N13" s="685"/>
      <c r="O13" s="685"/>
      <c r="P13" s="685"/>
      <c r="Q13" s="685"/>
      <c r="R13" s="685"/>
      <c r="S13" s="685"/>
      <c r="T13" s="685"/>
      <c r="U13" s="685"/>
      <c r="V13" s="2970"/>
      <c r="W13" s="2957"/>
      <c r="X13" s="2957"/>
      <c r="Y13" s="2971"/>
      <c r="Z13" s="685"/>
      <c r="AA13" s="685"/>
      <c r="AB13" s="685"/>
    </row>
    <row r="14" spans="1:29" ht="18.75" customHeight="1" x14ac:dyDescent="0.2">
      <c r="A14" s="684"/>
      <c r="B14" s="684"/>
      <c r="C14" s="685" t="s">
        <v>1110</v>
      </c>
      <c r="D14" s="685"/>
      <c r="E14" s="685"/>
      <c r="F14" s="685"/>
      <c r="G14" s="685"/>
      <c r="H14" s="685"/>
      <c r="I14" s="685"/>
      <c r="J14" s="685"/>
      <c r="K14" s="685"/>
      <c r="L14" s="685"/>
      <c r="M14" s="685"/>
      <c r="N14" s="685"/>
      <c r="O14" s="685"/>
      <c r="P14" s="685"/>
      <c r="Q14" s="685"/>
      <c r="R14" s="685"/>
      <c r="S14" s="685"/>
      <c r="T14" s="685"/>
      <c r="U14" s="685"/>
      <c r="V14" s="2970"/>
      <c r="W14" s="2957"/>
      <c r="X14" s="2957"/>
      <c r="Y14" s="2971"/>
      <c r="Z14" s="685"/>
      <c r="AA14" s="685"/>
      <c r="AB14" s="685"/>
    </row>
    <row r="15" spans="1:29" ht="6.75" customHeight="1" x14ac:dyDescent="0.2">
      <c r="A15" s="684"/>
      <c r="B15" s="684"/>
      <c r="C15" s="685"/>
      <c r="D15" s="685"/>
      <c r="E15" s="685"/>
      <c r="F15" s="685"/>
      <c r="G15" s="685"/>
      <c r="H15" s="685"/>
      <c r="I15" s="685"/>
      <c r="J15" s="685"/>
      <c r="K15" s="685"/>
      <c r="L15" s="685"/>
      <c r="M15" s="685"/>
      <c r="N15" s="685"/>
      <c r="O15" s="685"/>
      <c r="P15" s="685"/>
      <c r="Q15" s="685"/>
      <c r="R15" s="685"/>
      <c r="S15" s="685"/>
      <c r="T15" s="685"/>
      <c r="U15" s="685"/>
      <c r="V15" s="2970"/>
      <c r="W15" s="2957"/>
      <c r="X15" s="2957"/>
      <c r="Y15" s="2971"/>
      <c r="Z15" s="685"/>
      <c r="AA15" s="685"/>
      <c r="AB15" s="685"/>
    </row>
    <row r="16" spans="1:29" ht="18.75" customHeight="1" x14ac:dyDescent="0.2">
      <c r="A16" s="684"/>
      <c r="B16" s="684"/>
      <c r="C16" s="685"/>
      <c r="D16" s="2975" t="s">
        <v>1111</v>
      </c>
      <c r="E16" s="2961"/>
      <c r="F16" s="2961"/>
      <c r="G16" s="2961"/>
      <c r="H16" s="2961"/>
      <c r="I16" s="2961"/>
      <c r="J16" s="2962"/>
      <c r="K16" s="693" t="s">
        <v>1112</v>
      </c>
      <c r="L16" s="694"/>
      <c r="M16" s="694"/>
      <c r="N16" s="694"/>
      <c r="O16" s="695" t="s">
        <v>69</v>
      </c>
      <c r="P16" s="693" t="s">
        <v>1113</v>
      </c>
      <c r="Q16" s="694"/>
      <c r="R16" s="694"/>
      <c r="S16" s="694"/>
      <c r="T16" s="695" t="s">
        <v>69</v>
      </c>
      <c r="U16" s="685"/>
      <c r="V16" s="2970"/>
      <c r="W16" s="2957"/>
      <c r="X16" s="2957"/>
      <c r="Y16" s="2971"/>
      <c r="Z16" s="685"/>
      <c r="AA16" s="685"/>
      <c r="AB16" s="685"/>
    </row>
    <row r="17" spans="1:28" ht="7.5" customHeight="1" x14ac:dyDescent="0.2">
      <c r="A17" s="684"/>
      <c r="B17" s="684"/>
      <c r="C17" s="685"/>
      <c r="D17" s="685"/>
      <c r="E17" s="685"/>
      <c r="F17" s="685"/>
      <c r="G17" s="685"/>
      <c r="H17" s="685"/>
      <c r="I17" s="685"/>
      <c r="J17" s="685"/>
      <c r="K17" s="685"/>
      <c r="L17" s="685"/>
      <c r="M17" s="685"/>
      <c r="N17" s="685"/>
      <c r="O17" s="685"/>
      <c r="P17" s="685"/>
      <c r="Q17" s="685"/>
      <c r="R17" s="685"/>
      <c r="S17" s="696"/>
      <c r="T17" s="696"/>
      <c r="U17" s="685"/>
      <c r="V17" s="2970"/>
      <c r="W17" s="2957"/>
      <c r="X17" s="2957"/>
      <c r="Y17" s="2971"/>
      <c r="Z17" s="685"/>
      <c r="AA17" s="685"/>
      <c r="AB17" s="685"/>
    </row>
    <row r="18" spans="1:28" ht="18.75" customHeight="1" x14ac:dyDescent="0.2">
      <c r="A18" s="684"/>
      <c r="B18" s="684"/>
      <c r="C18" s="685"/>
      <c r="D18" s="2976" t="s">
        <v>1114</v>
      </c>
      <c r="E18" s="2977"/>
      <c r="F18" s="2977"/>
      <c r="G18" s="2977"/>
      <c r="H18" s="2977"/>
      <c r="I18" s="2977"/>
      <c r="J18" s="2978"/>
      <c r="K18" s="693" t="s">
        <v>1112</v>
      </c>
      <c r="L18" s="694"/>
      <c r="M18" s="694"/>
      <c r="N18" s="694"/>
      <c r="O18" s="695" t="s">
        <v>69</v>
      </c>
      <c r="P18" s="693" t="s">
        <v>1113</v>
      </c>
      <c r="Q18" s="694"/>
      <c r="R18" s="694"/>
      <c r="S18" s="694"/>
      <c r="T18" s="695" t="s">
        <v>69</v>
      </c>
      <c r="U18" s="685"/>
      <c r="V18" s="2970"/>
      <c r="W18" s="2957"/>
      <c r="X18" s="2957"/>
      <c r="Y18" s="2971"/>
      <c r="Z18" s="685"/>
      <c r="AA18" s="685"/>
      <c r="AB18" s="685"/>
    </row>
    <row r="19" spans="1:28" ht="7.5" customHeight="1" x14ac:dyDescent="0.2">
      <c r="A19" s="684"/>
      <c r="B19" s="684"/>
      <c r="C19" s="685"/>
      <c r="D19" s="685"/>
      <c r="E19" s="685"/>
      <c r="F19" s="685"/>
      <c r="G19" s="685"/>
      <c r="H19" s="685"/>
      <c r="I19" s="685"/>
      <c r="J19" s="685"/>
      <c r="K19" s="685"/>
      <c r="L19" s="685"/>
      <c r="M19" s="685"/>
      <c r="N19" s="685"/>
      <c r="O19" s="685"/>
      <c r="P19" s="685"/>
      <c r="Q19" s="685"/>
      <c r="R19" s="685"/>
      <c r="S19" s="685"/>
      <c r="T19" s="685"/>
      <c r="U19" s="685"/>
      <c r="V19" s="2970"/>
      <c r="W19" s="2957"/>
      <c r="X19" s="2957"/>
      <c r="Y19" s="2971"/>
      <c r="Z19" s="685"/>
      <c r="AA19" s="685"/>
      <c r="AB19" s="685"/>
    </row>
    <row r="20" spans="1:28" ht="18.75" customHeight="1" x14ac:dyDescent="0.2">
      <c r="A20" s="684"/>
      <c r="B20" s="684"/>
      <c r="C20" s="685"/>
      <c r="D20" s="685" t="s">
        <v>1115</v>
      </c>
      <c r="E20" s="685"/>
      <c r="F20" s="685"/>
      <c r="G20" s="685"/>
      <c r="H20" s="685"/>
      <c r="I20" s="685"/>
      <c r="J20" s="685"/>
      <c r="K20" s="685"/>
      <c r="L20" s="685"/>
      <c r="M20" s="685"/>
      <c r="N20" s="685"/>
      <c r="O20" s="685"/>
      <c r="P20" s="685"/>
      <c r="Q20" s="685"/>
      <c r="R20" s="685"/>
      <c r="S20" s="685"/>
      <c r="T20" s="685"/>
      <c r="U20" s="685"/>
      <c r="V20" s="2970"/>
      <c r="W20" s="2957"/>
      <c r="X20" s="2957"/>
      <c r="Y20" s="2971"/>
      <c r="Z20" s="685"/>
      <c r="AA20" s="685"/>
      <c r="AB20" s="685"/>
    </row>
    <row r="21" spans="1:28" ht="7.5" customHeight="1" x14ac:dyDescent="0.2">
      <c r="A21" s="684"/>
      <c r="B21" s="697"/>
      <c r="C21" s="698"/>
      <c r="D21" s="698"/>
      <c r="E21" s="698"/>
      <c r="F21" s="698"/>
      <c r="G21" s="698"/>
      <c r="H21" s="698"/>
      <c r="I21" s="698"/>
      <c r="J21" s="698"/>
      <c r="K21" s="698"/>
      <c r="L21" s="698"/>
      <c r="M21" s="698"/>
      <c r="N21" s="698"/>
      <c r="O21" s="698"/>
      <c r="P21" s="698"/>
      <c r="Q21" s="698"/>
      <c r="R21" s="698"/>
      <c r="S21" s="698"/>
      <c r="T21" s="698"/>
      <c r="U21" s="699"/>
      <c r="V21" s="2972"/>
      <c r="W21" s="2973"/>
      <c r="X21" s="2973"/>
      <c r="Y21" s="2974"/>
      <c r="Z21" s="685"/>
      <c r="AA21" s="685"/>
      <c r="AB21" s="685"/>
    </row>
    <row r="22" spans="1:28" ht="18.75" customHeight="1" x14ac:dyDescent="0.2">
      <c r="A22" s="684"/>
      <c r="B22" s="684"/>
      <c r="C22" s="685" t="s">
        <v>1116</v>
      </c>
      <c r="D22" s="685"/>
      <c r="E22" s="685"/>
      <c r="F22" s="685"/>
      <c r="G22" s="685"/>
      <c r="H22" s="685"/>
      <c r="I22" s="685"/>
      <c r="J22" s="685"/>
      <c r="K22" s="685"/>
      <c r="L22" s="685"/>
      <c r="M22" s="685"/>
      <c r="N22" s="685"/>
      <c r="O22" s="685"/>
      <c r="P22" s="685"/>
      <c r="Q22" s="685"/>
      <c r="R22" s="685"/>
      <c r="S22" s="685"/>
      <c r="T22" s="685"/>
      <c r="U22" s="685"/>
      <c r="V22" s="2979" t="s">
        <v>1117</v>
      </c>
      <c r="W22" s="2980"/>
      <c r="X22" s="2980"/>
      <c r="Y22" s="2981"/>
      <c r="Z22" s="685"/>
      <c r="AA22" s="685"/>
      <c r="AB22" s="685"/>
    </row>
    <row r="23" spans="1:28" ht="18.75" customHeight="1" x14ac:dyDescent="0.2">
      <c r="A23" s="684"/>
      <c r="B23" s="684"/>
      <c r="C23" s="685" t="s">
        <v>1118</v>
      </c>
      <c r="D23" s="685"/>
      <c r="E23" s="685"/>
      <c r="F23" s="685"/>
      <c r="G23" s="685"/>
      <c r="H23" s="685"/>
      <c r="I23" s="685"/>
      <c r="J23" s="685"/>
      <c r="K23" s="685"/>
      <c r="L23" s="685"/>
      <c r="M23" s="685"/>
      <c r="N23" s="685"/>
      <c r="O23" s="685"/>
      <c r="P23" s="685"/>
      <c r="Q23" s="685"/>
      <c r="R23" s="685"/>
      <c r="S23" s="685"/>
      <c r="T23" s="685"/>
      <c r="U23" s="685"/>
      <c r="V23" s="2970"/>
      <c r="W23" s="2957"/>
      <c r="X23" s="2957"/>
      <c r="Y23" s="2971"/>
      <c r="Z23" s="685"/>
      <c r="AA23" s="685"/>
      <c r="AB23" s="685"/>
    </row>
    <row r="24" spans="1:28" ht="18.75" customHeight="1" x14ac:dyDescent="0.2">
      <c r="A24" s="684"/>
      <c r="B24" s="684"/>
      <c r="C24" s="685" t="s">
        <v>1119</v>
      </c>
      <c r="D24" s="685"/>
      <c r="E24" s="685"/>
      <c r="F24" s="685"/>
      <c r="G24" s="685"/>
      <c r="H24" s="685"/>
      <c r="I24" s="685"/>
      <c r="J24" s="685"/>
      <c r="K24" s="685"/>
      <c r="L24" s="685"/>
      <c r="M24" s="685"/>
      <c r="N24" s="685"/>
      <c r="O24" s="685"/>
      <c r="P24" s="685"/>
      <c r="Q24" s="685"/>
      <c r="R24" s="685"/>
      <c r="S24" s="685"/>
      <c r="T24" s="685"/>
      <c r="U24" s="685"/>
      <c r="V24" s="2970"/>
      <c r="W24" s="2957"/>
      <c r="X24" s="2957"/>
      <c r="Y24" s="2971"/>
      <c r="Z24" s="685"/>
      <c r="AA24" s="685"/>
      <c r="AB24" s="685"/>
    </row>
    <row r="25" spans="1:28" ht="18.75" customHeight="1" x14ac:dyDescent="0.2">
      <c r="A25" s="684"/>
      <c r="B25" s="684"/>
      <c r="C25" s="685"/>
      <c r="D25" s="685" t="s">
        <v>1120</v>
      </c>
      <c r="E25" s="685"/>
      <c r="F25" s="685"/>
      <c r="G25" s="685"/>
      <c r="H25" s="685"/>
      <c r="I25" s="685"/>
      <c r="J25" s="685"/>
      <c r="K25" s="685"/>
      <c r="L25" s="685"/>
      <c r="M25" s="685"/>
      <c r="N25" s="685"/>
      <c r="O25" s="685"/>
      <c r="P25" s="685"/>
      <c r="Q25" s="685"/>
      <c r="R25" s="685"/>
      <c r="S25" s="685"/>
      <c r="T25" s="685"/>
      <c r="U25" s="685"/>
      <c r="V25" s="2982"/>
      <c r="W25" s="2983"/>
      <c r="X25" s="2983"/>
      <c r="Y25" s="2984"/>
      <c r="Z25" s="685"/>
      <c r="AA25" s="685"/>
      <c r="AB25" s="685"/>
    </row>
    <row r="26" spans="1:28" ht="18.75" customHeight="1" x14ac:dyDescent="0.2">
      <c r="A26" s="684"/>
      <c r="B26" s="691"/>
      <c r="C26" s="692" t="s">
        <v>1063</v>
      </c>
      <c r="D26" s="692"/>
      <c r="E26" s="692"/>
      <c r="F26" s="692"/>
      <c r="G26" s="692"/>
      <c r="H26" s="692"/>
      <c r="I26" s="692"/>
      <c r="J26" s="692"/>
      <c r="K26" s="692"/>
      <c r="L26" s="692"/>
      <c r="M26" s="692"/>
      <c r="N26" s="692"/>
      <c r="O26" s="692"/>
      <c r="P26" s="692"/>
      <c r="Q26" s="692"/>
      <c r="R26" s="692"/>
      <c r="S26" s="692"/>
      <c r="T26" s="692"/>
      <c r="U26" s="692"/>
      <c r="V26" s="2963" t="s">
        <v>1109</v>
      </c>
      <c r="W26" s="2964"/>
      <c r="X26" s="2964"/>
      <c r="Y26" s="2965"/>
      <c r="Z26" s="685"/>
      <c r="AA26" s="685"/>
      <c r="AB26" s="685"/>
    </row>
    <row r="27" spans="1:28" ht="18.75" customHeight="1" x14ac:dyDescent="0.2">
      <c r="A27" s="684"/>
      <c r="B27" s="700"/>
      <c r="C27" s="701" t="s">
        <v>658</v>
      </c>
      <c r="D27" s="701"/>
      <c r="E27" s="701"/>
      <c r="F27" s="701"/>
      <c r="G27" s="701"/>
      <c r="H27" s="701"/>
      <c r="I27" s="701"/>
      <c r="J27" s="701"/>
      <c r="K27" s="701"/>
      <c r="L27" s="701"/>
      <c r="M27" s="701"/>
      <c r="N27" s="701"/>
      <c r="O27" s="701"/>
      <c r="P27" s="701"/>
      <c r="Q27" s="701"/>
      <c r="R27" s="701"/>
      <c r="S27" s="701"/>
      <c r="T27" s="701"/>
      <c r="U27" s="701"/>
      <c r="V27" s="2982"/>
      <c r="W27" s="2983"/>
      <c r="X27" s="2983"/>
      <c r="Y27" s="2984"/>
      <c r="Z27" s="685"/>
      <c r="AA27" s="685"/>
      <c r="AB27" s="685"/>
    </row>
    <row r="28" spans="1:28" ht="18.75" customHeight="1" x14ac:dyDescent="0.2">
      <c r="A28" s="684"/>
      <c r="B28" s="693"/>
      <c r="C28" s="694" t="s">
        <v>1121</v>
      </c>
      <c r="D28" s="694"/>
      <c r="E28" s="694"/>
      <c r="F28" s="694"/>
      <c r="G28" s="694"/>
      <c r="H28" s="694"/>
      <c r="I28" s="694"/>
      <c r="J28" s="694"/>
      <c r="K28" s="694"/>
      <c r="L28" s="694"/>
      <c r="M28" s="694"/>
      <c r="N28" s="694"/>
      <c r="O28" s="694"/>
      <c r="P28" s="694"/>
      <c r="Q28" s="694"/>
      <c r="R28" s="694"/>
      <c r="S28" s="694"/>
      <c r="T28" s="694"/>
      <c r="U28" s="694"/>
      <c r="V28" s="2975" t="s">
        <v>1109</v>
      </c>
      <c r="W28" s="2961"/>
      <c r="X28" s="2961"/>
      <c r="Y28" s="2962"/>
      <c r="Z28" s="685"/>
      <c r="AA28" s="685"/>
      <c r="AB28" s="685"/>
    </row>
    <row r="29" spans="1:28" ht="18.75" customHeight="1" x14ac:dyDescent="0.2">
      <c r="A29" s="684"/>
      <c r="B29" s="691"/>
      <c r="C29" s="692" t="s">
        <v>1122</v>
      </c>
      <c r="D29" s="692"/>
      <c r="E29" s="692"/>
      <c r="F29" s="692"/>
      <c r="G29" s="692"/>
      <c r="H29" s="692"/>
      <c r="I29" s="692"/>
      <c r="J29" s="692"/>
      <c r="K29" s="692"/>
      <c r="L29" s="692"/>
      <c r="M29" s="692"/>
      <c r="N29" s="692"/>
      <c r="O29" s="692"/>
      <c r="P29" s="692"/>
      <c r="Q29" s="692"/>
      <c r="R29" s="692"/>
      <c r="S29" s="692"/>
      <c r="T29" s="692"/>
      <c r="U29" s="692"/>
      <c r="V29" s="2963" t="s">
        <v>1117</v>
      </c>
      <c r="W29" s="2964"/>
      <c r="X29" s="2964"/>
      <c r="Y29" s="2965"/>
      <c r="Z29" s="685"/>
      <c r="AA29" s="685"/>
      <c r="AB29" s="685"/>
    </row>
    <row r="30" spans="1:28" ht="18.75" customHeight="1" x14ac:dyDescent="0.2">
      <c r="A30" s="684"/>
      <c r="B30" s="700"/>
      <c r="C30" s="701" t="s">
        <v>1123</v>
      </c>
      <c r="D30" s="701"/>
      <c r="E30" s="701"/>
      <c r="F30" s="701"/>
      <c r="G30" s="701"/>
      <c r="H30" s="701"/>
      <c r="I30" s="701"/>
      <c r="J30" s="701"/>
      <c r="K30" s="701"/>
      <c r="L30" s="701"/>
      <c r="M30" s="701"/>
      <c r="N30" s="701"/>
      <c r="O30" s="701"/>
      <c r="P30" s="701"/>
      <c r="Q30" s="701"/>
      <c r="R30" s="701"/>
      <c r="S30" s="701"/>
      <c r="T30" s="701"/>
      <c r="U30" s="701"/>
      <c r="V30" s="2982"/>
      <c r="W30" s="2983"/>
      <c r="X30" s="2983"/>
      <c r="Y30" s="2984"/>
      <c r="Z30" s="685"/>
      <c r="AA30" s="685"/>
      <c r="AB30" s="685"/>
    </row>
    <row r="31" spans="1:28" ht="18.75" customHeight="1" x14ac:dyDescent="0.2">
      <c r="A31" s="684"/>
      <c r="B31" s="691"/>
      <c r="C31" s="692" t="s">
        <v>1124</v>
      </c>
      <c r="D31" s="692"/>
      <c r="E31" s="692"/>
      <c r="F31" s="692"/>
      <c r="G31" s="692"/>
      <c r="H31" s="692"/>
      <c r="I31" s="692"/>
      <c r="J31" s="692"/>
      <c r="K31" s="692"/>
      <c r="L31" s="692"/>
      <c r="M31" s="692"/>
      <c r="N31" s="692"/>
      <c r="O31" s="692"/>
      <c r="P31" s="692"/>
      <c r="Q31" s="692"/>
      <c r="R31" s="692"/>
      <c r="S31" s="692"/>
      <c r="T31" s="692"/>
      <c r="U31" s="692"/>
      <c r="V31" s="2963" t="s">
        <v>1117</v>
      </c>
      <c r="W31" s="2964"/>
      <c r="X31" s="2964"/>
      <c r="Y31" s="2965"/>
      <c r="Z31" s="685"/>
      <c r="AA31" s="685"/>
      <c r="AB31" s="685"/>
    </row>
    <row r="32" spans="1:28" ht="18.75" customHeight="1" x14ac:dyDescent="0.2">
      <c r="A32" s="684"/>
      <c r="B32" s="700"/>
      <c r="C32" s="701" t="s">
        <v>1125</v>
      </c>
      <c r="D32" s="701"/>
      <c r="E32" s="701"/>
      <c r="F32" s="701"/>
      <c r="G32" s="701"/>
      <c r="H32" s="701"/>
      <c r="I32" s="701"/>
      <c r="J32" s="701"/>
      <c r="K32" s="701"/>
      <c r="L32" s="701"/>
      <c r="M32" s="701"/>
      <c r="N32" s="701"/>
      <c r="O32" s="701"/>
      <c r="P32" s="701"/>
      <c r="Q32" s="701"/>
      <c r="R32" s="701"/>
      <c r="S32" s="701"/>
      <c r="T32" s="701"/>
      <c r="U32" s="701"/>
      <c r="V32" s="2982"/>
      <c r="W32" s="2983"/>
      <c r="X32" s="2983"/>
      <c r="Y32" s="2984"/>
      <c r="Z32" s="685"/>
      <c r="AA32" s="685"/>
      <c r="AB32" s="685"/>
    </row>
    <row r="33" spans="1:28" ht="18.75" customHeight="1" x14ac:dyDescent="0.2">
      <c r="A33" s="684"/>
      <c r="B33" s="691"/>
      <c r="C33" s="692" t="s">
        <v>1062</v>
      </c>
      <c r="D33" s="692"/>
      <c r="E33" s="692"/>
      <c r="F33" s="692"/>
      <c r="G33" s="692"/>
      <c r="H33" s="692"/>
      <c r="I33" s="692"/>
      <c r="J33" s="692"/>
      <c r="K33" s="692"/>
      <c r="L33" s="692"/>
      <c r="M33" s="692"/>
      <c r="N33" s="692"/>
      <c r="O33" s="692"/>
      <c r="P33" s="692"/>
      <c r="Q33" s="692"/>
      <c r="R33" s="692"/>
      <c r="S33" s="692"/>
      <c r="T33" s="692"/>
      <c r="U33" s="692"/>
      <c r="V33" s="2963" t="s">
        <v>1117</v>
      </c>
      <c r="W33" s="2964"/>
      <c r="X33" s="2964"/>
      <c r="Y33" s="2965"/>
      <c r="Z33" s="685"/>
      <c r="AA33" s="685"/>
      <c r="AB33" s="685"/>
    </row>
    <row r="34" spans="1:28" ht="18.75" customHeight="1" x14ac:dyDescent="0.2">
      <c r="A34" s="684"/>
      <c r="B34" s="691"/>
      <c r="C34" s="692" t="s">
        <v>1126</v>
      </c>
      <c r="D34" s="692"/>
      <c r="E34" s="692"/>
      <c r="F34" s="692"/>
      <c r="G34" s="692"/>
      <c r="H34" s="692"/>
      <c r="I34" s="692"/>
      <c r="J34" s="692"/>
      <c r="K34" s="692"/>
      <c r="L34" s="692"/>
      <c r="M34" s="692"/>
      <c r="N34" s="692"/>
      <c r="O34" s="692"/>
      <c r="P34" s="692"/>
      <c r="Q34" s="692"/>
      <c r="R34" s="692"/>
      <c r="S34" s="692"/>
      <c r="T34" s="692"/>
      <c r="U34" s="702"/>
      <c r="V34" s="2963" t="s">
        <v>1109</v>
      </c>
      <c r="W34" s="2964"/>
      <c r="X34" s="2964"/>
      <c r="Y34" s="2965"/>
      <c r="Z34" s="685"/>
      <c r="AA34" s="685"/>
      <c r="AB34" s="685"/>
    </row>
    <row r="35" spans="1:28" ht="18.75" customHeight="1" x14ac:dyDescent="0.2">
      <c r="A35" s="684"/>
      <c r="B35" s="700"/>
      <c r="C35" s="701" t="s">
        <v>1127</v>
      </c>
      <c r="D35" s="701"/>
      <c r="E35" s="701"/>
      <c r="F35" s="701"/>
      <c r="G35" s="701"/>
      <c r="H35" s="701"/>
      <c r="I35" s="701"/>
      <c r="J35" s="701"/>
      <c r="K35" s="701"/>
      <c r="L35" s="701"/>
      <c r="M35" s="701"/>
      <c r="N35" s="701"/>
      <c r="O35" s="701"/>
      <c r="P35" s="701"/>
      <c r="Q35" s="701"/>
      <c r="R35" s="701"/>
      <c r="S35" s="701"/>
      <c r="T35" s="701"/>
      <c r="U35" s="703"/>
      <c r="V35" s="2982"/>
      <c r="W35" s="2983"/>
      <c r="X35" s="2983"/>
      <c r="Y35" s="2984"/>
      <c r="Z35" s="685"/>
      <c r="AA35" s="685"/>
      <c r="AB35" s="685"/>
    </row>
    <row r="36" spans="1:28" ht="18.75" customHeight="1" x14ac:dyDescent="0.2">
      <c r="A36" s="684"/>
      <c r="B36" s="691"/>
      <c r="C36" s="692" t="s">
        <v>1128</v>
      </c>
      <c r="D36" s="692"/>
      <c r="E36" s="692"/>
      <c r="F36" s="692"/>
      <c r="G36" s="692"/>
      <c r="H36" s="692"/>
      <c r="I36" s="692"/>
      <c r="J36" s="692"/>
      <c r="K36" s="692"/>
      <c r="L36" s="692"/>
      <c r="M36" s="692"/>
      <c r="N36" s="692"/>
      <c r="O36" s="692"/>
      <c r="P36" s="692"/>
      <c r="Q36" s="692"/>
      <c r="R36" s="692"/>
      <c r="S36" s="692"/>
      <c r="T36" s="692"/>
      <c r="U36" s="702"/>
      <c r="V36" s="2963" t="s">
        <v>1109</v>
      </c>
      <c r="W36" s="2964"/>
      <c r="X36" s="2964"/>
      <c r="Y36" s="2965"/>
      <c r="Z36" s="685"/>
      <c r="AA36" s="685"/>
      <c r="AB36" s="685"/>
    </row>
    <row r="37" spans="1:28" ht="18.75" customHeight="1" x14ac:dyDescent="0.2">
      <c r="A37" s="684"/>
      <c r="B37" s="684"/>
      <c r="C37" s="685" t="s">
        <v>1129</v>
      </c>
      <c r="D37" s="685"/>
      <c r="E37" s="685"/>
      <c r="F37" s="685"/>
      <c r="G37" s="685"/>
      <c r="H37" s="685"/>
      <c r="I37" s="685"/>
      <c r="J37" s="685"/>
      <c r="K37" s="685"/>
      <c r="L37" s="685"/>
      <c r="M37" s="685"/>
      <c r="N37" s="685"/>
      <c r="O37" s="685"/>
      <c r="P37" s="685"/>
      <c r="Q37" s="685"/>
      <c r="R37" s="685"/>
      <c r="S37" s="685"/>
      <c r="T37" s="685"/>
      <c r="U37" s="704"/>
      <c r="V37" s="2970"/>
      <c r="W37" s="2957"/>
      <c r="X37" s="2957"/>
      <c r="Y37" s="2971"/>
      <c r="Z37" s="685"/>
      <c r="AA37" s="685"/>
      <c r="AB37" s="685"/>
    </row>
    <row r="38" spans="1:28" ht="18.75" customHeight="1" x14ac:dyDescent="0.2">
      <c r="A38" s="684"/>
      <c r="B38" s="684"/>
      <c r="C38" s="685" t="s">
        <v>1130</v>
      </c>
      <c r="D38" s="685"/>
      <c r="E38" s="685"/>
      <c r="F38" s="685"/>
      <c r="G38" s="685"/>
      <c r="H38" s="685"/>
      <c r="I38" s="685"/>
      <c r="J38" s="685"/>
      <c r="K38" s="685"/>
      <c r="L38" s="685"/>
      <c r="M38" s="685"/>
      <c r="N38" s="685"/>
      <c r="O38" s="685"/>
      <c r="P38" s="685"/>
      <c r="Q38" s="685"/>
      <c r="R38" s="685"/>
      <c r="S38" s="685"/>
      <c r="T38" s="685"/>
      <c r="U38" s="704"/>
      <c r="V38" s="2970"/>
      <c r="W38" s="2957"/>
      <c r="X38" s="2957"/>
      <c r="Y38" s="2971"/>
      <c r="Z38" s="685"/>
      <c r="AA38" s="685"/>
      <c r="AB38" s="685"/>
    </row>
    <row r="39" spans="1:28" ht="18.75" customHeight="1" x14ac:dyDescent="0.2">
      <c r="A39" s="684"/>
      <c r="B39" s="700"/>
      <c r="C39" s="701" t="s">
        <v>1131</v>
      </c>
      <c r="D39" s="701"/>
      <c r="E39" s="701"/>
      <c r="F39" s="701"/>
      <c r="G39" s="701"/>
      <c r="H39" s="701"/>
      <c r="I39" s="701"/>
      <c r="J39" s="701"/>
      <c r="K39" s="701"/>
      <c r="L39" s="701"/>
      <c r="M39" s="701"/>
      <c r="N39" s="701"/>
      <c r="O39" s="701"/>
      <c r="P39" s="701"/>
      <c r="Q39" s="701"/>
      <c r="R39" s="701"/>
      <c r="S39" s="701"/>
      <c r="T39" s="701"/>
      <c r="U39" s="703"/>
      <c r="V39" s="2982"/>
      <c r="W39" s="2983"/>
      <c r="X39" s="2983"/>
      <c r="Y39" s="2984"/>
      <c r="Z39" s="685"/>
      <c r="AA39" s="685"/>
      <c r="AB39" s="685"/>
    </row>
    <row r="40" spans="1:28" ht="18.75" customHeight="1" x14ac:dyDescent="0.2">
      <c r="A40" s="684"/>
      <c r="B40" s="693"/>
      <c r="C40" s="694" t="s">
        <v>1132</v>
      </c>
      <c r="D40" s="694"/>
      <c r="E40" s="694"/>
      <c r="F40" s="694"/>
      <c r="G40" s="694"/>
      <c r="H40" s="694"/>
      <c r="I40" s="694"/>
      <c r="J40" s="694"/>
      <c r="K40" s="694"/>
      <c r="L40" s="694"/>
      <c r="M40" s="694"/>
      <c r="N40" s="694"/>
      <c r="O40" s="694"/>
      <c r="P40" s="694"/>
      <c r="Q40" s="694"/>
      <c r="R40" s="694"/>
      <c r="S40" s="694"/>
      <c r="T40" s="694"/>
      <c r="U40" s="694"/>
      <c r="V40" s="2975" t="s">
        <v>1117</v>
      </c>
      <c r="W40" s="2961"/>
      <c r="X40" s="2961"/>
      <c r="Y40" s="2962"/>
      <c r="Z40" s="685"/>
      <c r="AA40" s="685"/>
      <c r="AB40" s="685"/>
    </row>
    <row r="41" spans="1:28" ht="9.75" customHeight="1" x14ac:dyDescent="0.2">
      <c r="A41" s="684"/>
      <c r="B41" s="685"/>
      <c r="C41" s="685"/>
      <c r="D41" s="685"/>
      <c r="E41" s="685"/>
      <c r="F41" s="685"/>
      <c r="G41" s="685"/>
      <c r="H41" s="685"/>
      <c r="I41" s="685"/>
      <c r="J41" s="685"/>
      <c r="K41" s="685"/>
      <c r="L41" s="685"/>
      <c r="M41" s="685"/>
      <c r="N41" s="685"/>
      <c r="O41" s="685"/>
      <c r="P41" s="685"/>
      <c r="Q41" s="685"/>
      <c r="R41" s="685"/>
      <c r="S41" s="685"/>
      <c r="T41" s="685"/>
      <c r="U41" s="685"/>
      <c r="V41" s="705"/>
      <c r="W41" s="705"/>
      <c r="X41" s="705"/>
      <c r="Y41" s="705"/>
      <c r="Z41" s="685"/>
      <c r="AA41" s="685"/>
      <c r="AB41" s="685"/>
    </row>
    <row r="42" spans="1:28" ht="27.75" customHeight="1" x14ac:dyDescent="0.2">
      <c r="A42" s="684"/>
      <c r="B42" s="2985" t="s">
        <v>1133</v>
      </c>
      <c r="C42" s="2969"/>
      <c r="D42" s="2969"/>
      <c r="E42" s="2969"/>
      <c r="F42" s="2969"/>
      <c r="G42" s="2969"/>
      <c r="H42" s="2969"/>
      <c r="I42" s="2969"/>
      <c r="J42" s="2969"/>
      <c r="K42" s="2969"/>
      <c r="L42" s="2969"/>
      <c r="M42" s="2969"/>
      <c r="N42" s="2969"/>
      <c r="O42" s="2969"/>
      <c r="P42" s="2969"/>
      <c r="Q42" s="2969"/>
      <c r="R42" s="2969"/>
      <c r="S42" s="2969"/>
      <c r="T42" s="2969"/>
      <c r="U42" s="2969"/>
      <c r="V42" s="2969"/>
      <c r="W42" s="2969"/>
      <c r="X42" s="2969"/>
      <c r="Y42" s="2969"/>
      <c r="Z42" s="685"/>
    </row>
    <row r="43" spans="1:28" ht="30" customHeight="1" x14ac:dyDescent="0.2">
      <c r="A43" s="684"/>
      <c r="B43" s="2985" t="s">
        <v>1134</v>
      </c>
      <c r="C43" s="2969"/>
      <c r="D43" s="2969"/>
      <c r="E43" s="2969"/>
      <c r="F43" s="2969"/>
      <c r="G43" s="2969"/>
      <c r="H43" s="2969"/>
      <c r="I43" s="2969"/>
      <c r="J43" s="2969"/>
      <c r="K43" s="2969"/>
      <c r="L43" s="2969"/>
      <c r="M43" s="2969"/>
      <c r="N43" s="2969"/>
      <c r="O43" s="2969"/>
      <c r="P43" s="2969"/>
      <c r="Q43" s="2969"/>
      <c r="R43" s="2969"/>
      <c r="S43" s="2969"/>
      <c r="T43" s="2969"/>
      <c r="U43" s="2969"/>
      <c r="V43" s="2969"/>
      <c r="W43" s="2969"/>
      <c r="X43" s="2969"/>
      <c r="Y43" s="2969"/>
      <c r="Z43" s="685"/>
    </row>
    <row r="44" spans="1:28" x14ac:dyDescent="0.2">
      <c r="Z44" s="685"/>
    </row>
    <row r="45" spans="1:28" x14ac:dyDescent="0.2">
      <c r="B45" s="686" t="s">
        <v>1061</v>
      </c>
    </row>
    <row r="46" spans="1:28" x14ac:dyDescent="0.2">
      <c r="C46" s="686" t="s">
        <v>1135</v>
      </c>
    </row>
    <row r="47" spans="1:28" x14ac:dyDescent="0.2">
      <c r="C47" s="686" t="s">
        <v>1136</v>
      </c>
    </row>
    <row r="48" spans="1:28" x14ac:dyDescent="0.2">
      <c r="C48" s="686" t="s">
        <v>1137</v>
      </c>
    </row>
    <row r="49" spans="3:3" x14ac:dyDescent="0.2">
      <c r="C49" s="686" t="s">
        <v>1138</v>
      </c>
    </row>
    <row r="50" spans="3:3" x14ac:dyDescent="0.2">
      <c r="C50" s="686" t="s">
        <v>1139</v>
      </c>
    </row>
  </sheetData>
  <mergeCells count="23">
    <mergeCell ref="V34:Y35"/>
    <mergeCell ref="V36:Y39"/>
    <mergeCell ref="V40:Y40"/>
    <mergeCell ref="B42:Y42"/>
    <mergeCell ref="B43:Y43"/>
    <mergeCell ref="V33:Y33"/>
    <mergeCell ref="B8:F8"/>
    <mergeCell ref="G8:Y8"/>
    <mergeCell ref="B10:Y10"/>
    <mergeCell ref="V12:Y21"/>
    <mergeCell ref="D16:J16"/>
    <mergeCell ref="D18:J18"/>
    <mergeCell ref="V22:Y25"/>
    <mergeCell ref="V26:Y27"/>
    <mergeCell ref="V28:Y28"/>
    <mergeCell ref="V29:Y30"/>
    <mergeCell ref="V31:Y32"/>
    <mergeCell ref="R2:Y2"/>
    <mergeCell ref="B4:Y4"/>
    <mergeCell ref="B6:F6"/>
    <mergeCell ref="G6:Y6"/>
    <mergeCell ref="B7:F7"/>
    <mergeCell ref="G7:Y7"/>
  </mergeCells>
  <phoneticPr fontId="6"/>
  <pageMargins left="0.7" right="0.7" top="0.75" bottom="0.75" header="0.3" footer="0.3"/>
  <pageSetup paperSize="9" scale="96" orientation="portrait" r:id="rId1"/>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C290"/>
  <sheetViews>
    <sheetView view="pageBreakPreview" zoomScale="145" zoomScaleNormal="100" zoomScaleSheetLayoutView="145" workbookViewId="0">
      <selection activeCell="B2" sqref="B2"/>
    </sheetView>
  </sheetViews>
  <sheetFormatPr defaultColWidth="4" defaultRowHeight="13.2" x14ac:dyDescent="0.2"/>
  <cols>
    <col min="1" max="1" width="2.109375" style="686" customWidth="1"/>
    <col min="2" max="2" width="3.6640625" style="686" customWidth="1"/>
    <col min="3" max="21" width="5.6640625" style="686" customWidth="1"/>
    <col min="22" max="25" width="3.6640625" style="686" customWidth="1"/>
    <col min="26" max="26" width="2.109375" style="686" customWidth="1"/>
    <col min="27" max="255" width="4" style="686"/>
    <col min="256" max="256" width="1.77734375" style="686" customWidth="1"/>
    <col min="257" max="257" width="2.109375" style="686" customWidth="1"/>
    <col min="258" max="258" width="2.33203125" style="686" customWidth="1"/>
    <col min="259" max="277" width="4" style="686" customWidth="1"/>
    <col min="278" max="281" width="2.33203125" style="686" customWidth="1"/>
    <col min="282" max="282" width="2.109375" style="686" customWidth="1"/>
    <col min="283" max="511" width="4" style="686"/>
    <col min="512" max="512" width="1.77734375" style="686" customWidth="1"/>
    <col min="513" max="513" width="2.109375" style="686" customWidth="1"/>
    <col min="514" max="514" width="2.33203125" style="686" customWidth="1"/>
    <col min="515" max="533" width="4" style="686" customWidth="1"/>
    <col min="534" max="537" width="2.33203125" style="686" customWidth="1"/>
    <col min="538" max="538" width="2.109375" style="686" customWidth="1"/>
    <col min="539" max="767" width="4" style="686"/>
    <col min="768" max="768" width="1.77734375" style="686" customWidth="1"/>
    <col min="769" max="769" width="2.109375" style="686" customWidth="1"/>
    <col min="770" max="770" width="2.33203125" style="686" customWidth="1"/>
    <col min="771" max="789" width="4" style="686" customWidth="1"/>
    <col min="790" max="793" width="2.33203125" style="686" customWidth="1"/>
    <col min="794" max="794" width="2.109375" style="686" customWidth="1"/>
    <col min="795" max="1023" width="4" style="686"/>
    <col min="1024" max="1024" width="1.77734375" style="686" customWidth="1"/>
    <col min="1025" max="1025" width="2.109375" style="686" customWidth="1"/>
    <col min="1026" max="1026" width="2.33203125" style="686" customWidth="1"/>
    <col min="1027" max="1045" width="4" style="686" customWidth="1"/>
    <col min="1046" max="1049" width="2.33203125" style="686" customWidth="1"/>
    <col min="1050" max="1050" width="2.109375" style="686" customWidth="1"/>
    <col min="1051" max="1279" width="4" style="686"/>
    <col min="1280" max="1280" width="1.77734375" style="686" customWidth="1"/>
    <col min="1281" max="1281" width="2.109375" style="686" customWidth="1"/>
    <col min="1282" max="1282" width="2.33203125" style="686" customWidth="1"/>
    <col min="1283" max="1301" width="4" style="686" customWidth="1"/>
    <col min="1302" max="1305" width="2.33203125" style="686" customWidth="1"/>
    <col min="1306" max="1306" width="2.109375" style="686" customWidth="1"/>
    <col min="1307" max="1535" width="4" style="686"/>
    <col min="1536" max="1536" width="1.77734375" style="686" customWidth="1"/>
    <col min="1537" max="1537" width="2.109375" style="686" customWidth="1"/>
    <col min="1538" max="1538" width="2.33203125" style="686" customWidth="1"/>
    <col min="1539" max="1557" width="4" style="686" customWidth="1"/>
    <col min="1558" max="1561" width="2.33203125" style="686" customWidth="1"/>
    <col min="1562" max="1562" width="2.109375" style="686" customWidth="1"/>
    <col min="1563" max="1791" width="4" style="686"/>
    <col min="1792" max="1792" width="1.77734375" style="686" customWidth="1"/>
    <col min="1793" max="1793" width="2.109375" style="686" customWidth="1"/>
    <col min="1794" max="1794" width="2.33203125" style="686" customWidth="1"/>
    <col min="1795" max="1813" width="4" style="686" customWidth="1"/>
    <col min="1814" max="1817" width="2.33203125" style="686" customWidth="1"/>
    <col min="1818" max="1818" width="2.109375" style="686" customWidth="1"/>
    <col min="1819" max="2047" width="4" style="686"/>
    <col min="2048" max="2048" width="1.77734375" style="686" customWidth="1"/>
    <col min="2049" max="2049" width="2.109375" style="686" customWidth="1"/>
    <col min="2050" max="2050" width="2.33203125" style="686" customWidth="1"/>
    <col min="2051" max="2069" width="4" style="686" customWidth="1"/>
    <col min="2070" max="2073" width="2.33203125" style="686" customWidth="1"/>
    <col min="2074" max="2074" width="2.109375" style="686" customWidth="1"/>
    <col min="2075" max="2303" width="4" style="686"/>
    <col min="2304" max="2304" width="1.77734375" style="686" customWidth="1"/>
    <col min="2305" max="2305" width="2.109375" style="686" customWidth="1"/>
    <col min="2306" max="2306" width="2.33203125" style="686" customWidth="1"/>
    <col min="2307" max="2325" width="4" style="686" customWidth="1"/>
    <col min="2326" max="2329" width="2.33203125" style="686" customWidth="1"/>
    <col min="2330" max="2330" width="2.109375" style="686" customWidth="1"/>
    <col min="2331" max="2559" width="4" style="686"/>
    <col min="2560" max="2560" width="1.77734375" style="686" customWidth="1"/>
    <col min="2561" max="2561" width="2.109375" style="686" customWidth="1"/>
    <col min="2562" max="2562" width="2.33203125" style="686" customWidth="1"/>
    <col min="2563" max="2581" width="4" style="686" customWidth="1"/>
    <col min="2582" max="2585" width="2.33203125" style="686" customWidth="1"/>
    <col min="2586" max="2586" width="2.109375" style="686" customWidth="1"/>
    <col min="2587" max="2815" width="4" style="686"/>
    <col min="2816" max="2816" width="1.77734375" style="686" customWidth="1"/>
    <col min="2817" max="2817" width="2.109375" style="686" customWidth="1"/>
    <col min="2818" max="2818" width="2.33203125" style="686" customWidth="1"/>
    <col min="2819" max="2837" width="4" style="686" customWidth="1"/>
    <col min="2838" max="2841" width="2.33203125" style="686" customWidth="1"/>
    <col min="2842" max="2842" width="2.109375" style="686" customWidth="1"/>
    <col min="2843" max="3071" width="4" style="686"/>
    <col min="3072" max="3072" width="1.77734375" style="686" customWidth="1"/>
    <col min="3073" max="3073" width="2.109375" style="686" customWidth="1"/>
    <col min="3074" max="3074" width="2.33203125" style="686" customWidth="1"/>
    <col min="3075" max="3093" width="4" style="686" customWidth="1"/>
    <col min="3094" max="3097" width="2.33203125" style="686" customWidth="1"/>
    <col min="3098" max="3098" width="2.109375" style="686" customWidth="1"/>
    <col min="3099" max="3327" width="4" style="686"/>
    <col min="3328" max="3328" width="1.77734375" style="686" customWidth="1"/>
    <col min="3329" max="3329" width="2.109375" style="686" customWidth="1"/>
    <col min="3330" max="3330" width="2.33203125" style="686" customWidth="1"/>
    <col min="3331" max="3349" width="4" style="686" customWidth="1"/>
    <col min="3350" max="3353" width="2.33203125" style="686" customWidth="1"/>
    <col min="3354" max="3354" width="2.109375" style="686" customWidth="1"/>
    <col min="3355" max="3583" width="4" style="686"/>
    <col min="3584" max="3584" width="1.77734375" style="686" customWidth="1"/>
    <col min="3585" max="3585" width="2.109375" style="686" customWidth="1"/>
    <col min="3586" max="3586" width="2.33203125" style="686" customWidth="1"/>
    <col min="3587" max="3605" width="4" style="686" customWidth="1"/>
    <col min="3606" max="3609" width="2.33203125" style="686" customWidth="1"/>
    <col min="3610" max="3610" width="2.109375" style="686" customWidth="1"/>
    <col min="3611" max="3839" width="4" style="686"/>
    <col min="3840" max="3840" width="1.77734375" style="686" customWidth="1"/>
    <col min="3841" max="3841" width="2.109375" style="686" customWidth="1"/>
    <col min="3842" max="3842" width="2.33203125" style="686" customWidth="1"/>
    <col min="3843" max="3861" width="4" style="686" customWidth="1"/>
    <col min="3862" max="3865" width="2.33203125" style="686" customWidth="1"/>
    <col min="3866" max="3866" width="2.109375" style="686" customWidth="1"/>
    <col min="3867" max="4095" width="4" style="686"/>
    <col min="4096" max="4096" width="1.77734375" style="686" customWidth="1"/>
    <col min="4097" max="4097" width="2.109375" style="686" customWidth="1"/>
    <col min="4098" max="4098" width="2.33203125" style="686" customWidth="1"/>
    <col min="4099" max="4117" width="4" style="686" customWidth="1"/>
    <col min="4118" max="4121" width="2.33203125" style="686" customWidth="1"/>
    <col min="4122" max="4122" width="2.109375" style="686" customWidth="1"/>
    <col min="4123" max="4351" width="4" style="686"/>
    <col min="4352" max="4352" width="1.77734375" style="686" customWidth="1"/>
    <col min="4353" max="4353" width="2.109375" style="686" customWidth="1"/>
    <col min="4354" max="4354" width="2.33203125" style="686" customWidth="1"/>
    <col min="4355" max="4373" width="4" style="686" customWidth="1"/>
    <col min="4374" max="4377" width="2.33203125" style="686" customWidth="1"/>
    <col min="4378" max="4378" width="2.109375" style="686" customWidth="1"/>
    <col min="4379" max="4607" width="4" style="686"/>
    <col min="4608" max="4608" width="1.77734375" style="686" customWidth="1"/>
    <col min="4609" max="4609" width="2.109375" style="686" customWidth="1"/>
    <col min="4610" max="4610" width="2.33203125" style="686" customWidth="1"/>
    <col min="4611" max="4629" width="4" style="686" customWidth="1"/>
    <col min="4630" max="4633" width="2.33203125" style="686" customWidth="1"/>
    <col min="4634" max="4634" width="2.109375" style="686" customWidth="1"/>
    <col min="4635" max="4863" width="4" style="686"/>
    <col min="4864" max="4864" width="1.77734375" style="686" customWidth="1"/>
    <col min="4865" max="4865" width="2.109375" style="686" customWidth="1"/>
    <col min="4866" max="4866" width="2.33203125" style="686" customWidth="1"/>
    <col min="4867" max="4885" width="4" style="686" customWidth="1"/>
    <col min="4886" max="4889" width="2.33203125" style="686" customWidth="1"/>
    <col min="4890" max="4890" width="2.109375" style="686" customWidth="1"/>
    <col min="4891" max="5119" width="4" style="686"/>
    <col min="5120" max="5120" width="1.77734375" style="686" customWidth="1"/>
    <col min="5121" max="5121" width="2.109375" style="686" customWidth="1"/>
    <col min="5122" max="5122" width="2.33203125" style="686" customWidth="1"/>
    <col min="5123" max="5141" width="4" style="686" customWidth="1"/>
    <col min="5142" max="5145" width="2.33203125" style="686" customWidth="1"/>
    <col min="5146" max="5146" width="2.109375" style="686" customWidth="1"/>
    <col min="5147" max="5375" width="4" style="686"/>
    <col min="5376" max="5376" width="1.77734375" style="686" customWidth="1"/>
    <col min="5377" max="5377" width="2.109375" style="686" customWidth="1"/>
    <col min="5378" max="5378" width="2.33203125" style="686" customWidth="1"/>
    <col min="5379" max="5397" width="4" style="686" customWidth="1"/>
    <col min="5398" max="5401" width="2.33203125" style="686" customWidth="1"/>
    <col min="5402" max="5402" width="2.109375" style="686" customWidth="1"/>
    <col min="5403" max="5631" width="4" style="686"/>
    <col min="5632" max="5632" width="1.77734375" style="686" customWidth="1"/>
    <col min="5633" max="5633" width="2.109375" style="686" customWidth="1"/>
    <col min="5634" max="5634" width="2.33203125" style="686" customWidth="1"/>
    <col min="5635" max="5653" width="4" style="686" customWidth="1"/>
    <col min="5654" max="5657" width="2.33203125" style="686" customWidth="1"/>
    <col min="5658" max="5658" width="2.109375" style="686" customWidth="1"/>
    <col min="5659" max="5887" width="4" style="686"/>
    <col min="5888" max="5888" width="1.77734375" style="686" customWidth="1"/>
    <col min="5889" max="5889" width="2.109375" style="686" customWidth="1"/>
    <col min="5890" max="5890" width="2.33203125" style="686" customWidth="1"/>
    <col min="5891" max="5909" width="4" style="686" customWidth="1"/>
    <col min="5910" max="5913" width="2.33203125" style="686" customWidth="1"/>
    <col min="5914" max="5914" width="2.109375" style="686" customWidth="1"/>
    <col min="5915" max="6143" width="4" style="686"/>
    <col min="6144" max="6144" width="1.77734375" style="686" customWidth="1"/>
    <col min="6145" max="6145" width="2.109375" style="686" customWidth="1"/>
    <col min="6146" max="6146" width="2.33203125" style="686" customWidth="1"/>
    <col min="6147" max="6165" width="4" style="686" customWidth="1"/>
    <col min="6166" max="6169" width="2.33203125" style="686" customWidth="1"/>
    <col min="6170" max="6170" width="2.109375" style="686" customWidth="1"/>
    <col min="6171" max="6399" width="4" style="686"/>
    <col min="6400" max="6400" width="1.77734375" style="686" customWidth="1"/>
    <col min="6401" max="6401" width="2.109375" style="686" customWidth="1"/>
    <col min="6402" max="6402" width="2.33203125" style="686" customWidth="1"/>
    <col min="6403" max="6421" width="4" style="686" customWidth="1"/>
    <col min="6422" max="6425" width="2.33203125" style="686" customWidth="1"/>
    <col min="6426" max="6426" width="2.109375" style="686" customWidth="1"/>
    <col min="6427" max="6655" width="4" style="686"/>
    <col min="6656" max="6656" width="1.77734375" style="686" customWidth="1"/>
    <col min="6657" max="6657" width="2.109375" style="686" customWidth="1"/>
    <col min="6658" max="6658" width="2.33203125" style="686" customWidth="1"/>
    <col min="6659" max="6677" width="4" style="686" customWidth="1"/>
    <col min="6678" max="6681" width="2.33203125" style="686" customWidth="1"/>
    <col min="6682" max="6682" width="2.109375" style="686" customWidth="1"/>
    <col min="6683" max="6911" width="4" style="686"/>
    <col min="6912" max="6912" width="1.77734375" style="686" customWidth="1"/>
    <col min="6913" max="6913" width="2.109375" style="686" customWidth="1"/>
    <col min="6914" max="6914" width="2.33203125" style="686" customWidth="1"/>
    <col min="6915" max="6933" width="4" style="686" customWidth="1"/>
    <col min="6934" max="6937" width="2.33203125" style="686" customWidth="1"/>
    <col min="6938" max="6938" width="2.109375" style="686" customWidth="1"/>
    <col min="6939" max="7167" width="4" style="686"/>
    <col min="7168" max="7168" width="1.77734375" style="686" customWidth="1"/>
    <col min="7169" max="7169" width="2.109375" style="686" customWidth="1"/>
    <col min="7170" max="7170" width="2.33203125" style="686" customWidth="1"/>
    <col min="7171" max="7189" width="4" style="686" customWidth="1"/>
    <col min="7190" max="7193" width="2.33203125" style="686" customWidth="1"/>
    <col min="7194" max="7194" width="2.109375" style="686" customWidth="1"/>
    <col min="7195" max="7423" width="4" style="686"/>
    <col min="7424" max="7424" width="1.77734375" style="686" customWidth="1"/>
    <col min="7425" max="7425" width="2.109375" style="686" customWidth="1"/>
    <col min="7426" max="7426" width="2.33203125" style="686" customWidth="1"/>
    <col min="7427" max="7445" width="4" style="686" customWidth="1"/>
    <col min="7446" max="7449" width="2.33203125" style="686" customWidth="1"/>
    <col min="7450" max="7450" width="2.109375" style="686" customWidth="1"/>
    <col min="7451" max="7679" width="4" style="686"/>
    <col min="7680" max="7680" width="1.77734375" style="686" customWidth="1"/>
    <col min="7681" max="7681" width="2.109375" style="686" customWidth="1"/>
    <col min="7682" max="7682" width="2.33203125" style="686" customWidth="1"/>
    <col min="7683" max="7701" width="4" style="686" customWidth="1"/>
    <col min="7702" max="7705" width="2.33203125" style="686" customWidth="1"/>
    <col min="7706" max="7706" width="2.109375" style="686" customWidth="1"/>
    <col min="7707" max="7935" width="4" style="686"/>
    <col min="7936" max="7936" width="1.77734375" style="686" customWidth="1"/>
    <col min="7937" max="7937" width="2.109375" style="686" customWidth="1"/>
    <col min="7938" max="7938" width="2.33203125" style="686" customWidth="1"/>
    <col min="7939" max="7957" width="4" style="686" customWidth="1"/>
    <col min="7958" max="7961" width="2.33203125" style="686" customWidth="1"/>
    <col min="7962" max="7962" width="2.109375" style="686" customWidth="1"/>
    <col min="7963" max="8191" width="4" style="686"/>
    <col min="8192" max="8192" width="1.77734375" style="686" customWidth="1"/>
    <col min="8193" max="8193" width="2.109375" style="686" customWidth="1"/>
    <col min="8194" max="8194" width="2.33203125" style="686" customWidth="1"/>
    <col min="8195" max="8213" width="4" style="686" customWidth="1"/>
    <col min="8214" max="8217" width="2.33203125" style="686" customWidth="1"/>
    <col min="8218" max="8218" width="2.109375" style="686" customWidth="1"/>
    <col min="8219" max="8447" width="4" style="686"/>
    <col min="8448" max="8448" width="1.77734375" style="686" customWidth="1"/>
    <col min="8449" max="8449" width="2.109375" style="686" customWidth="1"/>
    <col min="8450" max="8450" width="2.33203125" style="686" customWidth="1"/>
    <col min="8451" max="8469" width="4" style="686" customWidth="1"/>
    <col min="8470" max="8473" width="2.33203125" style="686" customWidth="1"/>
    <col min="8474" max="8474" width="2.109375" style="686" customWidth="1"/>
    <col min="8475" max="8703" width="4" style="686"/>
    <col min="8704" max="8704" width="1.77734375" style="686" customWidth="1"/>
    <col min="8705" max="8705" width="2.109375" style="686" customWidth="1"/>
    <col min="8706" max="8706" width="2.33203125" style="686" customWidth="1"/>
    <col min="8707" max="8725" width="4" style="686" customWidth="1"/>
    <col min="8726" max="8729" width="2.33203125" style="686" customWidth="1"/>
    <col min="8730" max="8730" width="2.109375" style="686" customWidth="1"/>
    <col min="8731" max="8959" width="4" style="686"/>
    <col min="8960" max="8960" width="1.77734375" style="686" customWidth="1"/>
    <col min="8961" max="8961" width="2.109375" style="686" customWidth="1"/>
    <col min="8962" max="8962" width="2.33203125" style="686" customWidth="1"/>
    <col min="8963" max="8981" width="4" style="686" customWidth="1"/>
    <col min="8982" max="8985" width="2.33203125" style="686" customWidth="1"/>
    <col min="8986" max="8986" width="2.109375" style="686" customWidth="1"/>
    <col min="8987" max="9215" width="4" style="686"/>
    <col min="9216" max="9216" width="1.77734375" style="686" customWidth="1"/>
    <col min="9217" max="9217" width="2.109375" style="686" customWidth="1"/>
    <col min="9218" max="9218" width="2.33203125" style="686" customWidth="1"/>
    <col min="9219" max="9237" width="4" style="686" customWidth="1"/>
    <col min="9238" max="9241" width="2.33203125" style="686" customWidth="1"/>
    <col min="9242" max="9242" width="2.109375" style="686" customWidth="1"/>
    <col min="9243" max="9471" width="4" style="686"/>
    <col min="9472" max="9472" width="1.77734375" style="686" customWidth="1"/>
    <col min="9473" max="9473" width="2.109375" style="686" customWidth="1"/>
    <col min="9474" max="9474" width="2.33203125" style="686" customWidth="1"/>
    <col min="9475" max="9493" width="4" style="686" customWidth="1"/>
    <col min="9494" max="9497" width="2.33203125" style="686" customWidth="1"/>
    <col min="9498" max="9498" width="2.109375" style="686" customWidth="1"/>
    <col min="9499" max="9727" width="4" style="686"/>
    <col min="9728" max="9728" width="1.77734375" style="686" customWidth="1"/>
    <col min="9729" max="9729" width="2.109375" style="686" customWidth="1"/>
    <col min="9730" max="9730" width="2.33203125" style="686" customWidth="1"/>
    <col min="9731" max="9749" width="4" style="686" customWidth="1"/>
    <col min="9750" max="9753" width="2.33203125" style="686" customWidth="1"/>
    <col min="9754" max="9754" width="2.109375" style="686" customWidth="1"/>
    <col min="9755" max="9983" width="4" style="686"/>
    <col min="9984" max="9984" width="1.77734375" style="686" customWidth="1"/>
    <col min="9985" max="9985" width="2.109375" style="686" customWidth="1"/>
    <col min="9986" max="9986" width="2.33203125" style="686" customWidth="1"/>
    <col min="9987" max="10005" width="4" style="686" customWidth="1"/>
    <col min="10006" max="10009" width="2.33203125" style="686" customWidth="1"/>
    <col min="10010" max="10010" width="2.109375" style="686" customWidth="1"/>
    <col min="10011" max="10239" width="4" style="686"/>
    <col min="10240" max="10240" width="1.77734375" style="686" customWidth="1"/>
    <col min="10241" max="10241" width="2.109375" style="686" customWidth="1"/>
    <col min="10242" max="10242" width="2.33203125" style="686" customWidth="1"/>
    <col min="10243" max="10261" width="4" style="686" customWidth="1"/>
    <col min="10262" max="10265" width="2.33203125" style="686" customWidth="1"/>
    <col min="10266" max="10266" width="2.109375" style="686" customWidth="1"/>
    <col min="10267" max="10495" width="4" style="686"/>
    <col min="10496" max="10496" width="1.77734375" style="686" customWidth="1"/>
    <col min="10497" max="10497" width="2.109375" style="686" customWidth="1"/>
    <col min="10498" max="10498" width="2.33203125" style="686" customWidth="1"/>
    <col min="10499" max="10517" width="4" style="686" customWidth="1"/>
    <col min="10518" max="10521" width="2.33203125" style="686" customWidth="1"/>
    <col min="10522" max="10522" width="2.109375" style="686" customWidth="1"/>
    <col min="10523" max="10751" width="4" style="686"/>
    <col min="10752" max="10752" width="1.77734375" style="686" customWidth="1"/>
    <col min="10753" max="10753" width="2.109375" style="686" customWidth="1"/>
    <col min="10754" max="10754" width="2.33203125" style="686" customWidth="1"/>
    <col min="10755" max="10773" width="4" style="686" customWidth="1"/>
    <col min="10774" max="10777" width="2.33203125" style="686" customWidth="1"/>
    <col min="10778" max="10778" width="2.109375" style="686" customWidth="1"/>
    <col min="10779" max="11007" width="4" style="686"/>
    <col min="11008" max="11008" width="1.77734375" style="686" customWidth="1"/>
    <col min="11009" max="11009" width="2.109375" style="686" customWidth="1"/>
    <col min="11010" max="11010" width="2.33203125" style="686" customWidth="1"/>
    <col min="11011" max="11029" width="4" style="686" customWidth="1"/>
    <col min="11030" max="11033" width="2.33203125" style="686" customWidth="1"/>
    <col min="11034" max="11034" width="2.109375" style="686" customWidth="1"/>
    <col min="11035" max="11263" width="4" style="686"/>
    <col min="11264" max="11264" width="1.77734375" style="686" customWidth="1"/>
    <col min="11265" max="11265" width="2.109375" style="686" customWidth="1"/>
    <col min="11266" max="11266" width="2.33203125" style="686" customWidth="1"/>
    <col min="11267" max="11285" width="4" style="686" customWidth="1"/>
    <col min="11286" max="11289" width="2.33203125" style="686" customWidth="1"/>
    <col min="11290" max="11290" width="2.109375" style="686" customWidth="1"/>
    <col min="11291" max="11519" width="4" style="686"/>
    <col min="11520" max="11520" width="1.77734375" style="686" customWidth="1"/>
    <col min="11521" max="11521" width="2.109375" style="686" customWidth="1"/>
    <col min="11522" max="11522" width="2.33203125" style="686" customWidth="1"/>
    <col min="11523" max="11541" width="4" style="686" customWidth="1"/>
    <col min="11542" max="11545" width="2.33203125" style="686" customWidth="1"/>
    <col min="11546" max="11546" width="2.109375" style="686" customWidth="1"/>
    <col min="11547" max="11775" width="4" style="686"/>
    <col min="11776" max="11776" width="1.77734375" style="686" customWidth="1"/>
    <col min="11777" max="11777" width="2.109375" style="686" customWidth="1"/>
    <col min="11778" max="11778" width="2.33203125" style="686" customWidth="1"/>
    <col min="11779" max="11797" width="4" style="686" customWidth="1"/>
    <col min="11798" max="11801" width="2.33203125" style="686" customWidth="1"/>
    <col min="11802" max="11802" width="2.109375" style="686" customWidth="1"/>
    <col min="11803" max="12031" width="4" style="686"/>
    <col min="12032" max="12032" width="1.77734375" style="686" customWidth="1"/>
    <col min="12033" max="12033" width="2.109375" style="686" customWidth="1"/>
    <col min="12034" max="12034" width="2.33203125" style="686" customWidth="1"/>
    <col min="12035" max="12053" width="4" style="686" customWidth="1"/>
    <col min="12054" max="12057" width="2.33203125" style="686" customWidth="1"/>
    <col min="12058" max="12058" width="2.109375" style="686" customWidth="1"/>
    <col min="12059" max="12287" width="4" style="686"/>
    <col min="12288" max="12288" width="1.77734375" style="686" customWidth="1"/>
    <col min="12289" max="12289" width="2.109375" style="686" customWidth="1"/>
    <col min="12290" max="12290" width="2.33203125" style="686" customWidth="1"/>
    <col min="12291" max="12309" width="4" style="686" customWidth="1"/>
    <col min="12310" max="12313" width="2.33203125" style="686" customWidth="1"/>
    <col min="12314" max="12314" width="2.109375" style="686" customWidth="1"/>
    <col min="12315" max="12543" width="4" style="686"/>
    <col min="12544" max="12544" width="1.77734375" style="686" customWidth="1"/>
    <col min="12545" max="12545" width="2.109375" style="686" customWidth="1"/>
    <col min="12546" max="12546" width="2.33203125" style="686" customWidth="1"/>
    <col min="12547" max="12565" width="4" style="686" customWidth="1"/>
    <col min="12566" max="12569" width="2.33203125" style="686" customWidth="1"/>
    <col min="12570" max="12570" width="2.109375" style="686" customWidth="1"/>
    <col min="12571" max="12799" width="4" style="686"/>
    <col min="12800" max="12800" width="1.77734375" style="686" customWidth="1"/>
    <col min="12801" max="12801" width="2.109375" style="686" customWidth="1"/>
    <col min="12802" max="12802" width="2.33203125" style="686" customWidth="1"/>
    <col min="12803" max="12821" width="4" style="686" customWidth="1"/>
    <col min="12822" max="12825" width="2.33203125" style="686" customWidth="1"/>
    <col min="12826" max="12826" width="2.109375" style="686" customWidth="1"/>
    <col min="12827" max="13055" width="4" style="686"/>
    <col min="13056" max="13056" width="1.77734375" style="686" customWidth="1"/>
    <col min="13057" max="13057" width="2.109375" style="686" customWidth="1"/>
    <col min="13058" max="13058" width="2.33203125" style="686" customWidth="1"/>
    <col min="13059" max="13077" width="4" style="686" customWidth="1"/>
    <col min="13078" max="13081" width="2.33203125" style="686" customWidth="1"/>
    <col min="13082" max="13082" width="2.109375" style="686" customWidth="1"/>
    <col min="13083" max="13311" width="4" style="686"/>
    <col min="13312" max="13312" width="1.77734375" style="686" customWidth="1"/>
    <col min="13313" max="13313" width="2.109375" style="686" customWidth="1"/>
    <col min="13314" max="13314" width="2.33203125" style="686" customWidth="1"/>
    <col min="13315" max="13333" width="4" style="686" customWidth="1"/>
    <col min="13334" max="13337" width="2.33203125" style="686" customWidth="1"/>
    <col min="13338" max="13338" width="2.109375" style="686" customWidth="1"/>
    <col min="13339" max="13567" width="4" style="686"/>
    <col min="13568" max="13568" width="1.77734375" style="686" customWidth="1"/>
    <col min="13569" max="13569" width="2.109375" style="686" customWidth="1"/>
    <col min="13570" max="13570" width="2.33203125" style="686" customWidth="1"/>
    <col min="13571" max="13589" width="4" style="686" customWidth="1"/>
    <col min="13590" max="13593" width="2.33203125" style="686" customWidth="1"/>
    <col min="13594" max="13594" width="2.109375" style="686" customWidth="1"/>
    <col min="13595" max="13823" width="4" style="686"/>
    <col min="13824" max="13824" width="1.77734375" style="686" customWidth="1"/>
    <col min="13825" max="13825" width="2.109375" style="686" customWidth="1"/>
    <col min="13826" max="13826" width="2.33203125" style="686" customWidth="1"/>
    <col min="13827" max="13845" width="4" style="686" customWidth="1"/>
    <col min="13846" max="13849" width="2.33203125" style="686" customWidth="1"/>
    <col min="13850" max="13850" width="2.109375" style="686" customWidth="1"/>
    <col min="13851" max="14079" width="4" style="686"/>
    <col min="14080" max="14080" width="1.77734375" style="686" customWidth="1"/>
    <col min="14081" max="14081" width="2.109375" style="686" customWidth="1"/>
    <col min="14082" max="14082" width="2.33203125" style="686" customWidth="1"/>
    <col min="14083" max="14101" width="4" style="686" customWidth="1"/>
    <col min="14102" max="14105" width="2.33203125" style="686" customWidth="1"/>
    <col min="14106" max="14106" width="2.109375" style="686" customWidth="1"/>
    <col min="14107" max="14335" width="4" style="686"/>
    <col min="14336" max="14336" width="1.77734375" style="686" customWidth="1"/>
    <col min="14337" max="14337" width="2.109375" style="686" customWidth="1"/>
    <col min="14338" max="14338" width="2.33203125" style="686" customWidth="1"/>
    <col min="14339" max="14357" width="4" style="686" customWidth="1"/>
    <col min="14358" max="14361" width="2.33203125" style="686" customWidth="1"/>
    <col min="14362" max="14362" width="2.109375" style="686" customWidth="1"/>
    <col min="14363" max="14591" width="4" style="686"/>
    <col min="14592" max="14592" width="1.77734375" style="686" customWidth="1"/>
    <col min="14593" max="14593" width="2.109375" style="686" customWidth="1"/>
    <col min="14594" max="14594" width="2.33203125" style="686" customWidth="1"/>
    <col min="14595" max="14613" width="4" style="686" customWidth="1"/>
    <col min="14614" max="14617" width="2.33203125" style="686" customWidth="1"/>
    <col min="14618" max="14618" width="2.109375" style="686" customWidth="1"/>
    <col min="14619" max="14847" width="4" style="686"/>
    <col min="14848" max="14848" width="1.77734375" style="686" customWidth="1"/>
    <col min="14849" max="14849" width="2.109375" style="686" customWidth="1"/>
    <col min="14850" max="14850" width="2.33203125" style="686" customWidth="1"/>
    <col min="14851" max="14869" width="4" style="686" customWidth="1"/>
    <col min="14870" max="14873" width="2.33203125" style="686" customWidth="1"/>
    <col min="14874" max="14874" width="2.109375" style="686" customWidth="1"/>
    <col min="14875" max="15103" width="4" style="686"/>
    <col min="15104" max="15104" width="1.77734375" style="686" customWidth="1"/>
    <col min="15105" max="15105" width="2.109375" style="686" customWidth="1"/>
    <col min="15106" max="15106" width="2.33203125" style="686" customWidth="1"/>
    <col min="15107" max="15125" width="4" style="686" customWidth="1"/>
    <col min="15126" max="15129" width="2.33203125" style="686" customWidth="1"/>
    <col min="15130" max="15130" width="2.109375" style="686" customWidth="1"/>
    <col min="15131" max="15359" width="4" style="686"/>
    <col min="15360" max="15360" width="1.77734375" style="686" customWidth="1"/>
    <col min="15361" max="15361" width="2.109375" style="686" customWidth="1"/>
    <col min="15362" max="15362" width="2.33203125" style="686" customWidth="1"/>
    <col min="15363" max="15381" width="4" style="686" customWidth="1"/>
    <col min="15382" max="15385" width="2.33203125" style="686" customWidth="1"/>
    <col min="15386" max="15386" width="2.109375" style="686" customWidth="1"/>
    <col min="15387" max="15615" width="4" style="686"/>
    <col min="15616" max="15616" width="1.77734375" style="686" customWidth="1"/>
    <col min="15617" max="15617" width="2.109375" style="686" customWidth="1"/>
    <col min="15618" max="15618" width="2.33203125" style="686" customWidth="1"/>
    <col min="15619" max="15637" width="4" style="686" customWidth="1"/>
    <col min="15638" max="15641" width="2.33203125" style="686" customWidth="1"/>
    <col min="15642" max="15642" width="2.109375" style="686" customWidth="1"/>
    <col min="15643" max="15871" width="4" style="686"/>
    <col min="15872" max="15872" width="1.77734375" style="686" customWidth="1"/>
    <col min="15873" max="15873" width="2.109375" style="686" customWidth="1"/>
    <col min="15874" max="15874" width="2.33203125" style="686" customWidth="1"/>
    <col min="15875" max="15893" width="4" style="686" customWidth="1"/>
    <col min="15894" max="15897" width="2.33203125" style="686" customWidth="1"/>
    <col min="15898" max="15898" width="2.109375" style="686" customWidth="1"/>
    <col min="15899" max="16127" width="4" style="686"/>
    <col min="16128" max="16128" width="1.77734375" style="686" customWidth="1"/>
    <col min="16129" max="16129" width="2.109375" style="686" customWidth="1"/>
    <col min="16130" max="16130" width="2.33203125" style="686" customWidth="1"/>
    <col min="16131" max="16149" width="4" style="686" customWidth="1"/>
    <col min="16150" max="16153" width="2.33203125" style="686" customWidth="1"/>
    <col min="16154" max="16154" width="2.109375" style="686" customWidth="1"/>
    <col min="16155" max="16384" width="4" style="686"/>
  </cols>
  <sheetData>
    <row r="1" spans="1:29" ht="20.100000000000001" customHeight="1" x14ac:dyDescent="0.2">
      <c r="A1" s="685"/>
      <c r="B1" s="685"/>
      <c r="C1" s="685"/>
      <c r="D1" s="685"/>
      <c r="E1" s="685"/>
      <c r="F1" s="685"/>
      <c r="G1" s="685"/>
      <c r="H1" s="685"/>
      <c r="I1" s="685"/>
      <c r="J1" s="685"/>
      <c r="K1" s="685"/>
      <c r="L1" s="685"/>
      <c r="M1" s="685"/>
      <c r="N1" s="685"/>
      <c r="O1" s="685"/>
      <c r="P1" s="685"/>
      <c r="Q1" s="685"/>
      <c r="R1" s="685"/>
      <c r="S1" s="685"/>
      <c r="T1" s="685"/>
      <c r="U1" s="685"/>
      <c r="V1" s="685"/>
      <c r="W1" s="685"/>
      <c r="X1" s="685"/>
      <c r="Y1" s="685"/>
      <c r="Z1" s="685"/>
    </row>
    <row r="2" spans="1:29" ht="20.100000000000001" customHeight="1" x14ac:dyDescent="0.2">
      <c r="A2" s="685"/>
      <c r="B2" s="708" t="s">
        <v>1181</v>
      </c>
      <c r="C2" s="709"/>
      <c r="D2" s="709"/>
      <c r="E2" s="709"/>
      <c r="F2" s="709"/>
      <c r="G2" s="709"/>
      <c r="H2" s="685"/>
      <c r="I2" s="685"/>
      <c r="J2" s="685"/>
      <c r="K2" s="685"/>
      <c r="L2" s="685"/>
      <c r="M2" s="685"/>
      <c r="N2" s="685"/>
      <c r="O2" s="685"/>
      <c r="P2" s="685"/>
      <c r="Q2" s="685"/>
      <c r="R2" s="2986" t="s">
        <v>1140</v>
      </c>
      <c r="S2" s="2986"/>
      <c r="T2" s="2986"/>
      <c r="U2" s="2986"/>
      <c r="V2" s="2986"/>
      <c r="W2" s="2986"/>
      <c r="X2" s="2986"/>
      <c r="Y2" s="2986"/>
      <c r="Z2" s="685"/>
    </row>
    <row r="3" spans="1:29" ht="20.100000000000001" customHeight="1" x14ac:dyDescent="0.2">
      <c r="A3" s="685"/>
      <c r="B3" s="685"/>
      <c r="C3" s="685"/>
      <c r="D3" s="685"/>
      <c r="E3" s="685"/>
      <c r="F3" s="685"/>
      <c r="G3" s="685"/>
      <c r="H3" s="685"/>
      <c r="I3" s="685"/>
      <c r="J3" s="685"/>
      <c r="K3" s="685"/>
      <c r="L3" s="685"/>
      <c r="M3" s="685"/>
      <c r="N3" s="685"/>
      <c r="O3" s="685"/>
      <c r="P3" s="685"/>
      <c r="Q3" s="685"/>
      <c r="R3" s="685"/>
      <c r="S3" s="685"/>
      <c r="T3" s="706"/>
      <c r="U3" s="685"/>
      <c r="V3" s="685"/>
      <c r="W3" s="685"/>
      <c r="X3" s="685"/>
      <c r="Y3" s="685"/>
      <c r="Z3" s="685"/>
    </row>
    <row r="4" spans="1:29" ht="20.100000000000001" customHeight="1" x14ac:dyDescent="0.2">
      <c r="A4" s="685"/>
      <c r="B4" s="2957" t="s">
        <v>1065</v>
      </c>
      <c r="C4" s="2957"/>
      <c r="D4" s="2957"/>
      <c r="E4" s="2957"/>
      <c r="F4" s="2957"/>
      <c r="G4" s="2957"/>
      <c r="H4" s="2957"/>
      <c r="I4" s="2957"/>
      <c r="J4" s="2957"/>
      <c r="K4" s="2957"/>
      <c r="L4" s="2957"/>
      <c r="M4" s="2957"/>
      <c r="N4" s="2957"/>
      <c r="O4" s="2957"/>
      <c r="P4" s="2957"/>
      <c r="Q4" s="2957"/>
      <c r="R4" s="2957"/>
      <c r="S4" s="2957"/>
      <c r="T4" s="2957"/>
      <c r="U4" s="2957"/>
      <c r="V4" s="2957"/>
      <c r="W4" s="2957"/>
      <c r="X4" s="2957"/>
      <c r="Y4" s="2957"/>
      <c r="Z4" s="685"/>
    </row>
    <row r="5" spans="1:29" ht="20.100000000000001" customHeight="1" x14ac:dyDescent="0.2">
      <c r="A5" s="685"/>
      <c r="B5" s="2957" t="s">
        <v>1069</v>
      </c>
      <c r="C5" s="2957"/>
      <c r="D5" s="2957"/>
      <c r="E5" s="2957"/>
      <c r="F5" s="2957"/>
      <c r="G5" s="2957"/>
      <c r="H5" s="2957"/>
      <c r="I5" s="2957"/>
      <c r="J5" s="2957"/>
      <c r="K5" s="2957"/>
      <c r="L5" s="2957"/>
      <c r="M5" s="2957"/>
      <c r="N5" s="2957"/>
      <c r="O5" s="2957"/>
      <c r="P5" s="2957"/>
      <c r="Q5" s="2957"/>
      <c r="R5" s="2957"/>
      <c r="S5" s="2957"/>
      <c r="T5" s="2957"/>
      <c r="U5" s="2957"/>
      <c r="V5" s="2957"/>
      <c r="W5" s="2957"/>
      <c r="X5" s="2957"/>
      <c r="Y5" s="2957"/>
      <c r="Z5" s="685"/>
    </row>
    <row r="6" spans="1:29" ht="20.100000000000001" customHeight="1" x14ac:dyDescent="0.2">
      <c r="A6" s="685"/>
      <c r="B6" s="685"/>
      <c r="C6" s="685"/>
      <c r="D6" s="685"/>
      <c r="E6" s="685"/>
      <c r="F6" s="685"/>
      <c r="G6" s="685"/>
      <c r="H6" s="685"/>
      <c r="I6" s="685"/>
      <c r="J6" s="685"/>
      <c r="K6" s="685"/>
      <c r="L6" s="685"/>
      <c r="M6" s="685"/>
      <c r="N6" s="685"/>
      <c r="O6" s="685"/>
      <c r="P6" s="685"/>
      <c r="Q6" s="685"/>
      <c r="R6" s="685"/>
      <c r="S6" s="685"/>
      <c r="T6" s="685"/>
      <c r="U6" s="685"/>
      <c r="V6" s="685"/>
      <c r="W6" s="685"/>
      <c r="X6" s="685"/>
      <c r="Y6" s="685"/>
      <c r="Z6" s="685"/>
    </row>
    <row r="7" spans="1:29" ht="23.25" customHeight="1" x14ac:dyDescent="0.2">
      <c r="A7" s="685"/>
      <c r="B7" s="2958" t="s">
        <v>1100</v>
      </c>
      <c r="C7" s="2959"/>
      <c r="D7" s="2959"/>
      <c r="E7" s="2959"/>
      <c r="F7" s="2960"/>
      <c r="G7" s="2959"/>
      <c r="H7" s="2959"/>
      <c r="I7" s="2959"/>
      <c r="J7" s="2959"/>
      <c r="K7" s="2959"/>
      <c r="L7" s="2959"/>
      <c r="M7" s="2959"/>
      <c r="N7" s="2959"/>
      <c r="O7" s="2959"/>
      <c r="P7" s="2959"/>
      <c r="Q7" s="2959"/>
      <c r="R7" s="2959"/>
      <c r="S7" s="2959"/>
      <c r="T7" s="2959"/>
      <c r="U7" s="2959"/>
      <c r="V7" s="2959"/>
      <c r="W7" s="2959"/>
      <c r="X7" s="2959"/>
      <c r="Y7" s="2960"/>
      <c r="Z7" s="685"/>
    </row>
    <row r="8" spans="1:29" ht="23.25" customHeight="1" x14ac:dyDescent="0.2">
      <c r="A8" s="685"/>
      <c r="B8" s="2958" t="s">
        <v>1102</v>
      </c>
      <c r="C8" s="2959"/>
      <c r="D8" s="2959"/>
      <c r="E8" s="2959"/>
      <c r="F8" s="2960"/>
      <c r="G8" s="2961" t="s">
        <v>1141</v>
      </c>
      <c r="H8" s="2961"/>
      <c r="I8" s="2961"/>
      <c r="J8" s="2961"/>
      <c r="K8" s="2961"/>
      <c r="L8" s="2961"/>
      <c r="M8" s="2961"/>
      <c r="N8" s="2961"/>
      <c r="O8" s="2961"/>
      <c r="P8" s="2961"/>
      <c r="Q8" s="2961"/>
      <c r="R8" s="2961"/>
      <c r="S8" s="2961"/>
      <c r="T8" s="2961"/>
      <c r="U8" s="2961"/>
      <c r="V8" s="2961"/>
      <c r="W8" s="2961"/>
      <c r="X8" s="2961"/>
      <c r="Y8" s="2962"/>
      <c r="Z8" s="685"/>
    </row>
    <row r="9" spans="1:29" ht="23.25" customHeight="1" x14ac:dyDescent="0.2">
      <c r="A9" s="685"/>
      <c r="B9" s="2958" t="s">
        <v>1105</v>
      </c>
      <c r="C9" s="2959"/>
      <c r="D9" s="2959"/>
      <c r="E9" s="2959"/>
      <c r="F9" s="2960"/>
      <c r="G9" s="2966" t="s">
        <v>1142</v>
      </c>
      <c r="H9" s="2967"/>
      <c r="I9" s="2967"/>
      <c r="J9" s="2967"/>
      <c r="K9" s="2967"/>
      <c r="L9" s="2967"/>
      <c r="M9" s="2967"/>
      <c r="N9" s="2967"/>
      <c r="O9" s="2967"/>
      <c r="P9" s="2967"/>
      <c r="Q9" s="2967"/>
      <c r="R9" s="2967"/>
      <c r="S9" s="2967"/>
      <c r="T9" s="2967"/>
      <c r="U9" s="2967"/>
      <c r="V9" s="2967"/>
      <c r="W9" s="2967"/>
      <c r="X9" s="2967"/>
      <c r="Y9" s="2968"/>
      <c r="Z9" s="685"/>
      <c r="AC9" s="688"/>
    </row>
    <row r="10" spans="1:29" ht="3" customHeight="1" x14ac:dyDescent="0.2">
      <c r="A10" s="685"/>
      <c r="B10" s="689"/>
      <c r="C10" s="689"/>
      <c r="D10" s="689"/>
      <c r="E10" s="689"/>
      <c r="F10" s="689"/>
      <c r="G10" s="690"/>
      <c r="H10" s="690"/>
      <c r="I10" s="690"/>
      <c r="J10" s="690"/>
      <c r="K10" s="690"/>
      <c r="L10" s="690"/>
      <c r="M10" s="690"/>
      <c r="N10" s="690"/>
      <c r="O10" s="690"/>
      <c r="P10" s="690"/>
      <c r="Q10" s="690"/>
      <c r="R10" s="690"/>
      <c r="S10" s="690"/>
      <c r="T10" s="690"/>
      <c r="U10" s="690"/>
      <c r="V10" s="690"/>
      <c r="W10" s="690"/>
      <c r="X10" s="690"/>
      <c r="Y10" s="690"/>
      <c r="Z10" s="685"/>
      <c r="AC10" s="688"/>
    </row>
    <row r="11" spans="1:29" ht="13.5" customHeight="1" x14ac:dyDescent="0.2">
      <c r="A11" s="685"/>
      <c r="B11" s="2969" t="s">
        <v>1107</v>
      </c>
      <c r="C11" s="2969"/>
      <c r="D11" s="2969"/>
      <c r="E11" s="2969"/>
      <c r="F11" s="2969"/>
      <c r="G11" s="2969"/>
      <c r="H11" s="2969"/>
      <c r="I11" s="2969"/>
      <c r="J11" s="2969"/>
      <c r="K11" s="2969"/>
      <c r="L11" s="2969"/>
      <c r="M11" s="2969"/>
      <c r="N11" s="2969"/>
      <c r="O11" s="2969"/>
      <c r="P11" s="2969"/>
      <c r="Q11" s="2969"/>
      <c r="R11" s="2969"/>
      <c r="S11" s="2969"/>
      <c r="T11" s="2969"/>
      <c r="U11" s="2969"/>
      <c r="V11" s="2969"/>
      <c r="W11" s="2969"/>
      <c r="X11" s="2969"/>
      <c r="Y11" s="2969"/>
      <c r="Z11" s="685"/>
      <c r="AC11" s="688"/>
    </row>
    <row r="12" spans="1:29" ht="6" customHeight="1" x14ac:dyDescent="0.2">
      <c r="A12" s="685"/>
      <c r="B12" s="685"/>
      <c r="C12" s="685"/>
      <c r="D12" s="685"/>
      <c r="E12" s="685"/>
      <c r="F12" s="685"/>
      <c r="G12" s="685"/>
      <c r="H12" s="685"/>
      <c r="I12" s="685"/>
      <c r="J12" s="685"/>
      <c r="K12" s="685"/>
      <c r="L12" s="685"/>
      <c r="M12" s="685"/>
      <c r="N12" s="685"/>
      <c r="O12" s="685"/>
      <c r="P12" s="685"/>
      <c r="Q12" s="685"/>
      <c r="R12" s="685"/>
      <c r="S12" s="685"/>
      <c r="T12" s="685"/>
      <c r="U12" s="685"/>
      <c r="V12" s="685"/>
      <c r="W12" s="685"/>
      <c r="X12" s="685"/>
      <c r="Y12" s="685"/>
      <c r="Z12" s="685"/>
    </row>
    <row r="13" spans="1:29" ht="18.75" customHeight="1" x14ac:dyDescent="0.2">
      <c r="A13" s="685"/>
      <c r="B13" s="691"/>
      <c r="C13" s="692" t="s">
        <v>1064</v>
      </c>
      <c r="D13" s="692"/>
      <c r="E13" s="692"/>
      <c r="F13" s="692"/>
      <c r="G13" s="692"/>
      <c r="H13" s="692"/>
      <c r="I13" s="692"/>
      <c r="J13" s="692"/>
      <c r="K13" s="692"/>
      <c r="L13" s="692"/>
      <c r="M13" s="692"/>
      <c r="N13" s="692"/>
      <c r="O13" s="692"/>
      <c r="P13" s="692"/>
      <c r="Q13" s="692"/>
      <c r="R13" s="692"/>
      <c r="S13" s="692"/>
      <c r="T13" s="692"/>
      <c r="U13" s="692"/>
      <c r="V13" s="2963" t="s">
        <v>1143</v>
      </c>
      <c r="W13" s="2964"/>
      <c r="X13" s="2964"/>
      <c r="Y13" s="2965"/>
      <c r="Z13" s="685"/>
      <c r="AA13" s="685"/>
      <c r="AB13" s="685"/>
    </row>
    <row r="14" spans="1:29" ht="18.75" customHeight="1" x14ac:dyDescent="0.2">
      <c r="A14" s="685"/>
      <c r="B14" s="684"/>
      <c r="C14" s="685" t="s">
        <v>1144</v>
      </c>
      <c r="D14" s="685"/>
      <c r="E14" s="685"/>
      <c r="F14" s="685"/>
      <c r="G14" s="685"/>
      <c r="H14" s="685"/>
      <c r="I14" s="685"/>
      <c r="J14" s="685"/>
      <c r="K14" s="685"/>
      <c r="L14" s="685"/>
      <c r="M14" s="685"/>
      <c r="N14" s="685"/>
      <c r="O14" s="685"/>
      <c r="P14" s="685"/>
      <c r="Q14" s="685"/>
      <c r="R14" s="685"/>
      <c r="S14" s="685"/>
      <c r="T14" s="685"/>
      <c r="U14" s="685"/>
      <c r="V14" s="2970"/>
      <c r="W14" s="2957"/>
      <c r="X14" s="2957"/>
      <c r="Y14" s="2971"/>
      <c r="Z14" s="685"/>
      <c r="AA14" s="685"/>
      <c r="AB14" s="685"/>
    </row>
    <row r="15" spans="1:29" ht="18.75" customHeight="1" x14ac:dyDescent="0.2">
      <c r="A15" s="685"/>
      <c r="B15" s="684"/>
      <c r="C15" s="685"/>
      <c r="D15" s="2975" t="s">
        <v>1111</v>
      </c>
      <c r="E15" s="2961"/>
      <c r="F15" s="2961"/>
      <c r="G15" s="2961"/>
      <c r="H15" s="2961"/>
      <c r="I15" s="2961"/>
      <c r="J15" s="2962"/>
      <c r="K15" s="693" t="s">
        <v>1112</v>
      </c>
      <c r="L15" s="694"/>
      <c r="M15" s="694"/>
      <c r="N15" s="694"/>
      <c r="O15" s="695" t="s">
        <v>69</v>
      </c>
      <c r="P15" s="693" t="s">
        <v>1113</v>
      </c>
      <c r="Q15" s="694"/>
      <c r="R15" s="694"/>
      <c r="S15" s="694"/>
      <c r="T15" s="695" t="s">
        <v>69</v>
      </c>
      <c r="U15" s="685"/>
      <c r="V15" s="2970"/>
      <c r="W15" s="2957"/>
      <c r="X15" s="2957"/>
      <c r="Y15" s="2971"/>
      <c r="Z15" s="685"/>
      <c r="AA15" s="685"/>
      <c r="AB15" s="685"/>
    </row>
    <row r="16" spans="1:29" ht="7.5" customHeight="1" x14ac:dyDescent="0.2">
      <c r="A16" s="685"/>
      <c r="B16" s="684"/>
      <c r="C16" s="685"/>
      <c r="D16" s="685"/>
      <c r="E16" s="685"/>
      <c r="F16" s="685"/>
      <c r="G16" s="685"/>
      <c r="H16" s="685"/>
      <c r="I16" s="685"/>
      <c r="J16" s="685"/>
      <c r="K16" s="685"/>
      <c r="L16" s="685"/>
      <c r="M16" s="685"/>
      <c r="N16" s="685"/>
      <c r="O16" s="685"/>
      <c r="P16" s="685"/>
      <c r="Q16" s="685"/>
      <c r="R16" s="685"/>
      <c r="S16" s="696"/>
      <c r="T16" s="696"/>
      <c r="U16" s="685"/>
      <c r="V16" s="2970"/>
      <c r="W16" s="2957"/>
      <c r="X16" s="2957"/>
      <c r="Y16" s="2971"/>
      <c r="Z16" s="685"/>
      <c r="AA16" s="685"/>
      <c r="AB16" s="685"/>
    </row>
    <row r="17" spans="1:28" ht="18.75" customHeight="1" x14ac:dyDescent="0.2">
      <c r="A17" s="685"/>
      <c r="B17" s="684"/>
      <c r="C17" s="685"/>
      <c r="D17" s="2976" t="s">
        <v>1114</v>
      </c>
      <c r="E17" s="2977"/>
      <c r="F17" s="2977"/>
      <c r="G17" s="2977"/>
      <c r="H17" s="2977"/>
      <c r="I17" s="2977"/>
      <c r="J17" s="2978"/>
      <c r="K17" s="693" t="s">
        <v>1112</v>
      </c>
      <c r="L17" s="694"/>
      <c r="M17" s="694"/>
      <c r="N17" s="694"/>
      <c r="O17" s="695" t="s">
        <v>69</v>
      </c>
      <c r="P17" s="693" t="s">
        <v>1113</v>
      </c>
      <c r="Q17" s="694"/>
      <c r="R17" s="694"/>
      <c r="S17" s="694"/>
      <c r="T17" s="695" t="s">
        <v>69</v>
      </c>
      <c r="U17" s="685"/>
      <c r="V17" s="2970"/>
      <c r="W17" s="2957"/>
      <c r="X17" s="2957"/>
      <c r="Y17" s="2971"/>
      <c r="Z17" s="685"/>
      <c r="AA17" s="685"/>
      <c r="AB17" s="685"/>
    </row>
    <row r="18" spans="1:28" ht="18.75" customHeight="1" x14ac:dyDescent="0.2">
      <c r="A18" s="685"/>
      <c r="B18" s="684"/>
      <c r="C18" s="685" t="s">
        <v>1145</v>
      </c>
      <c r="D18" s="685"/>
      <c r="E18" s="685"/>
      <c r="F18" s="685"/>
      <c r="G18" s="685"/>
      <c r="H18" s="685"/>
      <c r="I18" s="685"/>
      <c r="J18" s="685"/>
      <c r="K18" s="685"/>
      <c r="L18" s="685"/>
      <c r="M18" s="685"/>
      <c r="N18" s="685"/>
      <c r="O18" s="685"/>
      <c r="P18" s="685"/>
      <c r="Q18" s="685"/>
      <c r="R18" s="685"/>
      <c r="S18" s="685"/>
      <c r="T18" s="685"/>
      <c r="U18" s="685"/>
      <c r="V18" s="2970"/>
      <c r="W18" s="2957"/>
      <c r="X18" s="2957"/>
      <c r="Y18" s="2971"/>
      <c r="Z18" s="685"/>
      <c r="AA18" s="685"/>
      <c r="AB18" s="685"/>
    </row>
    <row r="19" spans="1:28" ht="18.75" customHeight="1" x14ac:dyDescent="0.2">
      <c r="A19" s="685"/>
      <c r="B19" s="684"/>
      <c r="C19" s="685"/>
      <c r="D19" s="707" t="s">
        <v>1146</v>
      </c>
      <c r="E19" s="701"/>
      <c r="F19" s="701"/>
      <c r="G19" s="701"/>
      <c r="H19" s="701"/>
      <c r="I19" s="701"/>
      <c r="J19" s="701"/>
      <c r="K19" s="701"/>
      <c r="L19" s="701"/>
      <c r="M19" s="701"/>
      <c r="N19" s="701" t="s">
        <v>1068</v>
      </c>
      <c r="O19" s="701"/>
      <c r="P19" s="701"/>
      <c r="Q19" s="685"/>
      <c r="R19" s="685"/>
      <c r="S19" s="685"/>
      <c r="T19" s="685"/>
      <c r="U19" s="685"/>
      <c r="V19" s="2970"/>
      <c r="W19" s="2957"/>
      <c r="X19" s="2957"/>
      <c r="Y19" s="2971"/>
      <c r="Z19" s="685"/>
      <c r="AA19" s="685"/>
      <c r="AB19" s="685"/>
    </row>
    <row r="20" spans="1:28" ht="3" customHeight="1" x14ac:dyDescent="0.2">
      <c r="A20" s="685"/>
      <c r="B20" s="684"/>
      <c r="C20" s="685"/>
      <c r="D20" s="685"/>
      <c r="E20" s="685"/>
      <c r="F20" s="685"/>
      <c r="G20" s="685"/>
      <c r="H20" s="685"/>
      <c r="I20" s="685"/>
      <c r="J20" s="685"/>
      <c r="K20" s="685"/>
      <c r="L20" s="685"/>
      <c r="M20" s="685"/>
      <c r="N20" s="685"/>
      <c r="O20" s="685"/>
      <c r="P20" s="685"/>
      <c r="Q20" s="685"/>
      <c r="R20" s="685"/>
      <c r="S20" s="685"/>
      <c r="T20" s="685"/>
      <c r="U20" s="685"/>
      <c r="V20" s="2970"/>
      <c r="W20" s="2957"/>
      <c r="X20" s="2957"/>
      <c r="Y20" s="2971"/>
      <c r="Z20" s="685"/>
      <c r="AA20" s="685"/>
      <c r="AB20" s="685"/>
    </row>
    <row r="21" spans="1:28" ht="18.75" customHeight="1" x14ac:dyDescent="0.2">
      <c r="A21" s="685"/>
      <c r="B21" s="684"/>
      <c r="C21" s="685"/>
      <c r="D21" s="2975" t="s">
        <v>1111</v>
      </c>
      <c r="E21" s="2961"/>
      <c r="F21" s="2961"/>
      <c r="G21" s="2961"/>
      <c r="H21" s="2961"/>
      <c r="I21" s="2961"/>
      <c r="J21" s="2962"/>
      <c r="K21" s="693" t="s">
        <v>1112</v>
      </c>
      <c r="L21" s="694"/>
      <c r="M21" s="694"/>
      <c r="N21" s="694"/>
      <c r="O21" s="695" t="s">
        <v>69</v>
      </c>
      <c r="P21" s="693" t="s">
        <v>1113</v>
      </c>
      <c r="Q21" s="694"/>
      <c r="R21" s="694"/>
      <c r="S21" s="694"/>
      <c r="T21" s="695" t="s">
        <v>69</v>
      </c>
      <c r="U21" s="685"/>
      <c r="V21" s="2970"/>
      <c r="W21" s="2957"/>
      <c r="X21" s="2957"/>
      <c r="Y21" s="2971"/>
      <c r="Z21" s="685"/>
      <c r="AA21" s="685"/>
      <c r="AB21" s="685"/>
    </row>
    <row r="22" spans="1:28" ht="7.5" customHeight="1" x14ac:dyDescent="0.2">
      <c r="A22" s="685"/>
      <c r="B22" s="684"/>
      <c r="C22" s="685"/>
      <c r="D22" s="685"/>
      <c r="E22" s="685"/>
      <c r="F22" s="685"/>
      <c r="G22" s="685"/>
      <c r="H22" s="685"/>
      <c r="I22" s="685"/>
      <c r="J22" s="685"/>
      <c r="K22" s="685"/>
      <c r="L22" s="685"/>
      <c r="M22" s="685"/>
      <c r="N22" s="685"/>
      <c r="O22" s="685"/>
      <c r="P22" s="685"/>
      <c r="Q22" s="685"/>
      <c r="R22" s="685"/>
      <c r="S22" s="696"/>
      <c r="T22" s="696"/>
      <c r="U22" s="685"/>
      <c r="V22" s="2970"/>
      <c r="W22" s="2957"/>
      <c r="X22" s="2957"/>
      <c r="Y22" s="2971"/>
      <c r="Z22" s="685"/>
      <c r="AA22" s="685"/>
      <c r="AB22" s="685"/>
    </row>
    <row r="23" spans="1:28" ht="18.75" customHeight="1" x14ac:dyDescent="0.2">
      <c r="A23" s="685"/>
      <c r="B23" s="684"/>
      <c r="C23" s="685"/>
      <c r="D23" s="2976" t="s">
        <v>1114</v>
      </c>
      <c r="E23" s="2977"/>
      <c r="F23" s="2977"/>
      <c r="G23" s="2977"/>
      <c r="H23" s="2977"/>
      <c r="I23" s="2977"/>
      <c r="J23" s="2978"/>
      <c r="K23" s="693" t="s">
        <v>1112</v>
      </c>
      <c r="L23" s="694"/>
      <c r="M23" s="694"/>
      <c r="N23" s="694"/>
      <c r="O23" s="695" t="s">
        <v>69</v>
      </c>
      <c r="P23" s="693" t="s">
        <v>1113</v>
      </c>
      <c r="Q23" s="694"/>
      <c r="R23" s="694"/>
      <c r="S23" s="694"/>
      <c r="T23" s="695" t="s">
        <v>69</v>
      </c>
      <c r="U23" s="685"/>
      <c r="V23" s="2970"/>
      <c r="W23" s="2957"/>
      <c r="X23" s="2957"/>
      <c r="Y23" s="2971"/>
      <c r="Z23" s="685"/>
      <c r="AA23" s="685"/>
      <c r="AB23" s="685"/>
    </row>
    <row r="24" spans="1:28" ht="7.5" customHeight="1" x14ac:dyDescent="0.2">
      <c r="A24" s="685"/>
      <c r="B24" s="684"/>
      <c r="C24" s="685"/>
      <c r="D24" s="685"/>
      <c r="E24" s="685"/>
      <c r="F24" s="685"/>
      <c r="G24" s="685"/>
      <c r="H24" s="685"/>
      <c r="I24" s="685"/>
      <c r="J24" s="685"/>
      <c r="K24" s="685"/>
      <c r="L24" s="685"/>
      <c r="M24" s="685"/>
      <c r="N24" s="685"/>
      <c r="O24" s="685"/>
      <c r="P24" s="685"/>
      <c r="Q24" s="685"/>
      <c r="R24" s="685"/>
      <c r="S24" s="685"/>
      <c r="T24" s="685"/>
      <c r="U24" s="685"/>
      <c r="V24" s="2970"/>
      <c r="W24" s="2957"/>
      <c r="X24" s="2957"/>
      <c r="Y24" s="2971"/>
      <c r="Z24" s="685"/>
      <c r="AA24" s="685"/>
      <c r="AB24" s="685"/>
    </row>
    <row r="25" spans="1:28" ht="18.75" customHeight="1" x14ac:dyDescent="0.2">
      <c r="A25" s="685"/>
      <c r="B25" s="684"/>
      <c r="C25" s="685"/>
      <c r="D25" s="701" t="s">
        <v>1067</v>
      </c>
      <c r="E25" s="701"/>
      <c r="F25" s="701"/>
      <c r="G25" s="701"/>
      <c r="H25" s="701"/>
      <c r="I25" s="701"/>
      <c r="J25" s="701"/>
      <c r="K25" s="701"/>
      <c r="L25" s="701"/>
      <c r="M25" s="701"/>
      <c r="N25" s="701" t="s">
        <v>1066</v>
      </c>
      <c r="O25" s="701"/>
      <c r="P25" s="701"/>
      <c r="Q25" s="685"/>
      <c r="R25" s="685"/>
      <c r="S25" s="685"/>
      <c r="T25" s="685"/>
      <c r="U25" s="685"/>
      <c r="V25" s="2970"/>
      <c r="W25" s="2957"/>
      <c r="X25" s="2957"/>
      <c r="Y25" s="2971"/>
      <c r="Z25" s="685"/>
      <c r="AA25" s="685"/>
      <c r="AB25" s="685"/>
    </row>
    <row r="26" spans="1:28" ht="3" customHeight="1" x14ac:dyDescent="0.2">
      <c r="A26" s="685"/>
      <c r="B26" s="684"/>
      <c r="C26" s="685"/>
      <c r="D26" s="685"/>
      <c r="E26" s="685"/>
      <c r="F26" s="685"/>
      <c r="G26" s="685"/>
      <c r="H26" s="685"/>
      <c r="I26" s="685"/>
      <c r="J26" s="685"/>
      <c r="K26" s="685"/>
      <c r="L26" s="685"/>
      <c r="M26" s="685"/>
      <c r="N26" s="685"/>
      <c r="O26" s="685"/>
      <c r="P26" s="685"/>
      <c r="Q26" s="685"/>
      <c r="R26" s="685"/>
      <c r="S26" s="685"/>
      <c r="T26" s="685"/>
      <c r="U26" s="685"/>
      <c r="V26" s="2970"/>
      <c r="W26" s="2957"/>
      <c r="X26" s="2957"/>
      <c r="Y26" s="2971"/>
      <c r="Z26" s="685"/>
      <c r="AA26" s="685"/>
      <c r="AB26" s="685"/>
    </row>
    <row r="27" spans="1:28" ht="18.75" customHeight="1" x14ac:dyDescent="0.2">
      <c r="A27" s="685"/>
      <c r="B27" s="684"/>
      <c r="C27" s="685"/>
      <c r="D27" s="2975" t="s">
        <v>1111</v>
      </c>
      <c r="E27" s="2961"/>
      <c r="F27" s="2961"/>
      <c r="G27" s="2961"/>
      <c r="H27" s="2961"/>
      <c r="I27" s="2961"/>
      <c r="J27" s="2962"/>
      <c r="K27" s="693" t="s">
        <v>1112</v>
      </c>
      <c r="L27" s="694"/>
      <c r="M27" s="694"/>
      <c r="N27" s="694"/>
      <c r="O27" s="695" t="s">
        <v>69</v>
      </c>
      <c r="P27" s="693" t="s">
        <v>1113</v>
      </c>
      <c r="Q27" s="694"/>
      <c r="R27" s="694"/>
      <c r="S27" s="694"/>
      <c r="T27" s="695" t="s">
        <v>69</v>
      </c>
      <c r="U27" s="685"/>
      <c r="V27" s="2970"/>
      <c r="W27" s="2957"/>
      <c r="X27" s="2957"/>
      <c r="Y27" s="2971"/>
      <c r="Z27" s="685"/>
      <c r="AA27" s="685"/>
      <c r="AB27" s="685"/>
    </row>
    <row r="28" spans="1:28" ht="7.5" customHeight="1" x14ac:dyDescent="0.2">
      <c r="A28" s="685"/>
      <c r="B28" s="684"/>
      <c r="C28" s="685"/>
      <c r="D28" s="685"/>
      <c r="E28" s="685"/>
      <c r="F28" s="685"/>
      <c r="G28" s="685"/>
      <c r="H28" s="685"/>
      <c r="I28" s="685"/>
      <c r="J28" s="685"/>
      <c r="K28" s="685"/>
      <c r="L28" s="685"/>
      <c r="M28" s="685"/>
      <c r="N28" s="685"/>
      <c r="O28" s="685"/>
      <c r="P28" s="685"/>
      <c r="Q28" s="685"/>
      <c r="R28" s="685"/>
      <c r="S28" s="696"/>
      <c r="T28" s="696"/>
      <c r="U28" s="685"/>
      <c r="V28" s="2970"/>
      <c r="W28" s="2957"/>
      <c r="X28" s="2957"/>
      <c r="Y28" s="2971"/>
      <c r="Z28" s="685"/>
      <c r="AA28" s="685"/>
      <c r="AB28" s="685"/>
    </row>
    <row r="29" spans="1:28" ht="18.75" customHeight="1" x14ac:dyDescent="0.2">
      <c r="A29" s="685"/>
      <c r="B29" s="684"/>
      <c r="C29" s="685"/>
      <c r="D29" s="2976" t="s">
        <v>1114</v>
      </c>
      <c r="E29" s="2977"/>
      <c r="F29" s="2977"/>
      <c r="G29" s="2977"/>
      <c r="H29" s="2977"/>
      <c r="I29" s="2977"/>
      <c r="J29" s="2978"/>
      <c r="K29" s="693" t="s">
        <v>1112</v>
      </c>
      <c r="L29" s="694"/>
      <c r="M29" s="694"/>
      <c r="N29" s="694"/>
      <c r="O29" s="695" t="s">
        <v>69</v>
      </c>
      <c r="P29" s="693" t="s">
        <v>1113</v>
      </c>
      <c r="Q29" s="694"/>
      <c r="R29" s="694"/>
      <c r="S29" s="694"/>
      <c r="T29" s="695" t="s">
        <v>69</v>
      </c>
      <c r="U29" s="685"/>
      <c r="V29" s="2970"/>
      <c r="W29" s="2957"/>
      <c r="X29" s="2957"/>
      <c r="Y29" s="2971"/>
      <c r="Z29" s="685"/>
      <c r="AA29" s="685"/>
      <c r="AB29" s="685"/>
    </row>
    <row r="30" spans="1:28" ht="18.75" customHeight="1" x14ac:dyDescent="0.2">
      <c r="A30" s="685"/>
      <c r="B30" s="684"/>
      <c r="C30" s="685"/>
      <c r="D30" s="685" t="s">
        <v>1115</v>
      </c>
      <c r="E30" s="685"/>
      <c r="F30" s="685"/>
      <c r="G30" s="685"/>
      <c r="H30" s="685"/>
      <c r="I30" s="685"/>
      <c r="J30" s="685"/>
      <c r="K30" s="685"/>
      <c r="L30" s="685"/>
      <c r="M30" s="685"/>
      <c r="N30" s="685"/>
      <c r="O30" s="685"/>
      <c r="P30" s="685"/>
      <c r="Q30" s="685"/>
      <c r="R30" s="685"/>
      <c r="S30" s="685"/>
      <c r="T30" s="685"/>
      <c r="U30" s="685"/>
      <c r="V30" s="2970"/>
      <c r="W30" s="2957"/>
      <c r="X30" s="2957"/>
      <c r="Y30" s="2971"/>
      <c r="Z30" s="685"/>
      <c r="AA30" s="685"/>
      <c r="AB30" s="685"/>
    </row>
    <row r="31" spans="1:28" ht="18.75" customHeight="1" x14ac:dyDescent="0.2">
      <c r="A31" s="685"/>
      <c r="B31" s="697"/>
      <c r="C31" s="698"/>
      <c r="D31" s="698" t="s">
        <v>1147</v>
      </c>
      <c r="E31" s="698"/>
      <c r="F31" s="698"/>
      <c r="G31" s="698"/>
      <c r="H31" s="698"/>
      <c r="I31" s="698"/>
      <c r="J31" s="698"/>
      <c r="K31" s="698"/>
      <c r="L31" s="698"/>
      <c r="M31" s="698"/>
      <c r="N31" s="698"/>
      <c r="O31" s="698"/>
      <c r="P31" s="698"/>
      <c r="Q31" s="698"/>
      <c r="R31" s="698"/>
      <c r="S31" s="698"/>
      <c r="T31" s="698"/>
      <c r="U31" s="698"/>
      <c r="V31" s="2972"/>
      <c r="W31" s="2973"/>
      <c r="X31" s="2973"/>
      <c r="Y31" s="2974"/>
      <c r="Z31" s="685"/>
      <c r="AA31" s="685"/>
      <c r="AB31" s="685"/>
    </row>
    <row r="32" spans="1:28" ht="18.75" customHeight="1" x14ac:dyDescent="0.2">
      <c r="A32" s="685"/>
      <c r="B32" s="684"/>
      <c r="C32" s="685" t="s">
        <v>1116</v>
      </c>
      <c r="D32" s="685"/>
      <c r="E32" s="685"/>
      <c r="F32" s="685"/>
      <c r="G32" s="685"/>
      <c r="H32" s="685"/>
      <c r="I32" s="685"/>
      <c r="J32" s="685"/>
      <c r="K32" s="685"/>
      <c r="L32" s="685"/>
      <c r="M32" s="685"/>
      <c r="N32" s="685"/>
      <c r="O32" s="685"/>
      <c r="P32" s="685"/>
      <c r="Q32" s="685"/>
      <c r="R32" s="685"/>
      <c r="S32" s="685"/>
      <c r="T32" s="685"/>
      <c r="U32" s="685"/>
      <c r="V32" s="2979" t="s">
        <v>1108</v>
      </c>
      <c r="W32" s="2980"/>
      <c r="X32" s="2980"/>
      <c r="Y32" s="2981"/>
      <c r="Z32" s="685"/>
      <c r="AA32" s="685"/>
      <c r="AB32" s="685"/>
    </row>
    <row r="33" spans="1:28" ht="18.75" customHeight="1" x14ac:dyDescent="0.2">
      <c r="A33" s="685"/>
      <c r="B33" s="684"/>
      <c r="C33" s="685" t="s">
        <v>1148</v>
      </c>
      <c r="D33" s="685"/>
      <c r="E33" s="685"/>
      <c r="F33" s="685"/>
      <c r="G33" s="685"/>
      <c r="H33" s="685"/>
      <c r="I33" s="685"/>
      <c r="J33" s="685"/>
      <c r="K33" s="685"/>
      <c r="L33" s="685"/>
      <c r="M33" s="685"/>
      <c r="N33" s="685"/>
      <c r="O33" s="685"/>
      <c r="P33" s="685"/>
      <c r="Q33" s="685"/>
      <c r="R33" s="685"/>
      <c r="S33" s="685"/>
      <c r="T33" s="685"/>
      <c r="U33" s="685"/>
      <c r="V33" s="2970"/>
      <c r="W33" s="2957"/>
      <c r="X33" s="2957"/>
      <c r="Y33" s="2971"/>
      <c r="Z33" s="685"/>
      <c r="AA33" s="685"/>
      <c r="AB33" s="685"/>
    </row>
    <row r="34" spans="1:28" ht="18.75" customHeight="1" x14ac:dyDescent="0.2">
      <c r="A34" s="685"/>
      <c r="B34" s="684"/>
      <c r="C34" s="685"/>
      <c r="D34" s="685" t="s">
        <v>1149</v>
      </c>
      <c r="E34" s="685"/>
      <c r="F34" s="685"/>
      <c r="G34" s="685"/>
      <c r="H34" s="685"/>
      <c r="I34" s="685"/>
      <c r="J34" s="685"/>
      <c r="K34" s="685"/>
      <c r="L34" s="685"/>
      <c r="M34" s="685"/>
      <c r="N34" s="685"/>
      <c r="O34" s="685"/>
      <c r="P34" s="685"/>
      <c r="Q34" s="685"/>
      <c r="R34" s="685"/>
      <c r="S34" s="685"/>
      <c r="T34" s="685"/>
      <c r="U34" s="685"/>
      <c r="V34" s="2982"/>
      <c r="W34" s="2983"/>
      <c r="X34" s="2983"/>
      <c r="Y34" s="2984"/>
      <c r="Z34" s="685"/>
      <c r="AA34" s="685"/>
      <c r="AB34" s="685"/>
    </row>
    <row r="35" spans="1:28" ht="18.75" customHeight="1" x14ac:dyDescent="0.2">
      <c r="A35" s="685"/>
      <c r="B35" s="691"/>
      <c r="C35" s="692" t="s">
        <v>1150</v>
      </c>
      <c r="D35" s="692"/>
      <c r="E35" s="692"/>
      <c r="F35" s="692"/>
      <c r="G35" s="692"/>
      <c r="H35" s="692"/>
      <c r="I35" s="692"/>
      <c r="J35" s="692"/>
      <c r="K35" s="692"/>
      <c r="L35" s="692"/>
      <c r="M35" s="692"/>
      <c r="N35" s="692"/>
      <c r="O35" s="692"/>
      <c r="P35" s="692"/>
      <c r="Q35" s="692"/>
      <c r="R35" s="692"/>
      <c r="S35" s="692"/>
      <c r="T35" s="692"/>
      <c r="U35" s="692"/>
      <c r="V35" s="2963" t="s">
        <v>1151</v>
      </c>
      <c r="W35" s="2964"/>
      <c r="X35" s="2964"/>
      <c r="Y35" s="2965"/>
      <c r="Z35" s="685"/>
      <c r="AA35" s="685"/>
      <c r="AB35" s="685"/>
    </row>
    <row r="36" spans="1:28" ht="18.75" customHeight="1" x14ac:dyDescent="0.2">
      <c r="A36" s="685"/>
      <c r="B36" s="693"/>
      <c r="C36" s="694" t="s">
        <v>1152</v>
      </c>
      <c r="D36" s="694"/>
      <c r="E36" s="694"/>
      <c r="F36" s="694"/>
      <c r="G36" s="694"/>
      <c r="H36" s="694"/>
      <c r="I36" s="694"/>
      <c r="J36" s="694"/>
      <c r="K36" s="694"/>
      <c r="L36" s="694"/>
      <c r="M36" s="694"/>
      <c r="N36" s="694"/>
      <c r="O36" s="694"/>
      <c r="P36" s="694"/>
      <c r="Q36" s="694"/>
      <c r="R36" s="694"/>
      <c r="S36" s="694"/>
      <c r="T36" s="694"/>
      <c r="U36" s="694"/>
      <c r="V36" s="2975" t="s">
        <v>1153</v>
      </c>
      <c r="W36" s="2961"/>
      <c r="X36" s="2961"/>
      <c r="Y36" s="2962"/>
      <c r="Z36" s="685"/>
      <c r="AA36" s="685"/>
      <c r="AB36" s="685"/>
    </row>
    <row r="37" spans="1:28" ht="18.75" customHeight="1" x14ac:dyDescent="0.2">
      <c r="A37" s="685"/>
      <c r="B37" s="684"/>
      <c r="C37" s="685" t="s">
        <v>1154</v>
      </c>
      <c r="D37" s="685"/>
      <c r="E37" s="685"/>
      <c r="F37" s="685"/>
      <c r="G37" s="685"/>
      <c r="H37" s="685"/>
      <c r="I37" s="685"/>
      <c r="J37" s="685"/>
      <c r="K37" s="685"/>
      <c r="L37" s="685"/>
      <c r="M37" s="685"/>
      <c r="N37" s="685"/>
      <c r="O37" s="685"/>
      <c r="P37" s="685"/>
      <c r="Q37" s="685"/>
      <c r="R37" s="685"/>
      <c r="S37" s="685"/>
      <c r="T37" s="685"/>
      <c r="U37" s="685"/>
      <c r="V37" s="2982" t="s">
        <v>1151</v>
      </c>
      <c r="W37" s="2983"/>
      <c r="X37" s="2983"/>
      <c r="Y37" s="2984"/>
      <c r="Z37" s="685"/>
      <c r="AA37" s="685"/>
      <c r="AB37" s="685"/>
    </row>
    <row r="38" spans="1:28" ht="18.75" customHeight="1" x14ac:dyDescent="0.2">
      <c r="A38" s="685"/>
      <c r="B38" s="691"/>
      <c r="C38" s="692" t="s">
        <v>1155</v>
      </c>
      <c r="D38" s="692"/>
      <c r="E38" s="692"/>
      <c r="F38" s="692"/>
      <c r="G38" s="692"/>
      <c r="H38" s="692"/>
      <c r="I38" s="692"/>
      <c r="J38" s="692"/>
      <c r="K38" s="692"/>
      <c r="L38" s="692"/>
      <c r="M38" s="692"/>
      <c r="N38" s="692"/>
      <c r="O38" s="692"/>
      <c r="P38" s="692"/>
      <c r="Q38" s="692"/>
      <c r="R38" s="692"/>
      <c r="S38" s="692"/>
      <c r="T38" s="692"/>
      <c r="U38" s="692"/>
      <c r="V38" s="2963" t="s">
        <v>1117</v>
      </c>
      <c r="W38" s="2964"/>
      <c r="X38" s="2964"/>
      <c r="Y38" s="2965"/>
      <c r="Z38" s="685"/>
      <c r="AA38" s="685"/>
      <c r="AB38" s="685"/>
    </row>
    <row r="39" spans="1:28" ht="18.75" customHeight="1" x14ac:dyDescent="0.2">
      <c r="A39" s="685"/>
      <c r="B39" s="693"/>
      <c r="C39" s="694" t="s">
        <v>1156</v>
      </c>
      <c r="D39" s="694"/>
      <c r="E39" s="694"/>
      <c r="F39" s="694"/>
      <c r="G39" s="694"/>
      <c r="H39" s="694"/>
      <c r="I39" s="694"/>
      <c r="J39" s="694"/>
      <c r="K39" s="694"/>
      <c r="L39" s="694"/>
      <c r="M39" s="694"/>
      <c r="N39" s="694"/>
      <c r="O39" s="694"/>
      <c r="P39" s="694"/>
      <c r="Q39" s="694"/>
      <c r="R39" s="694"/>
      <c r="S39" s="694"/>
      <c r="T39" s="694"/>
      <c r="U39" s="694"/>
      <c r="V39" s="2975" t="s">
        <v>1117</v>
      </c>
      <c r="W39" s="2961"/>
      <c r="X39" s="2961"/>
      <c r="Y39" s="2962"/>
      <c r="Z39" s="685"/>
      <c r="AA39" s="685"/>
      <c r="AB39" s="685"/>
    </row>
    <row r="40" spans="1:28" ht="18.75" customHeight="1" x14ac:dyDescent="0.2">
      <c r="A40" s="685"/>
      <c r="B40" s="691"/>
      <c r="C40" s="692" t="s">
        <v>1157</v>
      </c>
      <c r="D40" s="692"/>
      <c r="E40" s="692"/>
      <c r="F40" s="692"/>
      <c r="G40" s="692"/>
      <c r="H40" s="692"/>
      <c r="I40" s="692"/>
      <c r="J40" s="692"/>
      <c r="K40" s="692"/>
      <c r="L40" s="692"/>
      <c r="M40" s="692"/>
      <c r="N40" s="692"/>
      <c r="O40" s="692"/>
      <c r="P40" s="692"/>
      <c r="Q40" s="692"/>
      <c r="R40" s="692"/>
      <c r="S40" s="692"/>
      <c r="T40" s="692"/>
      <c r="U40" s="692"/>
      <c r="V40" s="2963" t="s">
        <v>1108</v>
      </c>
      <c r="W40" s="2964"/>
      <c r="X40" s="2964"/>
      <c r="Y40" s="2965"/>
      <c r="Z40" s="685"/>
      <c r="AA40" s="685"/>
      <c r="AB40" s="685"/>
    </row>
    <row r="41" spans="1:28" ht="18.75" customHeight="1" x14ac:dyDescent="0.2">
      <c r="A41" s="685"/>
      <c r="B41" s="700"/>
      <c r="C41" s="701" t="s">
        <v>949</v>
      </c>
      <c r="D41" s="701"/>
      <c r="E41" s="701"/>
      <c r="F41" s="701"/>
      <c r="G41" s="701"/>
      <c r="H41" s="701"/>
      <c r="I41" s="701"/>
      <c r="J41" s="701"/>
      <c r="K41" s="701"/>
      <c r="L41" s="701"/>
      <c r="M41" s="701"/>
      <c r="N41" s="701"/>
      <c r="O41" s="701"/>
      <c r="P41" s="701"/>
      <c r="Q41" s="701"/>
      <c r="R41" s="701"/>
      <c r="S41" s="701"/>
      <c r="T41" s="701"/>
      <c r="U41" s="701"/>
      <c r="V41" s="2982"/>
      <c r="W41" s="2983"/>
      <c r="X41" s="2983"/>
      <c r="Y41" s="2984"/>
      <c r="Z41" s="685"/>
      <c r="AA41" s="685"/>
      <c r="AB41" s="685"/>
    </row>
    <row r="42" spans="1:28" ht="18.75" customHeight="1" x14ac:dyDescent="0.2">
      <c r="A42" s="685"/>
      <c r="B42" s="691"/>
      <c r="C42" s="692" t="s">
        <v>1158</v>
      </c>
      <c r="D42" s="692"/>
      <c r="E42" s="692"/>
      <c r="F42" s="692"/>
      <c r="G42" s="692"/>
      <c r="H42" s="692"/>
      <c r="I42" s="692"/>
      <c r="J42" s="692"/>
      <c r="K42" s="692"/>
      <c r="L42" s="692"/>
      <c r="M42" s="692"/>
      <c r="N42" s="692"/>
      <c r="O42" s="692"/>
      <c r="P42" s="692"/>
      <c r="Q42" s="692"/>
      <c r="R42" s="692"/>
      <c r="S42" s="692"/>
      <c r="T42" s="692"/>
      <c r="U42" s="692"/>
      <c r="V42" s="2963" t="s">
        <v>1117</v>
      </c>
      <c r="W42" s="2964"/>
      <c r="X42" s="2964"/>
      <c r="Y42" s="2965"/>
      <c r="Z42" s="685"/>
      <c r="AA42" s="685"/>
      <c r="AB42" s="685"/>
    </row>
    <row r="43" spans="1:28" ht="18.75" customHeight="1" x14ac:dyDescent="0.2">
      <c r="A43" s="685"/>
      <c r="B43" s="691"/>
      <c r="C43" s="692" t="s">
        <v>1159</v>
      </c>
      <c r="D43" s="692"/>
      <c r="E43" s="692"/>
      <c r="F43" s="692"/>
      <c r="G43" s="692"/>
      <c r="H43" s="692"/>
      <c r="I43" s="692"/>
      <c r="J43" s="692"/>
      <c r="K43" s="692"/>
      <c r="L43" s="692"/>
      <c r="M43" s="692"/>
      <c r="N43" s="692"/>
      <c r="O43" s="692"/>
      <c r="P43" s="692"/>
      <c r="Q43" s="692"/>
      <c r="R43" s="692"/>
      <c r="S43" s="692"/>
      <c r="T43" s="692"/>
      <c r="U43" s="692"/>
      <c r="V43" s="2963" t="s">
        <v>1160</v>
      </c>
      <c r="W43" s="2964"/>
      <c r="X43" s="2964"/>
      <c r="Y43" s="2965"/>
      <c r="Z43" s="685"/>
      <c r="AA43" s="685"/>
      <c r="AB43" s="685"/>
    </row>
    <row r="44" spans="1:28" ht="18.75" customHeight="1" x14ac:dyDescent="0.2">
      <c r="A44" s="685"/>
      <c r="B44" s="691"/>
      <c r="C44" s="692" t="s">
        <v>1161</v>
      </c>
      <c r="D44" s="692"/>
      <c r="E44" s="692"/>
      <c r="F44" s="692"/>
      <c r="G44" s="692"/>
      <c r="H44" s="692"/>
      <c r="I44" s="692"/>
      <c r="J44" s="692"/>
      <c r="K44" s="692"/>
      <c r="L44" s="692"/>
      <c r="M44" s="692"/>
      <c r="N44" s="692"/>
      <c r="O44" s="692"/>
      <c r="P44" s="692"/>
      <c r="Q44" s="692"/>
      <c r="R44" s="692"/>
      <c r="S44" s="692"/>
      <c r="T44" s="692"/>
      <c r="U44" s="702"/>
      <c r="V44" s="2963" t="s">
        <v>1160</v>
      </c>
      <c r="W44" s="2964"/>
      <c r="X44" s="2964"/>
      <c r="Y44" s="2965"/>
      <c r="Z44" s="685"/>
      <c r="AA44" s="685"/>
      <c r="AB44" s="685"/>
    </row>
    <row r="45" spans="1:28" ht="18.75" customHeight="1" x14ac:dyDescent="0.2">
      <c r="A45" s="685"/>
      <c r="B45" s="691"/>
      <c r="C45" s="692" t="s">
        <v>1162</v>
      </c>
      <c r="D45" s="692"/>
      <c r="E45" s="692"/>
      <c r="F45" s="692"/>
      <c r="G45" s="692"/>
      <c r="H45" s="692"/>
      <c r="I45" s="692"/>
      <c r="J45" s="692"/>
      <c r="K45" s="692"/>
      <c r="L45" s="692"/>
      <c r="M45" s="692"/>
      <c r="N45" s="692"/>
      <c r="O45" s="692"/>
      <c r="P45" s="692"/>
      <c r="Q45" s="692"/>
      <c r="R45" s="692"/>
      <c r="S45" s="692"/>
      <c r="T45" s="692"/>
      <c r="U45" s="702"/>
      <c r="V45" s="2963" t="s">
        <v>1108</v>
      </c>
      <c r="W45" s="2964"/>
      <c r="X45" s="2964"/>
      <c r="Y45" s="2965"/>
      <c r="Z45" s="685"/>
      <c r="AA45" s="685"/>
      <c r="AB45" s="685"/>
    </row>
    <row r="46" spans="1:28" ht="18.75" customHeight="1" x14ac:dyDescent="0.2">
      <c r="A46" s="685"/>
      <c r="B46" s="684"/>
      <c r="C46" s="685" t="s">
        <v>1163</v>
      </c>
      <c r="D46" s="685"/>
      <c r="E46" s="685"/>
      <c r="F46" s="685"/>
      <c r="G46" s="685"/>
      <c r="H46" s="685"/>
      <c r="I46" s="685"/>
      <c r="J46" s="685"/>
      <c r="K46" s="685"/>
      <c r="L46" s="685"/>
      <c r="M46" s="685"/>
      <c r="N46" s="685"/>
      <c r="O46" s="685"/>
      <c r="P46" s="685"/>
      <c r="Q46" s="685"/>
      <c r="R46" s="685"/>
      <c r="S46" s="685"/>
      <c r="T46" s="685"/>
      <c r="U46" s="704"/>
      <c r="V46" s="2970"/>
      <c r="W46" s="2957"/>
      <c r="X46" s="2957"/>
      <c r="Y46" s="2971"/>
      <c r="Z46" s="685"/>
      <c r="AA46" s="685"/>
      <c r="AB46" s="685"/>
    </row>
    <row r="47" spans="1:28" ht="18.75" customHeight="1" x14ac:dyDescent="0.2">
      <c r="A47" s="685"/>
      <c r="B47" s="684"/>
      <c r="C47" s="685" t="s">
        <v>1164</v>
      </c>
      <c r="D47" s="685"/>
      <c r="E47" s="685"/>
      <c r="F47" s="685"/>
      <c r="G47" s="685"/>
      <c r="H47" s="685"/>
      <c r="I47" s="685"/>
      <c r="J47" s="685"/>
      <c r="K47" s="685"/>
      <c r="L47" s="685"/>
      <c r="M47" s="685"/>
      <c r="N47" s="685"/>
      <c r="O47" s="685"/>
      <c r="P47" s="685"/>
      <c r="Q47" s="685"/>
      <c r="R47" s="685"/>
      <c r="S47" s="685"/>
      <c r="T47" s="685"/>
      <c r="U47" s="704"/>
      <c r="V47" s="2970"/>
      <c r="W47" s="2957"/>
      <c r="X47" s="2957"/>
      <c r="Y47" s="2971"/>
      <c r="Z47" s="685"/>
      <c r="AA47" s="685"/>
      <c r="AB47" s="685"/>
    </row>
    <row r="48" spans="1:28" ht="18.75" customHeight="1" x14ac:dyDescent="0.2">
      <c r="A48" s="685"/>
      <c r="B48" s="693"/>
      <c r="C48" s="694" t="s">
        <v>1165</v>
      </c>
      <c r="D48" s="694"/>
      <c r="E48" s="694"/>
      <c r="F48" s="694"/>
      <c r="G48" s="694"/>
      <c r="H48" s="694"/>
      <c r="I48" s="694"/>
      <c r="J48" s="694"/>
      <c r="K48" s="694"/>
      <c r="L48" s="694"/>
      <c r="M48" s="694"/>
      <c r="N48" s="694"/>
      <c r="O48" s="694"/>
      <c r="P48" s="694"/>
      <c r="Q48" s="694"/>
      <c r="R48" s="694"/>
      <c r="S48" s="694"/>
      <c r="T48" s="694"/>
      <c r="U48" s="694"/>
      <c r="V48" s="2975" t="s">
        <v>1117</v>
      </c>
      <c r="W48" s="2961"/>
      <c r="X48" s="2961"/>
      <c r="Y48" s="2962"/>
      <c r="Z48" s="685"/>
      <c r="AA48" s="685"/>
      <c r="AB48" s="685"/>
    </row>
    <row r="49" spans="1:28" ht="18.75" customHeight="1" x14ac:dyDescent="0.2">
      <c r="A49" s="704"/>
      <c r="B49" s="684"/>
      <c r="C49" s="685" t="s">
        <v>1166</v>
      </c>
      <c r="D49" s="685"/>
      <c r="E49" s="685"/>
      <c r="F49" s="685"/>
      <c r="G49" s="685"/>
      <c r="H49" s="685"/>
      <c r="I49" s="685"/>
      <c r="J49" s="685"/>
      <c r="K49" s="685"/>
      <c r="L49" s="685"/>
      <c r="M49" s="685"/>
      <c r="N49" s="685"/>
      <c r="O49" s="685"/>
      <c r="P49" s="685"/>
      <c r="Q49" s="685"/>
      <c r="R49" s="685"/>
      <c r="S49" s="685"/>
      <c r="T49" s="685"/>
      <c r="U49" s="704"/>
      <c r="V49" s="2963" t="s">
        <v>1167</v>
      </c>
      <c r="W49" s="2964"/>
      <c r="X49" s="2964"/>
      <c r="Y49" s="2965"/>
      <c r="Z49" s="685"/>
      <c r="AA49" s="685"/>
      <c r="AB49" s="685"/>
    </row>
    <row r="50" spans="1:28" ht="18.75" customHeight="1" x14ac:dyDescent="0.2">
      <c r="A50" s="704"/>
      <c r="B50" s="684"/>
      <c r="C50" s="685" t="s">
        <v>1168</v>
      </c>
      <c r="D50" s="685"/>
      <c r="E50" s="685"/>
      <c r="F50" s="685"/>
      <c r="G50" s="685"/>
      <c r="H50" s="685"/>
      <c r="I50" s="685"/>
      <c r="J50" s="685"/>
      <c r="K50" s="685"/>
      <c r="L50" s="685"/>
      <c r="M50" s="685"/>
      <c r="N50" s="685"/>
      <c r="O50" s="685"/>
      <c r="P50" s="685"/>
      <c r="Q50" s="685"/>
      <c r="R50" s="685"/>
      <c r="S50" s="685"/>
      <c r="T50" s="685"/>
      <c r="U50" s="704"/>
      <c r="V50" s="2970"/>
      <c r="W50" s="2957"/>
      <c r="X50" s="2957"/>
      <c r="Y50" s="2971"/>
      <c r="Z50" s="685"/>
      <c r="AA50" s="685"/>
      <c r="AB50" s="685"/>
    </row>
    <row r="51" spans="1:28" ht="18.75" customHeight="1" x14ac:dyDescent="0.2">
      <c r="A51" s="704"/>
      <c r="B51" s="684"/>
      <c r="C51" s="685" t="s">
        <v>1169</v>
      </c>
      <c r="D51" s="685"/>
      <c r="E51" s="685"/>
      <c r="F51" s="685"/>
      <c r="G51" s="685"/>
      <c r="H51" s="685"/>
      <c r="I51" s="685"/>
      <c r="J51" s="685"/>
      <c r="K51" s="685"/>
      <c r="L51" s="685"/>
      <c r="M51" s="685"/>
      <c r="N51" s="685"/>
      <c r="O51" s="685"/>
      <c r="P51" s="685"/>
      <c r="Q51" s="685"/>
      <c r="R51" s="685"/>
      <c r="S51" s="685"/>
      <c r="T51" s="685"/>
      <c r="U51" s="704"/>
      <c r="V51" s="2970"/>
      <c r="W51" s="2957"/>
      <c r="X51" s="2957"/>
      <c r="Y51" s="2971"/>
      <c r="Z51" s="685"/>
      <c r="AA51" s="685"/>
      <c r="AB51" s="685"/>
    </row>
    <row r="52" spans="1:28" ht="18.75" customHeight="1" x14ac:dyDescent="0.2">
      <c r="A52" s="704"/>
      <c r="B52" s="684"/>
      <c r="C52" s="685" t="s">
        <v>1170</v>
      </c>
      <c r="D52" s="685"/>
      <c r="E52" s="685"/>
      <c r="F52" s="685"/>
      <c r="G52" s="685"/>
      <c r="H52" s="685"/>
      <c r="I52" s="685"/>
      <c r="J52" s="685"/>
      <c r="K52" s="685"/>
      <c r="L52" s="685"/>
      <c r="M52" s="685"/>
      <c r="N52" s="685"/>
      <c r="O52" s="685"/>
      <c r="P52" s="685"/>
      <c r="Q52" s="685"/>
      <c r="R52" s="685"/>
      <c r="S52" s="685"/>
      <c r="T52" s="685"/>
      <c r="U52" s="704"/>
      <c r="V52" s="2970"/>
      <c r="W52" s="2957"/>
      <c r="X52" s="2957"/>
      <c r="Y52" s="2971"/>
      <c r="Z52" s="685"/>
      <c r="AA52" s="685"/>
      <c r="AB52" s="685"/>
    </row>
    <row r="53" spans="1:28" ht="18.75" customHeight="1" x14ac:dyDescent="0.2">
      <c r="A53" s="704"/>
      <c r="B53" s="684"/>
      <c r="C53" s="685" t="s">
        <v>1171</v>
      </c>
      <c r="D53" s="685"/>
      <c r="E53" s="685"/>
      <c r="F53" s="685"/>
      <c r="G53" s="685"/>
      <c r="H53" s="685"/>
      <c r="I53" s="685"/>
      <c r="J53" s="685"/>
      <c r="K53" s="685"/>
      <c r="L53" s="685"/>
      <c r="M53" s="685"/>
      <c r="N53" s="685"/>
      <c r="O53" s="685"/>
      <c r="P53" s="685"/>
      <c r="Q53" s="685"/>
      <c r="R53" s="685"/>
      <c r="S53" s="685"/>
      <c r="T53" s="685"/>
      <c r="U53" s="685"/>
      <c r="V53" s="2970"/>
      <c r="W53" s="2957"/>
      <c r="X53" s="2957"/>
      <c r="Y53" s="2971"/>
      <c r="Z53" s="685"/>
      <c r="AA53" s="685"/>
      <c r="AB53" s="685"/>
    </row>
    <row r="54" spans="1:28" ht="18.75" customHeight="1" x14ac:dyDescent="0.2">
      <c r="A54" s="704"/>
      <c r="B54" s="701"/>
      <c r="C54" s="685"/>
      <c r="D54" s="685" t="s">
        <v>1172</v>
      </c>
      <c r="E54" s="685"/>
      <c r="F54" s="685"/>
      <c r="G54" s="685"/>
      <c r="H54" s="685"/>
      <c r="I54" s="685"/>
      <c r="J54" s="685"/>
      <c r="K54" s="685"/>
      <c r="L54" s="685"/>
      <c r="M54" s="685"/>
      <c r="N54" s="685"/>
      <c r="O54" s="685"/>
      <c r="P54" s="685"/>
      <c r="Q54" s="685"/>
      <c r="R54" s="685"/>
      <c r="S54" s="685"/>
      <c r="T54" s="685"/>
      <c r="U54" s="685"/>
      <c r="V54" s="2982"/>
      <c r="W54" s="2983"/>
      <c r="X54" s="2983"/>
      <c r="Y54" s="2984"/>
      <c r="Z54" s="685"/>
      <c r="AA54" s="685"/>
      <c r="AB54" s="685"/>
    </row>
    <row r="55" spans="1:28" ht="18.75" customHeight="1" x14ac:dyDescent="0.2">
      <c r="A55" s="704"/>
      <c r="B55" s="693"/>
      <c r="C55" s="694" t="s">
        <v>1173</v>
      </c>
      <c r="D55" s="694"/>
      <c r="E55" s="694"/>
      <c r="F55" s="694"/>
      <c r="G55" s="694"/>
      <c r="H55" s="694"/>
      <c r="I55" s="694"/>
      <c r="J55" s="694"/>
      <c r="K55" s="694"/>
      <c r="L55" s="694"/>
      <c r="M55" s="694"/>
      <c r="N55" s="694"/>
      <c r="O55" s="694"/>
      <c r="P55" s="694"/>
      <c r="Q55" s="694"/>
      <c r="R55" s="694"/>
      <c r="S55" s="694"/>
      <c r="T55" s="694"/>
      <c r="U55" s="694"/>
      <c r="V55" s="2975" t="s">
        <v>1167</v>
      </c>
      <c r="W55" s="2961"/>
      <c r="X55" s="2961"/>
      <c r="Y55" s="2962"/>
      <c r="Z55" s="685"/>
      <c r="AA55" s="685"/>
      <c r="AB55" s="685"/>
    </row>
    <row r="56" spans="1:28" ht="4.5" customHeight="1" x14ac:dyDescent="0.2">
      <c r="A56" s="685"/>
      <c r="B56" s="685"/>
      <c r="C56" s="685"/>
      <c r="D56" s="685"/>
      <c r="E56" s="685"/>
      <c r="F56" s="685"/>
      <c r="G56" s="685"/>
      <c r="H56" s="685"/>
      <c r="I56" s="685"/>
      <c r="J56" s="685"/>
      <c r="K56" s="685"/>
      <c r="L56" s="685"/>
      <c r="M56" s="685"/>
      <c r="N56" s="685"/>
      <c r="O56" s="685"/>
      <c r="P56" s="685"/>
      <c r="Q56" s="685"/>
      <c r="R56" s="685"/>
      <c r="S56" s="685"/>
      <c r="T56" s="685"/>
      <c r="U56" s="685"/>
      <c r="V56" s="685"/>
      <c r="W56" s="685"/>
      <c r="X56" s="685"/>
      <c r="Y56" s="685"/>
      <c r="Z56" s="685"/>
    </row>
    <row r="57" spans="1:28" ht="4.5" customHeight="1" x14ac:dyDescent="0.2">
      <c r="A57" s="685"/>
      <c r="B57" s="685"/>
      <c r="C57" s="685"/>
      <c r="D57" s="685"/>
      <c r="E57" s="685"/>
      <c r="F57" s="685"/>
      <c r="G57" s="685"/>
      <c r="H57" s="685"/>
      <c r="I57" s="685"/>
      <c r="J57" s="685"/>
      <c r="K57" s="685"/>
      <c r="L57" s="685"/>
      <c r="M57" s="685"/>
      <c r="N57" s="685"/>
      <c r="O57" s="685"/>
      <c r="P57" s="685"/>
      <c r="Q57" s="685"/>
      <c r="R57" s="685"/>
      <c r="S57" s="685"/>
      <c r="T57" s="685"/>
      <c r="U57" s="685"/>
      <c r="V57" s="685"/>
      <c r="W57" s="685"/>
      <c r="X57" s="685"/>
      <c r="Y57" s="685"/>
      <c r="Z57" s="685"/>
    </row>
    <row r="58" spans="1:28" ht="28.5" customHeight="1" x14ac:dyDescent="0.2">
      <c r="A58" s="685"/>
      <c r="B58" s="2985" t="s">
        <v>1174</v>
      </c>
      <c r="C58" s="2969"/>
      <c r="D58" s="2969"/>
      <c r="E58" s="2969"/>
      <c r="F58" s="2969"/>
      <c r="G58" s="2969"/>
      <c r="H58" s="2969"/>
      <c r="I58" s="2969"/>
      <c r="J58" s="2969"/>
      <c r="K58" s="2969"/>
      <c r="L58" s="2969"/>
      <c r="M58" s="2969"/>
      <c r="N58" s="2969"/>
      <c r="O58" s="2969"/>
      <c r="P58" s="2969"/>
      <c r="Q58" s="2969"/>
      <c r="R58" s="2969"/>
      <c r="S58" s="2969"/>
      <c r="T58" s="2969"/>
      <c r="U58" s="2969"/>
      <c r="V58" s="2969"/>
      <c r="W58" s="2969"/>
      <c r="X58" s="2969"/>
      <c r="Y58" s="2969"/>
      <c r="Z58" s="685"/>
    </row>
    <row r="59" spans="1:28" ht="30" customHeight="1" x14ac:dyDescent="0.2">
      <c r="A59" s="685"/>
      <c r="B59" s="2985" t="s">
        <v>1175</v>
      </c>
      <c r="C59" s="2969"/>
      <c r="D59" s="2969"/>
      <c r="E59" s="2969"/>
      <c r="F59" s="2969"/>
      <c r="G59" s="2969"/>
      <c r="H59" s="2969"/>
      <c r="I59" s="2969"/>
      <c r="J59" s="2969"/>
      <c r="K59" s="2969"/>
      <c r="L59" s="2969"/>
      <c r="M59" s="2969"/>
      <c r="N59" s="2969"/>
      <c r="O59" s="2969"/>
      <c r="P59" s="2969"/>
      <c r="Q59" s="2969"/>
      <c r="R59" s="2969"/>
      <c r="S59" s="2969"/>
      <c r="T59" s="2969"/>
      <c r="U59" s="2969"/>
      <c r="V59" s="2969"/>
      <c r="W59" s="2969"/>
      <c r="X59" s="2969"/>
      <c r="Y59" s="2969"/>
      <c r="Z59" s="685"/>
    </row>
    <row r="60" spans="1:28" x14ac:dyDescent="0.2">
      <c r="A60" s="685"/>
      <c r="Z60" s="685"/>
    </row>
    <row r="61" spans="1:28" x14ac:dyDescent="0.2">
      <c r="A61" s="685"/>
      <c r="B61" s="686" t="s">
        <v>1061</v>
      </c>
      <c r="Z61" s="685"/>
    </row>
    <row r="62" spans="1:28" x14ac:dyDescent="0.2">
      <c r="A62" s="685"/>
      <c r="C62" s="686" t="s">
        <v>1176</v>
      </c>
      <c r="Z62" s="685"/>
    </row>
    <row r="63" spans="1:28" x14ac:dyDescent="0.2">
      <c r="A63" s="685"/>
      <c r="C63" s="686" t="s">
        <v>1177</v>
      </c>
      <c r="Z63" s="685"/>
    </row>
    <row r="64" spans="1:28" x14ac:dyDescent="0.2">
      <c r="A64" s="685"/>
      <c r="C64" s="686" t="s">
        <v>1178</v>
      </c>
      <c r="Z64" s="685"/>
    </row>
    <row r="65" spans="1:26" x14ac:dyDescent="0.2">
      <c r="A65" s="685"/>
      <c r="C65" s="686" t="s">
        <v>1179</v>
      </c>
      <c r="Z65" s="685"/>
    </row>
    <row r="66" spans="1:26" x14ac:dyDescent="0.2">
      <c r="Z66" s="685"/>
    </row>
    <row r="67" spans="1:26" x14ac:dyDescent="0.2">
      <c r="Z67" s="685"/>
    </row>
    <row r="68" spans="1:26" x14ac:dyDescent="0.2">
      <c r="Z68" s="685"/>
    </row>
    <row r="69" spans="1:26" x14ac:dyDescent="0.2">
      <c r="Z69" s="685"/>
    </row>
    <row r="70" spans="1:26" x14ac:dyDescent="0.2">
      <c r="Z70" s="685"/>
    </row>
    <row r="71" spans="1:26" x14ac:dyDescent="0.2">
      <c r="Z71" s="685"/>
    </row>
    <row r="72" spans="1:26" x14ac:dyDescent="0.2">
      <c r="Z72" s="685"/>
    </row>
    <row r="73" spans="1:26" x14ac:dyDescent="0.2">
      <c r="Z73" s="685"/>
    </row>
    <row r="74" spans="1:26" x14ac:dyDescent="0.2">
      <c r="Z74" s="685"/>
    </row>
    <row r="75" spans="1:26" x14ac:dyDescent="0.2">
      <c r="Z75" s="685"/>
    </row>
    <row r="76" spans="1:26" x14ac:dyDescent="0.2">
      <c r="Z76" s="685"/>
    </row>
    <row r="77" spans="1:26" x14ac:dyDescent="0.2">
      <c r="Z77" s="685"/>
    </row>
    <row r="78" spans="1:26" x14ac:dyDescent="0.2">
      <c r="Z78" s="685"/>
    </row>
    <row r="79" spans="1:26" x14ac:dyDescent="0.2">
      <c r="Z79" s="685"/>
    </row>
    <row r="80" spans="1:26" x14ac:dyDescent="0.2">
      <c r="Z80" s="685"/>
    </row>
    <row r="81" spans="26:26" x14ac:dyDescent="0.2">
      <c r="Z81" s="685"/>
    </row>
    <row r="82" spans="26:26" x14ac:dyDescent="0.2">
      <c r="Z82" s="685"/>
    </row>
    <row r="83" spans="26:26" x14ac:dyDescent="0.2">
      <c r="Z83" s="685"/>
    </row>
    <row r="84" spans="26:26" x14ac:dyDescent="0.2">
      <c r="Z84" s="685"/>
    </row>
    <row r="85" spans="26:26" x14ac:dyDescent="0.2">
      <c r="Z85" s="685"/>
    </row>
    <row r="86" spans="26:26" x14ac:dyDescent="0.2">
      <c r="Z86" s="685"/>
    </row>
    <row r="87" spans="26:26" x14ac:dyDescent="0.2">
      <c r="Z87" s="685"/>
    </row>
    <row r="88" spans="26:26" x14ac:dyDescent="0.2">
      <c r="Z88" s="685"/>
    </row>
    <row r="89" spans="26:26" x14ac:dyDescent="0.2">
      <c r="Z89" s="685"/>
    </row>
    <row r="90" spans="26:26" x14ac:dyDescent="0.2">
      <c r="Z90" s="685"/>
    </row>
    <row r="91" spans="26:26" x14ac:dyDescent="0.2">
      <c r="Z91" s="685"/>
    </row>
    <row r="92" spans="26:26" x14ac:dyDescent="0.2">
      <c r="Z92" s="685"/>
    </row>
    <row r="93" spans="26:26" x14ac:dyDescent="0.2">
      <c r="Z93" s="685"/>
    </row>
    <row r="94" spans="26:26" x14ac:dyDescent="0.2">
      <c r="Z94" s="685"/>
    </row>
    <row r="95" spans="26:26" x14ac:dyDescent="0.2">
      <c r="Z95" s="685"/>
    </row>
    <row r="96" spans="26:26" x14ac:dyDescent="0.2">
      <c r="Z96" s="685"/>
    </row>
    <row r="97" spans="26:26" x14ac:dyDescent="0.2">
      <c r="Z97" s="685"/>
    </row>
    <row r="98" spans="26:26" x14ac:dyDescent="0.2">
      <c r="Z98" s="685"/>
    </row>
    <row r="99" spans="26:26" x14ac:dyDescent="0.2">
      <c r="Z99" s="685"/>
    </row>
    <row r="100" spans="26:26" x14ac:dyDescent="0.2">
      <c r="Z100" s="685"/>
    </row>
    <row r="101" spans="26:26" x14ac:dyDescent="0.2">
      <c r="Z101" s="685"/>
    </row>
    <row r="102" spans="26:26" x14ac:dyDescent="0.2">
      <c r="Z102" s="685"/>
    </row>
    <row r="103" spans="26:26" x14ac:dyDescent="0.2">
      <c r="Z103" s="685"/>
    </row>
    <row r="104" spans="26:26" x14ac:dyDescent="0.2">
      <c r="Z104" s="685"/>
    </row>
    <row r="105" spans="26:26" x14ac:dyDescent="0.2">
      <c r="Z105" s="685"/>
    </row>
    <row r="106" spans="26:26" x14ac:dyDescent="0.2">
      <c r="Z106" s="685"/>
    </row>
    <row r="107" spans="26:26" x14ac:dyDescent="0.2">
      <c r="Z107" s="685"/>
    </row>
    <row r="108" spans="26:26" x14ac:dyDescent="0.2">
      <c r="Z108" s="685"/>
    </row>
    <row r="109" spans="26:26" x14ac:dyDescent="0.2">
      <c r="Z109" s="685"/>
    </row>
    <row r="110" spans="26:26" x14ac:dyDescent="0.2">
      <c r="Z110" s="685"/>
    </row>
    <row r="111" spans="26:26" x14ac:dyDescent="0.2">
      <c r="Z111" s="685"/>
    </row>
    <row r="112" spans="26:26" x14ac:dyDescent="0.2">
      <c r="Z112" s="685"/>
    </row>
    <row r="113" spans="26:26" x14ac:dyDescent="0.2">
      <c r="Z113" s="685"/>
    </row>
    <row r="114" spans="26:26" x14ac:dyDescent="0.2">
      <c r="Z114" s="685"/>
    </row>
    <row r="115" spans="26:26" x14ac:dyDescent="0.2">
      <c r="Z115" s="685"/>
    </row>
    <row r="116" spans="26:26" x14ac:dyDescent="0.2">
      <c r="Z116" s="685"/>
    </row>
    <row r="117" spans="26:26" x14ac:dyDescent="0.2">
      <c r="Z117" s="685"/>
    </row>
    <row r="118" spans="26:26" x14ac:dyDescent="0.2">
      <c r="Z118" s="685"/>
    </row>
    <row r="119" spans="26:26" x14ac:dyDescent="0.2">
      <c r="Z119" s="685"/>
    </row>
    <row r="120" spans="26:26" x14ac:dyDescent="0.2">
      <c r="Z120" s="685"/>
    </row>
    <row r="121" spans="26:26" x14ac:dyDescent="0.2">
      <c r="Z121" s="685"/>
    </row>
    <row r="122" spans="26:26" x14ac:dyDescent="0.2">
      <c r="Z122" s="685"/>
    </row>
    <row r="123" spans="26:26" x14ac:dyDescent="0.2">
      <c r="Z123" s="685"/>
    </row>
    <row r="124" spans="26:26" x14ac:dyDescent="0.2">
      <c r="Z124" s="685"/>
    </row>
    <row r="125" spans="26:26" x14ac:dyDescent="0.2">
      <c r="Z125" s="685"/>
    </row>
    <row r="126" spans="26:26" x14ac:dyDescent="0.2">
      <c r="Z126" s="685"/>
    </row>
    <row r="127" spans="26:26" x14ac:dyDescent="0.2">
      <c r="Z127" s="685"/>
    </row>
    <row r="128" spans="26:26" x14ac:dyDescent="0.2">
      <c r="Z128" s="685"/>
    </row>
    <row r="129" spans="26:26" x14ac:dyDescent="0.2">
      <c r="Z129" s="685"/>
    </row>
    <row r="130" spans="26:26" x14ac:dyDescent="0.2">
      <c r="Z130" s="685"/>
    </row>
    <row r="131" spans="26:26" x14ac:dyDescent="0.2">
      <c r="Z131" s="685"/>
    </row>
    <row r="132" spans="26:26" x14ac:dyDescent="0.2">
      <c r="Z132" s="685"/>
    </row>
    <row r="133" spans="26:26" x14ac:dyDescent="0.2">
      <c r="Z133" s="685"/>
    </row>
    <row r="134" spans="26:26" x14ac:dyDescent="0.2">
      <c r="Z134" s="685"/>
    </row>
    <row r="135" spans="26:26" x14ac:dyDescent="0.2">
      <c r="Z135" s="685"/>
    </row>
    <row r="136" spans="26:26" x14ac:dyDescent="0.2">
      <c r="Z136" s="685"/>
    </row>
    <row r="137" spans="26:26" x14ac:dyDescent="0.2">
      <c r="Z137" s="685"/>
    </row>
    <row r="138" spans="26:26" x14ac:dyDescent="0.2">
      <c r="Z138" s="685"/>
    </row>
    <row r="139" spans="26:26" x14ac:dyDescent="0.2">
      <c r="Z139" s="685"/>
    </row>
    <row r="140" spans="26:26" x14ac:dyDescent="0.2">
      <c r="Z140" s="685"/>
    </row>
    <row r="141" spans="26:26" x14ac:dyDescent="0.2">
      <c r="Z141" s="685"/>
    </row>
    <row r="142" spans="26:26" x14ac:dyDescent="0.2">
      <c r="Z142" s="685"/>
    </row>
    <row r="143" spans="26:26" x14ac:dyDescent="0.2">
      <c r="Z143" s="685"/>
    </row>
    <row r="144" spans="26:26" x14ac:dyDescent="0.2">
      <c r="Z144" s="685"/>
    </row>
    <row r="145" spans="26:26" x14ac:dyDescent="0.2">
      <c r="Z145" s="685"/>
    </row>
    <row r="146" spans="26:26" x14ac:dyDescent="0.2">
      <c r="Z146" s="685"/>
    </row>
    <row r="147" spans="26:26" x14ac:dyDescent="0.2">
      <c r="Z147" s="685"/>
    </row>
    <row r="148" spans="26:26" x14ac:dyDescent="0.2">
      <c r="Z148" s="685"/>
    </row>
    <row r="149" spans="26:26" x14ac:dyDescent="0.2">
      <c r="Z149" s="685"/>
    </row>
    <row r="150" spans="26:26" x14ac:dyDescent="0.2">
      <c r="Z150" s="685"/>
    </row>
    <row r="151" spans="26:26" x14ac:dyDescent="0.2">
      <c r="Z151" s="685"/>
    </row>
    <row r="152" spans="26:26" x14ac:dyDescent="0.2">
      <c r="Z152" s="685"/>
    </row>
    <row r="153" spans="26:26" x14ac:dyDescent="0.2">
      <c r="Z153" s="685"/>
    </row>
    <row r="154" spans="26:26" x14ac:dyDescent="0.2">
      <c r="Z154" s="685"/>
    </row>
    <row r="155" spans="26:26" x14ac:dyDescent="0.2">
      <c r="Z155" s="685"/>
    </row>
    <row r="156" spans="26:26" x14ac:dyDescent="0.2">
      <c r="Z156" s="685"/>
    </row>
    <row r="157" spans="26:26" x14ac:dyDescent="0.2">
      <c r="Z157" s="685"/>
    </row>
    <row r="158" spans="26:26" x14ac:dyDescent="0.2">
      <c r="Z158" s="685"/>
    </row>
    <row r="159" spans="26:26" x14ac:dyDescent="0.2">
      <c r="Z159" s="685"/>
    </row>
    <row r="160" spans="26:26" x14ac:dyDescent="0.2">
      <c r="Z160" s="685"/>
    </row>
    <row r="161" spans="26:26" x14ac:dyDescent="0.2">
      <c r="Z161" s="685"/>
    </row>
    <row r="162" spans="26:26" x14ac:dyDescent="0.2">
      <c r="Z162" s="685"/>
    </row>
    <row r="163" spans="26:26" x14ac:dyDescent="0.2">
      <c r="Z163" s="685"/>
    </row>
    <row r="164" spans="26:26" x14ac:dyDescent="0.2">
      <c r="Z164" s="685"/>
    </row>
    <row r="165" spans="26:26" x14ac:dyDescent="0.2">
      <c r="Z165" s="685"/>
    </row>
    <row r="166" spans="26:26" x14ac:dyDescent="0.2">
      <c r="Z166" s="685"/>
    </row>
    <row r="167" spans="26:26" x14ac:dyDescent="0.2">
      <c r="Z167" s="685"/>
    </row>
    <row r="168" spans="26:26" x14ac:dyDescent="0.2">
      <c r="Z168" s="685"/>
    </row>
    <row r="169" spans="26:26" x14ac:dyDescent="0.2">
      <c r="Z169" s="685"/>
    </row>
    <row r="170" spans="26:26" x14ac:dyDescent="0.2">
      <c r="Z170" s="685"/>
    </row>
    <row r="171" spans="26:26" x14ac:dyDescent="0.2">
      <c r="Z171" s="685"/>
    </row>
    <row r="172" spans="26:26" x14ac:dyDescent="0.2">
      <c r="Z172" s="685"/>
    </row>
    <row r="173" spans="26:26" x14ac:dyDescent="0.2">
      <c r="Z173" s="685"/>
    </row>
    <row r="174" spans="26:26" x14ac:dyDescent="0.2">
      <c r="Z174" s="685"/>
    </row>
    <row r="175" spans="26:26" x14ac:dyDescent="0.2">
      <c r="Z175" s="685"/>
    </row>
    <row r="176" spans="26:26" x14ac:dyDescent="0.2">
      <c r="Z176" s="685"/>
    </row>
    <row r="177" spans="26:26" x14ac:dyDescent="0.2">
      <c r="Z177" s="685"/>
    </row>
    <row r="178" spans="26:26" x14ac:dyDescent="0.2">
      <c r="Z178" s="685"/>
    </row>
    <row r="179" spans="26:26" x14ac:dyDescent="0.2">
      <c r="Z179" s="685"/>
    </row>
    <row r="180" spans="26:26" x14ac:dyDescent="0.2">
      <c r="Z180" s="685"/>
    </row>
    <row r="181" spans="26:26" x14ac:dyDescent="0.2">
      <c r="Z181" s="685"/>
    </row>
    <row r="182" spans="26:26" x14ac:dyDescent="0.2">
      <c r="Z182" s="685"/>
    </row>
    <row r="183" spans="26:26" x14ac:dyDescent="0.2">
      <c r="Z183" s="685"/>
    </row>
    <row r="184" spans="26:26" x14ac:dyDescent="0.2">
      <c r="Z184" s="685"/>
    </row>
    <row r="185" spans="26:26" x14ac:dyDescent="0.2">
      <c r="Z185" s="685"/>
    </row>
    <row r="186" spans="26:26" x14ac:dyDescent="0.2">
      <c r="Z186" s="685"/>
    </row>
    <row r="187" spans="26:26" x14ac:dyDescent="0.2">
      <c r="Z187" s="685"/>
    </row>
    <row r="188" spans="26:26" x14ac:dyDescent="0.2">
      <c r="Z188" s="685"/>
    </row>
    <row r="189" spans="26:26" x14ac:dyDescent="0.2">
      <c r="Z189" s="685"/>
    </row>
    <row r="190" spans="26:26" x14ac:dyDescent="0.2">
      <c r="Z190" s="685"/>
    </row>
    <row r="191" spans="26:26" x14ac:dyDescent="0.2">
      <c r="Z191" s="685"/>
    </row>
    <row r="192" spans="26:26" x14ac:dyDescent="0.2">
      <c r="Z192" s="685"/>
    </row>
    <row r="193" spans="26:26" x14ac:dyDescent="0.2">
      <c r="Z193" s="685"/>
    </row>
    <row r="194" spans="26:26" x14ac:dyDescent="0.2">
      <c r="Z194" s="685"/>
    </row>
    <row r="195" spans="26:26" x14ac:dyDescent="0.2">
      <c r="Z195" s="685"/>
    </row>
    <row r="196" spans="26:26" x14ac:dyDescent="0.2">
      <c r="Z196" s="685"/>
    </row>
    <row r="197" spans="26:26" x14ac:dyDescent="0.2">
      <c r="Z197" s="685"/>
    </row>
    <row r="198" spans="26:26" x14ac:dyDescent="0.2">
      <c r="Z198" s="685"/>
    </row>
    <row r="199" spans="26:26" x14ac:dyDescent="0.2">
      <c r="Z199" s="685"/>
    </row>
    <row r="200" spans="26:26" x14ac:dyDescent="0.2">
      <c r="Z200" s="685"/>
    </row>
    <row r="201" spans="26:26" x14ac:dyDescent="0.2">
      <c r="Z201" s="685"/>
    </row>
    <row r="202" spans="26:26" x14ac:dyDescent="0.2">
      <c r="Z202" s="685"/>
    </row>
    <row r="203" spans="26:26" x14ac:dyDescent="0.2">
      <c r="Z203" s="685"/>
    </row>
    <row r="204" spans="26:26" x14ac:dyDescent="0.2">
      <c r="Z204" s="685"/>
    </row>
    <row r="205" spans="26:26" x14ac:dyDescent="0.2">
      <c r="Z205" s="685"/>
    </row>
    <row r="206" spans="26:26" x14ac:dyDescent="0.2">
      <c r="Z206" s="685"/>
    </row>
    <row r="207" spans="26:26" x14ac:dyDescent="0.2">
      <c r="Z207" s="685"/>
    </row>
    <row r="208" spans="26:26" x14ac:dyDescent="0.2">
      <c r="Z208" s="685"/>
    </row>
    <row r="209" spans="26:26" x14ac:dyDescent="0.2">
      <c r="Z209" s="685"/>
    </row>
    <row r="210" spans="26:26" x14ac:dyDescent="0.2">
      <c r="Z210" s="685"/>
    </row>
    <row r="211" spans="26:26" x14ac:dyDescent="0.2">
      <c r="Z211" s="685"/>
    </row>
    <row r="212" spans="26:26" x14ac:dyDescent="0.2">
      <c r="Z212" s="685"/>
    </row>
    <row r="213" spans="26:26" x14ac:dyDescent="0.2">
      <c r="Z213" s="685"/>
    </row>
    <row r="214" spans="26:26" x14ac:dyDescent="0.2">
      <c r="Z214" s="685"/>
    </row>
    <row r="215" spans="26:26" x14ac:dyDescent="0.2">
      <c r="Z215" s="685"/>
    </row>
    <row r="216" spans="26:26" x14ac:dyDescent="0.2">
      <c r="Z216" s="685"/>
    </row>
    <row r="217" spans="26:26" x14ac:dyDescent="0.2">
      <c r="Z217" s="685"/>
    </row>
    <row r="218" spans="26:26" x14ac:dyDescent="0.2">
      <c r="Z218" s="685"/>
    </row>
    <row r="219" spans="26:26" x14ac:dyDescent="0.2">
      <c r="Z219" s="685"/>
    </row>
    <row r="220" spans="26:26" x14ac:dyDescent="0.2">
      <c r="Z220" s="685"/>
    </row>
    <row r="221" spans="26:26" x14ac:dyDescent="0.2">
      <c r="Z221" s="685"/>
    </row>
    <row r="222" spans="26:26" x14ac:dyDescent="0.2">
      <c r="Z222" s="685"/>
    </row>
    <row r="223" spans="26:26" x14ac:dyDescent="0.2">
      <c r="Z223" s="685"/>
    </row>
    <row r="224" spans="26:26" x14ac:dyDescent="0.2">
      <c r="Z224" s="685"/>
    </row>
    <row r="225" spans="26:26" x14ac:dyDescent="0.2">
      <c r="Z225" s="685"/>
    </row>
    <row r="226" spans="26:26" x14ac:dyDescent="0.2">
      <c r="Z226" s="685"/>
    </row>
    <row r="227" spans="26:26" x14ac:dyDescent="0.2">
      <c r="Z227" s="685"/>
    </row>
    <row r="228" spans="26:26" x14ac:dyDescent="0.2">
      <c r="Z228" s="685"/>
    </row>
    <row r="229" spans="26:26" x14ac:dyDescent="0.2">
      <c r="Z229" s="685"/>
    </row>
    <row r="230" spans="26:26" x14ac:dyDescent="0.2">
      <c r="Z230" s="685"/>
    </row>
    <row r="231" spans="26:26" x14ac:dyDescent="0.2">
      <c r="Z231" s="685"/>
    </row>
    <row r="232" spans="26:26" x14ac:dyDescent="0.2">
      <c r="Z232" s="685"/>
    </row>
    <row r="233" spans="26:26" x14ac:dyDescent="0.2">
      <c r="Z233" s="685"/>
    </row>
    <row r="234" spans="26:26" x14ac:dyDescent="0.2">
      <c r="Z234" s="685"/>
    </row>
    <row r="235" spans="26:26" x14ac:dyDescent="0.2">
      <c r="Z235" s="685"/>
    </row>
    <row r="236" spans="26:26" x14ac:dyDescent="0.2">
      <c r="Z236" s="685"/>
    </row>
    <row r="237" spans="26:26" x14ac:dyDescent="0.2">
      <c r="Z237" s="685"/>
    </row>
    <row r="238" spans="26:26" x14ac:dyDescent="0.2">
      <c r="Z238" s="685"/>
    </row>
    <row r="239" spans="26:26" x14ac:dyDescent="0.2">
      <c r="Z239" s="685"/>
    </row>
    <row r="240" spans="26:26" x14ac:dyDescent="0.2">
      <c r="Z240" s="685"/>
    </row>
    <row r="241" spans="26:26" x14ac:dyDescent="0.2">
      <c r="Z241" s="685"/>
    </row>
    <row r="242" spans="26:26" x14ac:dyDescent="0.2">
      <c r="Z242" s="685"/>
    </row>
    <row r="243" spans="26:26" x14ac:dyDescent="0.2">
      <c r="Z243" s="685"/>
    </row>
    <row r="244" spans="26:26" x14ac:dyDescent="0.2">
      <c r="Z244" s="685"/>
    </row>
    <row r="245" spans="26:26" x14ac:dyDescent="0.2">
      <c r="Z245" s="685"/>
    </row>
    <row r="246" spans="26:26" x14ac:dyDescent="0.2">
      <c r="Z246" s="685"/>
    </row>
    <row r="247" spans="26:26" x14ac:dyDescent="0.2">
      <c r="Z247" s="685"/>
    </row>
    <row r="248" spans="26:26" x14ac:dyDescent="0.2">
      <c r="Z248" s="685"/>
    </row>
    <row r="249" spans="26:26" x14ac:dyDescent="0.2">
      <c r="Z249" s="685"/>
    </row>
    <row r="250" spans="26:26" x14ac:dyDescent="0.2">
      <c r="Z250" s="685"/>
    </row>
    <row r="251" spans="26:26" x14ac:dyDescent="0.2">
      <c r="Z251" s="685"/>
    </row>
    <row r="252" spans="26:26" x14ac:dyDescent="0.2">
      <c r="Z252" s="685"/>
    </row>
    <row r="253" spans="26:26" x14ac:dyDescent="0.2">
      <c r="Z253" s="685"/>
    </row>
    <row r="254" spans="26:26" x14ac:dyDescent="0.2">
      <c r="Z254" s="685"/>
    </row>
    <row r="255" spans="26:26" x14ac:dyDescent="0.2">
      <c r="Z255" s="685"/>
    </row>
    <row r="256" spans="26:26" x14ac:dyDescent="0.2">
      <c r="Z256" s="685"/>
    </row>
    <row r="257" spans="26:26" x14ac:dyDescent="0.2">
      <c r="Z257" s="685"/>
    </row>
    <row r="258" spans="26:26" x14ac:dyDescent="0.2">
      <c r="Z258" s="685"/>
    </row>
    <row r="259" spans="26:26" x14ac:dyDescent="0.2">
      <c r="Z259" s="685"/>
    </row>
    <row r="260" spans="26:26" x14ac:dyDescent="0.2">
      <c r="Z260" s="685"/>
    </row>
    <row r="261" spans="26:26" x14ac:dyDescent="0.2">
      <c r="Z261" s="685"/>
    </row>
    <row r="262" spans="26:26" x14ac:dyDescent="0.2">
      <c r="Z262" s="685"/>
    </row>
    <row r="263" spans="26:26" x14ac:dyDescent="0.2">
      <c r="Z263" s="685"/>
    </row>
    <row r="264" spans="26:26" x14ac:dyDescent="0.2">
      <c r="Z264" s="685"/>
    </row>
    <row r="265" spans="26:26" x14ac:dyDescent="0.2">
      <c r="Z265" s="685"/>
    </row>
    <row r="266" spans="26:26" x14ac:dyDescent="0.2">
      <c r="Z266" s="685"/>
    </row>
    <row r="267" spans="26:26" x14ac:dyDescent="0.2">
      <c r="Z267" s="685"/>
    </row>
    <row r="268" spans="26:26" x14ac:dyDescent="0.2">
      <c r="Z268" s="685"/>
    </row>
    <row r="269" spans="26:26" x14ac:dyDescent="0.2">
      <c r="Z269" s="685"/>
    </row>
    <row r="270" spans="26:26" x14ac:dyDescent="0.2">
      <c r="Z270" s="685"/>
    </row>
    <row r="271" spans="26:26" x14ac:dyDescent="0.2">
      <c r="Z271" s="685"/>
    </row>
    <row r="272" spans="26:26" x14ac:dyDescent="0.2">
      <c r="Z272" s="685"/>
    </row>
    <row r="273" spans="26:26" x14ac:dyDescent="0.2">
      <c r="Z273" s="685"/>
    </row>
    <row r="274" spans="26:26" x14ac:dyDescent="0.2">
      <c r="Z274" s="685"/>
    </row>
    <row r="275" spans="26:26" x14ac:dyDescent="0.2">
      <c r="Z275" s="685"/>
    </row>
    <row r="276" spans="26:26" x14ac:dyDescent="0.2">
      <c r="Z276" s="685"/>
    </row>
    <row r="277" spans="26:26" x14ac:dyDescent="0.2">
      <c r="Z277" s="685"/>
    </row>
    <row r="278" spans="26:26" x14ac:dyDescent="0.2">
      <c r="Z278" s="685"/>
    </row>
    <row r="279" spans="26:26" x14ac:dyDescent="0.2">
      <c r="Z279" s="685"/>
    </row>
    <row r="280" spans="26:26" x14ac:dyDescent="0.2">
      <c r="Z280" s="685"/>
    </row>
    <row r="281" spans="26:26" x14ac:dyDescent="0.2">
      <c r="Z281" s="685"/>
    </row>
    <row r="282" spans="26:26" x14ac:dyDescent="0.2">
      <c r="Z282" s="685"/>
    </row>
    <row r="283" spans="26:26" x14ac:dyDescent="0.2">
      <c r="Z283" s="685"/>
    </row>
    <row r="284" spans="26:26" x14ac:dyDescent="0.2">
      <c r="Z284" s="685"/>
    </row>
    <row r="285" spans="26:26" x14ac:dyDescent="0.2">
      <c r="Z285" s="685"/>
    </row>
    <row r="286" spans="26:26" x14ac:dyDescent="0.2">
      <c r="Z286" s="685"/>
    </row>
    <row r="287" spans="26:26" x14ac:dyDescent="0.2">
      <c r="Z287" s="685"/>
    </row>
    <row r="288" spans="26:26" x14ac:dyDescent="0.2">
      <c r="Z288" s="685"/>
    </row>
    <row r="289" spans="26:26" x14ac:dyDescent="0.2">
      <c r="Z289" s="685"/>
    </row>
    <row r="290" spans="26:26" x14ac:dyDescent="0.2">
      <c r="Z290" s="685"/>
    </row>
  </sheetData>
  <mergeCells count="33">
    <mergeCell ref="V49:Y54"/>
    <mergeCell ref="V55:Y55"/>
    <mergeCell ref="B58:Y58"/>
    <mergeCell ref="B59:Y59"/>
    <mergeCell ref="V40:Y41"/>
    <mergeCell ref="V42:Y42"/>
    <mergeCell ref="V43:Y43"/>
    <mergeCell ref="V44:Y44"/>
    <mergeCell ref="V45:Y47"/>
    <mergeCell ref="V48:Y48"/>
    <mergeCell ref="V39:Y39"/>
    <mergeCell ref="B9:F9"/>
    <mergeCell ref="G9:Y9"/>
    <mergeCell ref="B11:Y11"/>
    <mergeCell ref="V13:Y31"/>
    <mergeCell ref="D15:J15"/>
    <mergeCell ref="D17:J17"/>
    <mergeCell ref="D21:J21"/>
    <mergeCell ref="D23:J23"/>
    <mergeCell ref="D27:J27"/>
    <mergeCell ref="D29:J29"/>
    <mergeCell ref="V32:Y34"/>
    <mergeCell ref="V35:Y35"/>
    <mergeCell ref="V36:Y36"/>
    <mergeCell ref="V37:Y37"/>
    <mergeCell ref="V38:Y38"/>
    <mergeCell ref="B8:F8"/>
    <mergeCell ref="G8:Y8"/>
    <mergeCell ref="R2:Y2"/>
    <mergeCell ref="B4:Y4"/>
    <mergeCell ref="B5:Y5"/>
    <mergeCell ref="B7:F7"/>
    <mergeCell ref="G7:Y7"/>
  </mergeCells>
  <phoneticPr fontId="6"/>
  <pageMargins left="0.7" right="0.7" top="0.75" bottom="0.75" header="0.3" footer="0.3"/>
  <pageSetup paperSize="9" scale="69" orientation="portrait" r:id="rId1"/>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81"/>
  <sheetViews>
    <sheetView view="pageBreakPreview" zoomScaleNormal="100" zoomScaleSheetLayoutView="100" workbookViewId="0">
      <selection activeCell="B2" sqref="B2"/>
    </sheetView>
  </sheetViews>
  <sheetFormatPr defaultColWidth="4.44140625" defaultRowHeight="13.2" x14ac:dyDescent="0.2"/>
  <cols>
    <col min="1" max="1" width="2.33203125" style="645" customWidth="1"/>
    <col min="2" max="2" width="4" style="645" customWidth="1"/>
    <col min="3" max="21" width="5.6640625" style="645" customWidth="1"/>
    <col min="22" max="25" width="4" style="645" customWidth="1"/>
    <col min="26" max="26" width="2.33203125" style="645" customWidth="1"/>
    <col min="27" max="255" width="4.44140625" style="645"/>
    <col min="256" max="256" width="1.88671875" style="645" customWidth="1"/>
    <col min="257" max="257" width="2.33203125" style="645" customWidth="1"/>
    <col min="258" max="258" width="2.6640625" style="645" customWidth="1"/>
    <col min="259" max="277" width="4.44140625" style="645" customWidth="1"/>
    <col min="278" max="281" width="2.6640625" style="645" customWidth="1"/>
    <col min="282" max="282" width="2.33203125" style="645" customWidth="1"/>
    <col min="283" max="511" width="4.44140625" style="645"/>
    <col min="512" max="512" width="1.88671875" style="645" customWidth="1"/>
    <col min="513" max="513" width="2.33203125" style="645" customWidth="1"/>
    <col min="514" max="514" width="2.6640625" style="645" customWidth="1"/>
    <col min="515" max="533" width="4.44140625" style="645" customWidth="1"/>
    <col min="534" max="537" width="2.6640625" style="645" customWidth="1"/>
    <col min="538" max="538" width="2.33203125" style="645" customWidth="1"/>
    <col min="539" max="767" width="4.44140625" style="645"/>
    <col min="768" max="768" width="1.88671875" style="645" customWidth="1"/>
    <col min="769" max="769" width="2.33203125" style="645" customWidth="1"/>
    <col min="770" max="770" width="2.6640625" style="645" customWidth="1"/>
    <col min="771" max="789" width="4.44140625" style="645" customWidth="1"/>
    <col min="790" max="793" width="2.6640625" style="645" customWidth="1"/>
    <col min="794" max="794" width="2.33203125" style="645" customWidth="1"/>
    <col min="795" max="1023" width="4.44140625" style="645"/>
    <col min="1024" max="1024" width="1.88671875" style="645" customWidth="1"/>
    <col min="1025" max="1025" width="2.33203125" style="645" customWidth="1"/>
    <col min="1026" max="1026" width="2.6640625" style="645" customWidth="1"/>
    <col min="1027" max="1045" width="4.44140625" style="645" customWidth="1"/>
    <col min="1046" max="1049" width="2.6640625" style="645" customWidth="1"/>
    <col min="1050" max="1050" width="2.33203125" style="645" customWidth="1"/>
    <col min="1051" max="1279" width="4.44140625" style="645"/>
    <col min="1280" max="1280" width="1.88671875" style="645" customWidth="1"/>
    <col min="1281" max="1281" width="2.33203125" style="645" customWidth="1"/>
    <col min="1282" max="1282" width="2.6640625" style="645" customWidth="1"/>
    <col min="1283" max="1301" width="4.44140625" style="645" customWidth="1"/>
    <col min="1302" max="1305" width="2.6640625" style="645" customWidth="1"/>
    <col min="1306" max="1306" width="2.33203125" style="645" customWidth="1"/>
    <col min="1307" max="1535" width="4.44140625" style="645"/>
    <col min="1536" max="1536" width="1.88671875" style="645" customWidth="1"/>
    <col min="1537" max="1537" width="2.33203125" style="645" customWidth="1"/>
    <col min="1538" max="1538" width="2.6640625" style="645" customWidth="1"/>
    <col min="1539" max="1557" width="4.44140625" style="645" customWidth="1"/>
    <col min="1558" max="1561" width="2.6640625" style="645" customWidth="1"/>
    <col min="1562" max="1562" width="2.33203125" style="645" customWidth="1"/>
    <col min="1563" max="1791" width="4.44140625" style="645"/>
    <col min="1792" max="1792" width="1.88671875" style="645" customWidth="1"/>
    <col min="1793" max="1793" width="2.33203125" style="645" customWidth="1"/>
    <col min="1794" max="1794" width="2.6640625" style="645" customWidth="1"/>
    <col min="1795" max="1813" width="4.44140625" style="645" customWidth="1"/>
    <col min="1814" max="1817" width="2.6640625" style="645" customWidth="1"/>
    <col min="1818" max="1818" width="2.33203125" style="645" customWidth="1"/>
    <col min="1819" max="2047" width="4.44140625" style="645"/>
    <col min="2048" max="2048" width="1.88671875" style="645" customWidth="1"/>
    <col min="2049" max="2049" width="2.33203125" style="645" customWidth="1"/>
    <col min="2050" max="2050" width="2.6640625" style="645" customWidth="1"/>
    <col min="2051" max="2069" width="4.44140625" style="645" customWidth="1"/>
    <col min="2070" max="2073" width="2.6640625" style="645" customWidth="1"/>
    <col min="2074" max="2074" width="2.33203125" style="645" customWidth="1"/>
    <col min="2075" max="2303" width="4.44140625" style="645"/>
    <col min="2304" max="2304" width="1.88671875" style="645" customWidth="1"/>
    <col min="2305" max="2305" width="2.33203125" style="645" customWidth="1"/>
    <col min="2306" max="2306" width="2.6640625" style="645" customWidth="1"/>
    <col min="2307" max="2325" width="4.44140625" style="645" customWidth="1"/>
    <col min="2326" max="2329" width="2.6640625" style="645" customWidth="1"/>
    <col min="2330" max="2330" width="2.33203125" style="645" customWidth="1"/>
    <col min="2331" max="2559" width="4.44140625" style="645"/>
    <col min="2560" max="2560" width="1.88671875" style="645" customWidth="1"/>
    <col min="2561" max="2561" width="2.33203125" style="645" customWidth="1"/>
    <col min="2562" max="2562" width="2.6640625" style="645" customWidth="1"/>
    <col min="2563" max="2581" width="4.44140625" style="645" customWidth="1"/>
    <col min="2582" max="2585" width="2.6640625" style="645" customWidth="1"/>
    <col min="2586" max="2586" width="2.33203125" style="645" customWidth="1"/>
    <col min="2587" max="2815" width="4.44140625" style="645"/>
    <col min="2816" max="2816" width="1.88671875" style="645" customWidth="1"/>
    <col min="2817" max="2817" width="2.33203125" style="645" customWidth="1"/>
    <col min="2818" max="2818" width="2.6640625" style="645" customWidth="1"/>
    <col min="2819" max="2837" width="4.44140625" style="645" customWidth="1"/>
    <col min="2838" max="2841" width="2.6640625" style="645" customWidth="1"/>
    <col min="2842" max="2842" width="2.33203125" style="645" customWidth="1"/>
    <col min="2843" max="3071" width="4.44140625" style="645"/>
    <col min="3072" max="3072" width="1.88671875" style="645" customWidth="1"/>
    <col min="3073" max="3073" width="2.33203125" style="645" customWidth="1"/>
    <col min="3074" max="3074" width="2.6640625" style="645" customWidth="1"/>
    <col min="3075" max="3093" width="4.44140625" style="645" customWidth="1"/>
    <col min="3094" max="3097" width="2.6640625" style="645" customWidth="1"/>
    <col min="3098" max="3098" width="2.33203125" style="645" customWidth="1"/>
    <col min="3099" max="3327" width="4.44140625" style="645"/>
    <col min="3328" max="3328" width="1.88671875" style="645" customWidth="1"/>
    <col min="3329" max="3329" width="2.33203125" style="645" customWidth="1"/>
    <col min="3330" max="3330" width="2.6640625" style="645" customWidth="1"/>
    <col min="3331" max="3349" width="4.44140625" style="645" customWidth="1"/>
    <col min="3350" max="3353" width="2.6640625" style="645" customWidth="1"/>
    <col min="3354" max="3354" width="2.33203125" style="645" customWidth="1"/>
    <col min="3355" max="3583" width="4.44140625" style="645"/>
    <col min="3584" max="3584" width="1.88671875" style="645" customWidth="1"/>
    <col min="3585" max="3585" width="2.33203125" style="645" customWidth="1"/>
    <col min="3586" max="3586" width="2.6640625" style="645" customWidth="1"/>
    <col min="3587" max="3605" width="4.44140625" style="645" customWidth="1"/>
    <col min="3606" max="3609" width="2.6640625" style="645" customWidth="1"/>
    <col min="3610" max="3610" width="2.33203125" style="645" customWidth="1"/>
    <col min="3611" max="3839" width="4.44140625" style="645"/>
    <col min="3840" max="3840" width="1.88671875" style="645" customWidth="1"/>
    <col min="3841" max="3841" width="2.33203125" style="645" customWidth="1"/>
    <col min="3842" max="3842" width="2.6640625" style="645" customWidth="1"/>
    <col min="3843" max="3861" width="4.44140625" style="645" customWidth="1"/>
    <col min="3862" max="3865" width="2.6640625" style="645" customWidth="1"/>
    <col min="3866" max="3866" width="2.33203125" style="645" customWidth="1"/>
    <col min="3867" max="4095" width="4.44140625" style="645"/>
    <col min="4096" max="4096" width="1.88671875" style="645" customWidth="1"/>
    <col min="4097" max="4097" width="2.33203125" style="645" customWidth="1"/>
    <col min="4098" max="4098" width="2.6640625" style="645" customWidth="1"/>
    <col min="4099" max="4117" width="4.44140625" style="645" customWidth="1"/>
    <col min="4118" max="4121" width="2.6640625" style="645" customWidth="1"/>
    <col min="4122" max="4122" width="2.33203125" style="645" customWidth="1"/>
    <col min="4123" max="4351" width="4.44140625" style="645"/>
    <col min="4352" max="4352" width="1.88671875" style="645" customWidth="1"/>
    <col min="4353" max="4353" width="2.33203125" style="645" customWidth="1"/>
    <col min="4354" max="4354" width="2.6640625" style="645" customWidth="1"/>
    <col min="4355" max="4373" width="4.44140625" style="645" customWidth="1"/>
    <col min="4374" max="4377" width="2.6640625" style="645" customWidth="1"/>
    <col min="4378" max="4378" width="2.33203125" style="645" customWidth="1"/>
    <col min="4379" max="4607" width="4.44140625" style="645"/>
    <col min="4608" max="4608" width="1.88671875" style="645" customWidth="1"/>
    <col min="4609" max="4609" width="2.33203125" style="645" customWidth="1"/>
    <col min="4610" max="4610" width="2.6640625" style="645" customWidth="1"/>
    <col min="4611" max="4629" width="4.44140625" style="645" customWidth="1"/>
    <col min="4630" max="4633" width="2.6640625" style="645" customWidth="1"/>
    <col min="4634" max="4634" width="2.33203125" style="645" customWidth="1"/>
    <col min="4635" max="4863" width="4.44140625" style="645"/>
    <col min="4864" max="4864" width="1.88671875" style="645" customWidth="1"/>
    <col min="4865" max="4865" width="2.33203125" style="645" customWidth="1"/>
    <col min="4866" max="4866" width="2.6640625" style="645" customWidth="1"/>
    <col min="4867" max="4885" width="4.44140625" style="645" customWidth="1"/>
    <col min="4886" max="4889" width="2.6640625" style="645" customWidth="1"/>
    <col min="4890" max="4890" width="2.33203125" style="645" customWidth="1"/>
    <col min="4891" max="5119" width="4.44140625" style="645"/>
    <col min="5120" max="5120" width="1.88671875" style="645" customWidth="1"/>
    <col min="5121" max="5121" width="2.33203125" style="645" customWidth="1"/>
    <col min="5122" max="5122" width="2.6640625" style="645" customWidth="1"/>
    <col min="5123" max="5141" width="4.44140625" style="645" customWidth="1"/>
    <col min="5142" max="5145" width="2.6640625" style="645" customWidth="1"/>
    <col min="5146" max="5146" width="2.33203125" style="645" customWidth="1"/>
    <col min="5147" max="5375" width="4.44140625" style="645"/>
    <col min="5376" max="5376" width="1.88671875" style="645" customWidth="1"/>
    <col min="5377" max="5377" width="2.33203125" style="645" customWidth="1"/>
    <col min="5378" max="5378" width="2.6640625" style="645" customWidth="1"/>
    <col min="5379" max="5397" width="4.44140625" style="645" customWidth="1"/>
    <col min="5398" max="5401" width="2.6640625" style="645" customWidth="1"/>
    <col min="5402" max="5402" width="2.33203125" style="645" customWidth="1"/>
    <col min="5403" max="5631" width="4.44140625" style="645"/>
    <col min="5632" max="5632" width="1.88671875" style="645" customWidth="1"/>
    <col min="5633" max="5633" width="2.33203125" style="645" customWidth="1"/>
    <col min="5634" max="5634" width="2.6640625" style="645" customWidth="1"/>
    <col min="5635" max="5653" width="4.44140625" style="645" customWidth="1"/>
    <col min="5654" max="5657" width="2.6640625" style="645" customWidth="1"/>
    <col min="5658" max="5658" width="2.33203125" style="645" customWidth="1"/>
    <col min="5659" max="5887" width="4.44140625" style="645"/>
    <col min="5888" max="5888" width="1.88671875" style="645" customWidth="1"/>
    <col min="5889" max="5889" width="2.33203125" style="645" customWidth="1"/>
    <col min="5890" max="5890" width="2.6640625" style="645" customWidth="1"/>
    <col min="5891" max="5909" width="4.44140625" style="645" customWidth="1"/>
    <col min="5910" max="5913" width="2.6640625" style="645" customWidth="1"/>
    <col min="5914" max="5914" width="2.33203125" style="645" customWidth="1"/>
    <col min="5915" max="6143" width="4.44140625" style="645"/>
    <col min="6144" max="6144" width="1.88671875" style="645" customWidth="1"/>
    <col min="6145" max="6145" width="2.33203125" style="645" customWidth="1"/>
    <col min="6146" max="6146" width="2.6640625" style="645" customWidth="1"/>
    <col min="6147" max="6165" width="4.44140625" style="645" customWidth="1"/>
    <col min="6166" max="6169" width="2.6640625" style="645" customWidth="1"/>
    <col min="6170" max="6170" width="2.33203125" style="645" customWidth="1"/>
    <col min="6171" max="6399" width="4.44140625" style="645"/>
    <col min="6400" max="6400" width="1.88671875" style="645" customWidth="1"/>
    <col min="6401" max="6401" width="2.33203125" style="645" customWidth="1"/>
    <col min="6402" max="6402" width="2.6640625" style="645" customWidth="1"/>
    <col min="6403" max="6421" width="4.44140625" style="645" customWidth="1"/>
    <col min="6422" max="6425" width="2.6640625" style="645" customWidth="1"/>
    <col min="6426" max="6426" width="2.33203125" style="645" customWidth="1"/>
    <col min="6427" max="6655" width="4.44140625" style="645"/>
    <col min="6656" max="6656" width="1.88671875" style="645" customWidth="1"/>
    <col min="6657" max="6657" width="2.33203125" style="645" customWidth="1"/>
    <col min="6658" max="6658" width="2.6640625" style="645" customWidth="1"/>
    <col min="6659" max="6677" width="4.44140625" style="645" customWidth="1"/>
    <col min="6678" max="6681" width="2.6640625" style="645" customWidth="1"/>
    <col min="6682" max="6682" width="2.33203125" style="645" customWidth="1"/>
    <col min="6683" max="6911" width="4.44140625" style="645"/>
    <col min="6912" max="6912" width="1.88671875" style="645" customWidth="1"/>
    <col min="6913" max="6913" width="2.33203125" style="645" customWidth="1"/>
    <col min="6914" max="6914" width="2.6640625" style="645" customWidth="1"/>
    <col min="6915" max="6933" width="4.44140625" style="645" customWidth="1"/>
    <col min="6934" max="6937" width="2.6640625" style="645" customWidth="1"/>
    <col min="6938" max="6938" width="2.33203125" style="645" customWidth="1"/>
    <col min="6939" max="7167" width="4.44140625" style="645"/>
    <col min="7168" max="7168" width="1.88671875" style="645" customWidth="1"/>
    <col min="7169" max="7169" width="2.33203125" style="645" customWidth="1"/>
    <col min="7170" max="7170" width="2.6640625" style="645" customWidth="1"/>
    <col min="7171" max="7189" width="4.44140625" style="645" customWidth="1"/>
    <col min="7190" max="7193" width="2.6640625" style="645" customWidth="1"/>
    <col min="7194" max="7194" width="2.33203125" style="645" customWidth="1"/>
    <col min="7195" max="7423" width="4.44140625" style="645"/>
    <col min="7424" max="7424" width="1.88671875" style="645" customWidth="1"/>
    <col min="7425" max="7425" width="2.33203125" style="645" customWidth="1"/>
    <col min="7426" max="7426" width="2.6640625" style="645" customWidth="1"/>
    <col min="7427" max="7445" width="4.44140625" style="645" customWidth="1"/>
    <col min="7446" max="7449" width="2.6640625" style="645" customWidth="1"/>
    <col min="7450" max="7450" width="2.33203125" style="645" customWidth="1"/>
    <col min="7451" max="7679" width="4.44140625" style="645"/>
    <col min="7680" max="7680" width="1.88671875" style="645" customWidth="1"/>
    <col min="7681" max="7681" width="2.33203125" style="645" customWidth="1"/>
    <col min="7682" max="7682" width="2.6640625" style="645" customWidth="1"/>
    <col min="7683" max="7701" width="4.44140625" style="645" customWidth="1"/>
    <col min="7702" max="7705" width="2.6640625" style="645" customWidth="1"/>
    <col min="7706" max="7706" width="2.33203125" style="645" customWidth="1"/>
    <col min="7707" max="7935" width="4.44140625" style="645"/>
    <col min="7936" max="7936" width="1.88671875" style="645" customWidth="1"/>
    <col min="7937" max="7937" width="2.33203125" style="645" customWidth="1"/>
    <col min="7938" max="7938" width="2.6640625" style="645" customWidth="1"/>
    <col min="7939" max="7957" width="4.44140625" style="645" customWidth="1"/>
    <col min="7958" max="7961" width="2.6640625" style="645" customWidth="1"/>
    <col min="7962" max="7962" width="2.33203125" style="645" customWidth="1"/>
    <col min="7963" max="8191" width="4.44140625" style="645"/>
    <col min="8192" max="8192" width="1.88671875" style="645" customWidth="1"/>
    <col min="8193" max="8193" width="2.33203125" style="645" customWidth="1"/>
    <col min="8194" max="8194" width="2.6640625" style="645" customWidth="1"/>
    <col min="8195" max="8213" width="4.44140625" style="645" customWidth="1"/>
    <col min="8214" max="8217" width="2.6640625" style="645" customWidth="1"/>
    <col min="8218" max="8218" width="2.33203125" style="645" customWidth="1"/>
    <col min="8219" max="8447" width="4.44140625" style="645"/>
    <col min="8448" max="8448" width="1.88671875" style="645" customWidth="1"/>
    <col min="8449" max="8449" width="2.33203125" style="645" customWidth="1"/>
    <col min="8450" max="8450" width="2.6640625" style="645" customWidth="1"/>
    <col min="8451" max="8469" width="4.44140625" style="645" customWidth="1"/>
    <col min="8470" max="8473" width="2.6640625" style="645" customWidth="1"/>
    <col min="8474" max="8474" width="2.33203125" style="645" customWidth="1"/>
    <col min="8475" max="8703" width="4.44140625" style="645"/>
    <col min="8704" max="8704" width="1.88671875" style="645" customWidth="1"/>
    <col min="8705" max="8705" width="2.33203125" style="645" customWidth="1"/>
    <col min="8706" max="8706" width="2.6640625" style="645" customWidth="1"/>
    <col min="8707" max="8725" width="4.44140625" style="645" customWidth="1"/>
    <col min="8726" max="8729" width="2.6640625" style="645" customWidth="1"/>
    <col min="8730" max="8730" width="2.33203125" style="645" customWidth="1"/>
    <col min="8731" max="8959" width="4.44140625" style="645"/>
    <col min="8960" max="8960" width="1.88671875" style="645" customWidth="1"/>
    <col min="8961" max="8961" width="2.33203125" style="645" customWidth="1"/>
    <col min="8962" max="8962" width="2.6640625" style="645" customWidth="1"/>
    <col min="8963" max="8981" width="4.44140625" style="645" customWidth="1"/>
    <col min="8982" max="8985" width="2.6640625" style="645" customWidth="1"/>
    <col min="8986" max="8986" width="2.33203125" style="645" customWidth="1"/>
    <col min="8987" max="9215" width="4.44140625" style="645"/>
    <col min="9216" max="9216" width="1.88671875" style="645" customWidth="1"/>
    <col min="9217" max="9217" width="2.33203125" style="645" customWidth="1"/>
    <col min="9218" max="9218" width="2.6640625" style="645" customWidth="1"/>
    <col min="9219" max="9237" width="4.44140625" style="645" customWidth="1"/>
    <col min="9238" max="9241" width="2.6640625" style="645" customWidth="1"/>
    <col min="9242" max="9242" width="2.33203125" style="645" customWidth="1"/>
    <col min="9243" max="9471" width="4.44140625" style="645"/>
    <col min="9472" max="9472" width="1.88671875" style="645" customWidth="1"/>
    <col min="9473" max="9473" width="2.33203125" style="645" customWidth="1"/>
    <col min="9474" max="9474" width="2.6640625" style="645" customWidth="1"/>
    <col min="9475" max="9493" width="4.44140625" style="645" customWidth="1"/>
    <col min="9494" max="9497" width="2.6640625" style="645" customWidth="1"/>
    <col min="9498" max="9498" width="2.33203125" style="645" customWidth="1"/>
    <col min="9499" max="9727" width="4.44140625" style="645"/>
    <col min="9728" max="9728" width="1.88671875" style="645" customWidth="1"/>
    <col min="9729" max="9729" width="2.33203125" style="645" customWidth="1"/>
    <col min="9730" max="9730" width="2.6640625" style="645" customWidth="1"/>
    <col min="9731" max="9749" width="4.44140625" style="645" customWidth="1"/>
    <col min="9750" max="9753" width="2.6640625" style="645" customWidth="1"/>
    <col min="9754" max="9754" width="2.33203125" style="645" customWidth="1"/>
    <col min="9755" max="9983" width="4.44140625" style="645"/>
    <col min="9984" max="9984" width="1.88671875" style="645" customWidth="1"/>
    <col min="9985" max="9985" width="2.33203125" style="645" customWidth="1"/>
    <col min="9986" max="9986" width="2.6640625" style="645" customWidth="1"/>
    <col min="9987" max="10005" width="4.44140625" style="645" customWidth="1"/>
    <col min="10006" max="10009" width="2.6640625" style="645" customWidth="1"/>
    <col min="10010" max="10010" width="2.33203125" style="645" customWidth="1"/>
    <col min="10011" max="10239" width="4.44140625" style="645"/>
    <col min="10240" max="10240" width="1.88671875" style="645" customWidth="1"/>
    <col min="10241" max="10241" width="2.33203125" style="645" customWidth="1"/>
    <col min="10242" max="10242" width="2.6640625" style="645" customWidth="1"/>
    <col min="10243" max="10261" width="4.44140625" style="645" customWidth="1"/>
    <col min="10262" max="10265" width="2.6640625" style="645" customWidth="1"/>
    <col min="10266" max="10266" width="2.33203125" style="645" customWidth="1"/>
    <col min="10267" max="10495" width="4.44140625" style="645"/>
    <col min="10496" max="10496" width="1.88671875" style="645" customWidth="1"/>
    <col min="10497" max="10497" width="2.33203125" style="645" customWidth="1"/>
    <col min="10498" max="10498" width="2.6640625" style="645" customWidth="1"/>
    <col min="10499" max="10517" width="4.44140625" style="645" customWidth="1"/>
    <col min="10518" max="10521" width="2.6640625" style="645" customWidth="1"/>
    <col min="10522" max="10522" width="2.33203125" style="645" customWidth="1"/>
    <col min="10523" max="10751" width="4.44140625" style="645"/>
    <col min="10752" max="10752" width="1.88671875" style="645" customWidth="1"/>
    <col min="10753" max="10753" width="2.33203125" style="645" customWidth="1"/>
    <col min="10754" max="10754" width="2.6640625" style="645" customWidth="1"/>
    <col min="10755" max="10773" width="4.44140625" style="645" customWidth="1"/>
    <col min="10774" max="10777" width="2.6640625" style="645" customWidth="1"/>
    <col min="10778" max="10778" width="2.33203125" style="645" customWidth="1"/>
    <col min="10779" max="11007" width="4.44140625" style="645"/>
    <col min="11008" max="11008" width="1.88671875" style="645" customWidth="1"/>
    <col min="11009" max="11009" width="2.33203125" style="645" customWidth="1"/>
    <col min="11010" max="11010" width="2.6640625" style="645" customWidth="1"/>
    <col min="11011" max="11029" width="4.44140625" style="645" customWidth="1"/>
    <col min="11030" max="11033" width="2.6640625" style="645" customWidth="1"/>
    <col min="11034" max="11034" width="2.33203125" style="645" customWidth="1"/>
    <col min="11035" max="11263" width="4.44140625" style="645"/>
    <col min="11264" max="11264" width="1.88671875" style="645" customWidth="1"/>
    <col min="11265" max="11265" width="2.33203125" style="645" customWidth="1"/>
    <col min="11266" max="11266" width="2.6640625" style="645" customWidth="1"/>
    <col min="11267" max="11285" width="4.44140625" style="645" customWidth="1"/>
    <col min="11286" max="11289" width="2.6640625" style="645" customWidth="1"/>
    <col min="11290" max="11290" width="2.33203125" style="645" customWidth="1"/>
    <col min="11291" max="11519" width="4.44140625" style="645"/>
    <col min="11520" max="11520" width="1.88671875" style="645" customWidth="1"/>
    <col min="11521" max="11521" width="2.33203125" style="645" customWidth="1"/>
    <col min="11522" max="11522" width="2.6640625" style="645" customWidth="1"/>
    <col min="11523" max="11541" width="4.44140625" style="645" customWidth="1"/>
    <col min="11542" max="11545" width="2.6640625" style="645" customWidth="1"/>
    <col min="11546" max="11546" width="2.33203125" style="645" customWidth="1"/>
    <col min="11547" max="11775" width="4.44140625" style="645"/>
    <col min="11776" max="11776" width="1.88671875" style="645" customWidth="1"/>
    <col min="11777" max="11777" width="2.33203125" style="645" customWidth="1"/>
    <col min="11778" max="11778" width="2.6640625" style="645" customWidth="1"/>
    <col min="11779" max="11797" width="4.44140625" style="645" customWidth="1"/>
    <col min="11798" max="11801" width="2.6640625" style="645" customWidth="1"/>
    <col min="11802" max="11802" width="2.33203125" style="645" customWidth="1"/>
    <col min="11803" max="12031" width="4.44140625" style="645"/>
    <col min="12032" max="12032" width="1.88671875" style="645" customWidth="1"/>
    <col min="12033" max="12033" width="2.33203125" style="645" customWidth="1"/>
    <col min="12034" max="12034" width="2.6640625" style="645" customWidth="1"/>
    <col min="12035" max="12053" width="4.44140625" style="645" customWidth="1"/>
    <col min="12054" max="12057" width="2.6640625" style="645" customWidth="1"/>
    <col min="12058" max="12058" width="2.33203125" style="645" customWidth="1"/>
    <col min="12059" max="12287" width="4.44140625" style="645"/>
    <col min="12288" max="12288" width="1.88671875" style="645" customWidth="1"/>
    <col min="12289" max="12289" width="2.33203125" style="645" customWidth="1"/>
    <col min="12290" max="12290" width="2.6640625" style="645" customWidth="1"/>
    <col min="12291" max="12309" width="4.44140625" style="645" customWidth="1"/>
    <col min="12310" max="12313" width="2.6640625" style="645" customWidth="1"/>
    <col min="12314" max="12314" width="2.33203125" style="645" customWidth="1"/>
    <col min="12315" max="12543" width="4.44140625" style="645"/>
    <col min="12544" max="12544" width="1.88671875" style="645" customWidth="1"/>
    <col min="12545" max="12545" width="2.33203125" style="645" customWidth="1"/>
    <col min="12546" max="12546" width="2.6640625" style="645" customWidth="1"/>
    <col min="12547" max="12565" width="4.44140625" style="645" customWidth="1"/>
    <col min="12566" max="12569" width="2.6640625" style="645" customWidth="1"/>
    <col min="12570" max="12570" width="2.33203125" style="645" customWidth="1"/>
    <col min="12571" max="12799" width="4.44140625" style="645"/>
    <col min="12800" max="12800" width="1.88671875" style="645" customWidth="1"/>
    <col min="12801" max="12801" width="2.33203125" style="645" customWidth="1"/>
    <col min="12802" max="12802" width="2.6640625" style="645" customWidth="1"/>
    <col min="12803" max="12821" width="4.44140625" style="645" customWidth="1"/>
    <col min="12822" max="12825" width="2.6640625" style="645" customWidth="1"/>
    <col min="12826" max="12826" width="2.33203125" style="645" customWidth="1"/>
    <col min="12827" max="13055" width="4.44140625" style="645"/>
    <col min="13056" max="13056" width="1.88671875" style="645" customWidth="1"/>
    <col min="13057" max="13057" width="2.33203125" style="645" customWidth="1"/>
    <col min="13058" max="13058" width="2.6640625" style="645" customWidth="1"/>
    <col min="13059" max="13077" width="4.44140625" style="645" customWidth="1"/>
    <col min="13078" max="13081" width="2.6640625" style="645" customWidth="1"/>
    <col min="13082" max="13082" width="2.33203125" style="645" customWidth="1"/>
    <col min="13083" max="13311" width="4.44140625" style="645"/>
    <col min="13312" max="13312" width="1.88671875" style="645" customWidth="1"/>
    <col min="13313" max="13313" width="2.33203125" style="645" customWidth="1"/>
    <col min="13314" max="13314" width="2.6640625" style="645" customWidth="1"/>
    <col min="13315" max="13333" width="4.44140625" style="645" customWidth="1"/>
    <col min="13334" max="13337" width="2.6640625" style="645" customWidth="1"/>
    <col min="13338" max="13338" width="2.33203125" style="645" customWidth="1"/>
    <col min="13339" max="13567" width="4.44140625" style="645"/>
    <col min="13568" max="13568" width="1.88671875" style="645" customWidth="1"/>
    <col min="13569" max="13569" width="2.33203125" style="645" customWidth="1"/>
    <col min="13570" max="13570" width="2.6640625" style="645" customWidth="1"/>
    <col min="13571" max="13589" width="4.44140625" style="645" customWidth="1"/>
    <col min="13590" max="13593" width="2.6640625" style="645" customWidth="1"/>
    <col min="13594" max="13594" width="2.33203125" style="645" customWidth="1"/>
    <col min="13595" max="13823" width="4.44140625" style="645"/>
    <col min="13824" max="13824" width="1.88671875" style="645" customWidth="1"/>
    <col min="13825" max="13825" width="2.33203125" style="645" customWidth="1"/>
    <col min="13826" max="13826" width="2.6640625" style="645" customWidth="1"/>
    <col min="13827" max="13845" width="4.44140625" style="645" customWidth="1"/>
    <col min="13846" max="13849" width="2.6640625" style="645" customWidth="1"/>
    <col min="13850" max="13850" width="2.33203125" style="645" customWidth="1"/>
    <col min="13851" max="14079" width="4.44140625" style="645"/>
    <col min="14080" max="14080" width="1.88671875" style="645" customWidth="1"/>
    <col min="14081" max="14081" width="2.33203125" style="645" customWidth="1"/>
    <col min="14082" max="14082" width="2.6640625" style="645" customWidth="1"/>
    <col min="14083" max="14101" width="4.44140625" style="645" customWidth="1"/>
    <col min="14102" max="14105" width="2.6640625" style="645" customWidth="1"/>
    <col min="14106" max="14106" width="2.33203125" style="645" customWidth="1"/>
    <col min="14107" max="14335" width="4.44140625" style="645"/>
    <col min="14336" max="14336" width="1.88671875" style="645" customWidth="1"/>
    <col min="14337" max="14337" width="2.33203125" style="645" customWidth="1"/>
    <col min="14338" max="14338" width="2.6640625" style="645" customWidth="1"/>
    <col min="14339" max="14357" width="4.44140625" style="645" customWidth="1"/>
    <col min="14358" max="14361" width="2.6640625" style="645" customWidth="1"/>
    <col min="14362" max="14362" width="2.33203125" style="645" customWidth="1"/>
    <col min="14363" max="14591" width="4.44140625" style="645"/>
    <col min="14592" max="14592" width="1.88671875" style="645" customWidth="1"/>
    <col min="14593" max="14593" width="2.33203125" style="645" customWidth="1"/>
    <col min="14594" max="14594" width="2.6640625" style="645" customWidth="1"/>
    <col min="14595" max="14613" width="4.44140625" style="645" customWidth="1"/>
    <col min="14614" max="14617" width="2.6640625" style="645" customWidth="1"/>
    <col min="14618" max="14618" width="2.33203125" style="645" customWidth="1"/>
    <col min="14619" max="14847" width="4.44140625" style="645"/>
    <col min="14848" max="14848" width="1.88671875" style="645" customWidth="1"/>
    <col min="14849" max="14849" width="2.33203125" style="645" customWidth="1"/>
    <col min="14850" max="14850" width="2.6640625" style="645" customWidth="1"/>
    <col min="14851" max="14869" width="4.44140625" style="645" customWidth="1"/>
    <col min="14870" max="14873" width="2.6640625" style="645" customWidth="1"/>
    <col min="14874" max="14874" width="2.33203125" style="645" customWidth="1"/>
    <col min="14875" max="15103" width="4.44140625" style="645"/>
    <col min="15104" max="15104" width="1.88671875" style="645" customWidth="1"/>
    <col min="15105" max="15105" width="2.33203125" style="645" customWidth="1"/>
    <col min="15106" max="15106" width="2.6640625" style="645" customWidth="1"/>
    <col min="15107" max="15125" width="4.44140625" style="645" customWidth="1"/>
    <col min="15126" max="15129" width="2.6640625" style="645" customWidth="1"/>
    <col min="15130" max="15130" width="2.33203125" style="645" customWidth="1"/>
    <col min="15131" max="15359" width="4.44140625" style="645"/>
    <col min="15360" max="15360" width="1.88671875" style="645" customWidth="1"/>
    <col min="15361" max="15361" width="2.33203125" style="645" customWidth="1"/>
    <col min="15362" max="15362" width="2.6640625" style="645" customWidth="1"/>
    <col min="15363" max="15381" width="4.44140625" style="645" customWidth="1"/>
    <col min="15382" max="15385" width="2.6640625" style="645" customWidth="1"/>
    <col min="15386" max="15386" width="2.33203125" style="645" customWidth="1"/>
    <col min="15387" max="15615" width="4.44140625" style="645"/>
    <col min="15616" max="15616" width="1.88671875" style="645" customWidth="1"/>
    <col min="15617" max="15617" width="2.33203125" style="645" customWidth="1"/>
    <col min="15618" max="15618" width="2.6640625" style="645" customWidth="1"/>
    <col min="15619" max="15637" width="4.44140625" style="645" customWidth="1"/>
    <col min="15638" max="15641" width="2.6640625" style="645" customWidth="1"/>
    <col min="15642" max="15642" width="2.33203125" style="645" customWidth="1"/>
    <col min="15643" max="15871" width="4.44140625" style="645"/>
    <col min="15872" max="15872" width="1.88671875" style="645" customWidth="1"/>
    <col min="15873" max="15873" width="2.33203125" style="645" customWidth="1"/>
    <col min="15874" max="15874" width="2.6640625" style="645" customWidth="1"/>
    <col min="15875" max="15893" width="4.44140625" style="645" customWidth="1"/>
    <col min="15894" max="15897" width="2.6640625" style="645" customWidth="1"/>
    <col min="15898" max="15898" width="2.33203125" style="645" customWidth="1"/>
    <col min="15899" max="16127" width="4.44140625" style="645"/>
    <col min="16128" max="16128" width="1.88671875" style="645" customWidth="1"/>
    <col min="16129" max="16129" width="2.33203125" style="645" customWidth="1"/>
    <col min="16130" max="16130" width="2.6640625" style="645" customWidth="1"/>
    <col min="16131" max="16149" width="4.44140625" style="645" customWidth="1"/>
    <col min="16150" max="16153" width="2.6640625" style="645" customWidth="1"/>
    <col min="16154" max="16154" width="2.33203125" style="645" customWidth="1"/>
    <col min="16155" max="16384" width="4.44140625" style="645"/>
  </cols>
  <sheetData>
    <row r="1" spans="1:26" x14ac:dyDescent="0.2">
      <c r="A1" s="628"/>
      <c r="B1" s="627"/>
      <c r="C1" s="627"/>
      <c r="D1" s="627"/>
      <c r="E1" s="627"/>
      <c r="F1" s="627"/>
      <c r="G1" s="627"/>
      <c r="H1" s="627"/>
      <c r="I1" s="627"/>
      <c r="J1" s="627"/>
      <c r="K1" s="627"/>
      <c r="L1" s="627"/>
      <c r="M1" s="627"/>
      <c r="N1" s="627"/>
      <c r="O1" s="627"/>
      <c r="P1" s="627"/>
      <c r="Q1" s="627"/>
      <c r="R1" s="627"/>
      <c r="S1" s="627"/>
      <c r="T1" s="627"/>
      <c r="U1" s="627"/>
      <c r="V1" s="627"/>
      <c r="W1" s="627"/>
      <c r="X1" s="627"/>
      <c r="Y1" s="627"/>
      <c r="Z1" s="710"/>
    </row>
    <row r="2" spans="1:26" x14ac:dyDescent="0.2">
      <c r="A2" s="628"/>
      <c r="B2" s="708" t="s">
        <v>1219</v>
      </c>
      <c r="C2" s="722"/>
      <c r="D2" s="722"/>
      <c r="E2" s="627"/>
      <c r="F2" s="627"/>
      <c r="G2" s="627"/>
      <c r="H2" s="627"/>
      <c r="I2" s="627"/>
      <c r="J2" s="627"/>
      <c r="K2" s="627"/>
      <c r="L2" s="627"/>
      <c r="M2" s="627"/>
      <c r="N2" s="627"/>
      <c r="O2" s="627"/>
      <c r="P2" s="627"/>
      <c r="Q2" s="627"/>
      <c r="R2" s="1191" t="s">
        <v>1182</v>
      </c>
      <c r="S2" s="1191"/>
      <c r="T2" s="1191"/>
      <c r="U2" s="1191"/>
      <c r="V2" s="1191"/>
      <c r="W2" s="1191"/>
      <c r="X2" s="1191"/>
      <c r="Y2" s="1191"/>
      <c r="Z2" s="710"/>
    </row>
    <row r="3" spans="1:26" x14ac:dyDescent="0.2">
      <c r="A3" s="628"/>
      <c r="B3" s="627"/>
      <c r="C3" s="627"/>
      <c r="D3" s="627"/>
      <c r="E3" s="627"/>
      <c r="F3" s="627"/>
      <c r="G3" s="627"/>
      <c r="H3" s="627"/>
      <c r="I3" s="627"/>
      <c r="J3" s="627"/>
      <c r="K3" s="627"/>
      <c r="L3" s="627"/>
      <c r="M3" s="627"/>
      <c r="N3" s="627"/>
      <c r="O3" s="627"/>
      <c r="P3" s="627"/>
      <c r="Q3" s="627"/>
      <c r="R3" s="627"/>
      <c r="S3" s="627"/>
      <c r="T3" s="711"/>
      <c r="U3" s="627"/>
      <c r="V3" s="627"/>
      <c r="W3" s="627"/>
      <c r="X3" s="627"/>
      <c r="Y3" s="627"/>
      <c r="Z3" s="710"/>
    </row>
    <row r="4" spans="1:26" ht="36.75" customHeight="1" x14ac:dyDescent="0.2">
      <c r="A4" s="628"/>
      <c r="B4" s="2993" t="s">
        <v>1183</v>
      </c>
      <c r="C4" s="2994"/>
      <c r="D4" s="2994"/>
      <c r="E4" s="2994"/>
      <c r="F4" s="2994"/>
      <c r="G4" s="2994"/>
      <c r="H4" s="2994"/>
      <c r="I4" s="2994"/>
      <c r="J4" s="2994"/>
      <c r="K4" s="2994"/>
      <c r="L4" s="2994"/>
      <c r="M4" s="2994"/>
      <c r="N4" s="2994"/>
      <c r="O4" s="2994"/>
      <c r="P4" s="2994"/>
      <c r="Q4" s="2994"/>
      <c r="R4" s="2994"/>
      <c r="S4" s="2994"/>
      <c r="T4" s="2994"/>
      <c r="U4" s="2994"/>
      <c r="V4" s="2994"/>
      <c r="W4" s="2994"/>
      <c r="X4" s="2994"/>
      <c r="Y4" s="2994"/>
      <c r="Z4" s="710"/>
    </row>
    <row r="5" spans="1:26" x14ac:dyDescent="0.2">
      <c r="A5" s="628"/>
      <c r="B5" s="627"/>
      <c r="C5" s="627"/>
      <c r="D5" s="627"/>
      <c r="E5" s="627"/>
      <c r="F5" s="627"/>
      <c r="G5" s="627"/>
      <c r="H5" s="627"/>
      <c r="I5" s="627"/>
      <c r="J5" s="627"/>
      <c r="K5" s="627"/>
      <c r="L5" s="627"/>
      <c r="M5" s="627"/>
      <c r="N5" s="627"/>
      <c r="O5" s="627"/>
      <c r="P5" s="627"/>
      <c r="Q5" s="627"/>
      <c r="R5" s="627"/>
      <c r="S5" s="627"/>
      <c r="T5" s="627"/>
      <c r="U5" s="627"/>
      <c r="V5" s="627"/>
      <c r="W5" s="627"/>
      <c r="X5" s="627"/>
      <c r="Y5" s="627"/>
      <c r="Z5" s="710"/>
    </row>
    <row r="6" spans="1:26" ht="23.25" customHeight="1" x14ac:dyDescent="0.2">
      <c r="A6" s="628"/>
      <c r="B6" s="2995" t="s">
        <v>1184</v>
      </c>
      <c r="C6" s="2996"/>
      <c r="D6" s="2996"/>
      <c r="E6" s="2996"/>
      <c r="F6" s="2997"/>
      <c r="G6" s="2998"/>
      <c r="H6" s="2998"/>
      <c r="I6" s="2998"/>
      <c r="J6" s="2998"/>
      <c r="K6" s="2998"/>
      <c r="L6" s="2998"/>
      <c r="M6" s="2998"/>
      <c r="N6" s="2998"/>
      <c r="O6" s="2998"/>
      <c r="P6" s="2998"/>
      <c r="Q6" s="2998"/>
      <c r="R6" s="2998"/>
      <c r="S6" s="2998"/>
      <c r="T6" s="2998"/>
      <c r="U6" s="2998"/>
      <c r="V6" s="2998"/>
      <c r="W6" s="2998"/>
      <c r="X6" s="2998"/>
      <c r="Y6" s="2999"/>
      <c r="Z6" s="710"/>
    </row>
    <row r="7" spans="1:26" ht="23.25" customHeight="1" x14ac:dyDescent="0.2">
      <c r="A7" s="628"/>
      <c r="B7" s="2995" t="s">
        <v>1185</v>
      </c>
      <c r="C7" s="2996"/>
      <c r="D7" s="2996"/>
      <c r="E7" s="2996"/>
      <c r="F7" s="2997"/>
      <c r="G7" s="2998" t="s">
        <v>1186</v>
      </c>
      <c r="H7" s="2998"/>
      <c r="I7" s="2998"/>
      <c r="J7" s="2998"/>
      <c r="K7" s="2998"/>
      <c r="L7" s="2998"/>
      <c r="M7" s="2998"/>
      <c r="N7" s="2998"/>
      <c r="O7" s="2998"/>
      <c r="P7" s="2998"/>
      <c r="Q7" s="2998"/>
      <c r="R7" s="2998"/>
      <c r="S7" s="2998"/>
      <c r="T7" s="2998"/>
      <c r="U7" s="2998"/>
      <c r="V7" s="2998"/>
      <c r="W7" s="2998"/>
      <c r="X7" s="2998"/>
      <c r="Y7" s="2999"/>
      <c r="Z7" s="710"/>
    </row>
    <row r="8" spans="1:26" ht="23.25" customHeight="1" x14ac:dyDescent="0.2">
      <c r="A8" s="628"/>
      <c r="B8" s="2987" t="s">
        <v>1187</v>
      </c>
      <c r="C8" s="2988"/>
      <c r="D8" s="2988"/>
      <c r="E8" s="2988"/>
      <c r="F8" s="2989"/>
      <c r="G8" s="3000" t="s">
        <v>1188</v>
      </c>
      <c r="H8" s="3001"/>
      <c r="I8" s="3001"/>
      <c r="J8" s="3001"/>
      <c r="K8" s="3001"/>
      <c r="L8" s="3001"/>
      <c r="M8" s="3001"/>
      <c r="N8" s="3001"/>
      <c r="O8" s="712"/>
      <c r="P8" s="712"/>
      <c r="Q8" s="712"/>
      <c r="R8" s="712" t="s">
        <v>1189</v>
      </c>
      <c r="S8" s="712"/>
      <c r="T8" s="712"/>
      <c r="U8" s="712"/>
      <c r="V8" s="712"/>
      <c r="W8" s="712"/>
      <c r="X8" s="712"/>
      <c r="Y8" s="713"/>
      <c r="Z8" s="710"/>
    </row>
    <row r="9" spans="1:26" ht="23.25" customHeight="1" x14ac:dyDescent="0.2">
      <c r="A9" s="628"/>
      <c r="B9" s="1298"/>
      <c r="C9" s="1192"/>
      <c r="D9" s="1192"/>
      <c r="E9" s="1192"/>
      <c r="F9" s="1299"/>
      <c r="G9" s="3000" t="s">
        <v>1190</v>
      </c>
      <c r="H9" s="3001"/>
      <c r="I9" s="3001"/>
      <c r="J9" s="3001"/>
      <c r="K9" s="3001"/>
      <c r="L9" s="3001"/>
      <c r="M9" s="3001"/>
      <c r="N9" s="3001"/>
      <c r="O9" s="712"/>
      <c r="P9" s="712"/>
      <c r="Q9" s="712"/>
      <c r="R9" s="712" t="s">
        <v>1189</v>
      </c>
      <c r="S9" s="712"/>
      <c r="T9" s="712"/>
      <c r="U9" s="712"/>
      <c r="V9" s="712"/>
      <c r="W9" s="712"/>
      <c r="X9" s="712"/>
      <c r="Y9" s="713"/>
      <c r="Z9" s="710"/>
    </row>
    <row r="10" spans="1:26" ht="23.25" customHeight="1" x14ac:dyDescent="0.2">
      <c r="A10" s="628"/>
      <c r="B10" s="1298"/>
      <c r="C10" s="1192"/>
      <c r="D10" s="1192"/>
      <c r="E10" s="1192"/>
      <c r="F10" s="1299"/>
      <c r="G10" s="3000" t="s">
        <v>1191</v>
      </c>
      <c r="H10" s="3001"/>
      <c r="I10" s="3001"/>
      <c r="J10" s="3001"/>
      <c r="K10" s="3001"/>
      <c r="L10" s="3001"/>
      <c r="M10" s="3001"/>
      <c r="N10" s="3001"/>
      <c r="O10" s="712"/>
      <c r="P10" s="712"/>
      <c r="Q10" s="712"/>
      <c r="R10" s="712" t="s">
        <v>1189</v>
      </c>
      <c r="S10" s="712"/>
      <c r="T10" s="712"/>
      <c r="U10" s="712"/>
      <c r="V10" s="712"/>
      <c r="W10" s="712"/>
      <c r="X10" s="712"/>
      <c r="Y10" s="713"/>
      <c r="Z10" s="710"/>
    </row>
    <row r="11" spans="1:26" ht="23.25" customHeight="1" x14ac:dyDescent="0.2">
      <c r="A11" s="628"/>
      <c r="B11" s="2990"/>
      <c r="C11" s="2991"/>
      <c r="D11" s="2991"/>
      <c r="E11" s="2991"/>
      <c r="F11" s="2992"/>
      <c r="G11" s="3002" t="s">
        <v>1192</v>
      </c>
      <c r="H11" s="2998"/>
      <c r="I11" s="2998"/>
      <c r="J11" s="2998"/>
      <c r="K11" s="2998"/>
      <c r="L11" s="2998"/>
      <c r="M11" s="2998"/>
      <c r="N11" s="2998"/>
      <c r="O11" s="2998"/>
      <c r="P11" s="712"/>
      <c r="Q11" s="712"/>
      <c r="R11" s="712" t="s">
        <v>1189</v>
      </c>
      <c r="S11" s="712"/>
      <c r="T11" s="712"/>
      <c r="U11" s="712"/>
      <c r="V11" s="712"/>
      <c r="W11" s="712"/>
      <c r="X11" s="712"/>
      <c r="Y11" s="713"/>
      <c r="Z11" s="710"/>
    </row>
    <row r="12" spans="1:26" x14ac:dyDescent="0.2">
      <c r="A12" s="628"/>
      <c r="B12" s="627"/>
      <c r="C12" s="627"/>
      <c r="D12" s="627"/>
      <c r="E12" s="627"/>
      <c r="F12" s="627"/>
      <c r="G12" s="627"/>
      <c r="H12" s="627"/>
      <c r="I12" s="627"/>
      <c r="J12" s="627"/>
      <c r="K12" s="627"/>
      <c r="L12" s="627"/>
      <c r="M12" s="627"/>
      <c r="N12" s="627"/>
      <c r="O12" s="627"/>
      <c r="P12" s="627"/>
      <c r="Q12" s="627"/>
      <c r="R12" s="627"/>
      <c r="S12" s="627"/>
      <c r="T12" s="627"/>
      <c r="U12" s="627"/>
      <c r="V12" s="627"/>
      <c r="W12" s="627"/>
      <c r="X12" s="627"/>
      <c r="Y12" s="627"/>
      <c r="Z12" s="710"/>
    </row>
    <row r="13" spans="1:26" ht="18.75" customHeight="1" x14ac:dyDescent="0.2">
      <c r="A13" s="628"/>
      <c r="B13" s="627" t="s">
        <v>1193</v>
      </c>
      <c r="C13" s="627"/>
      <c r="D13" s="627"/>
      <c r="E13" s="627"/>
      <c r="F13" s="627"/>
      <c r="G13" s="627"/>
      <c r="H13" s="627"/>
      <c r="I13" s="627"/>
      <c r="J13" s="627"/>
      <c r="K13" s="627"/>
      <c r="L13" s="627"/>
      <c r="M13" s="627"/>
      <c r="N13" s="627"/>
      <c r="O13" s="627"/>
      <c r="P13" s="627"/>
      <c r="Q13" s="627"/>
      <c r="R13" s="627"/>
      <c r="S13" s="627"/>
      <c r="T13" s="627"/>
      <c r="U13" s="627"/>
      <c r="V13" s="643"/>
      <c r="W13" s="643"/>
      <c r="X13" s="643"/>
      <c r="Y13" s="643"/>
      <c r="Z13" s="710"/>
    </row>
    <row r="14" spans="1:26" ht="18.75" customHeight="1" x14ac:dyDescent="0.2">
      <c r="A14" s="628"/>
      <c r="B14" s="714"/>
      <c r="C14" s="715" t="s">
        <v>1194</v>
      </c>
      <c r="D14" s="715"/>
      <c r="E14" s="715"/>
      <c r="F14" s="715"/>
      <c r="G14" s="715"/>
      <c r="H14" s="715"/>
      <c r="I14" s="715"/>
      <c r="J14" s="715"/>
      <c r="K14" s="715"/>
      <c r="L14" s="715"/>
      <c r="M14" s="715"/>
      <c r="N14" s="715"/>
      <c r="O14" s="715"/>
      <c r="P14" s="715"/>
      <c r="Q14" s="715"/>
      <c r="R14" s="715"/>
      <c r="S14" s="715"/>
      <c r="T14" s="715"/>
      <c r="U14" s="716"/>
      <c r="V14" s="2987" t="s">
        <v>1195</v>
      </c>
      <c r="W14" s="2988"/>
      <c r="X14" s="2988"/>
      <c r="Y14" s="2989"/>
      <c r="Z14" s="710"/>
    </row>
    <row r="15" spans="1:26" ht="18.75" customHeight="1" x14ac:dyDescent="0.2">
      <c r="A15" s="628"/>
      <c r="B15" s="717"/>
      <c r="C15" s="627" t="s">
        <v>1196</v>
      </c>
      <c r="D15" s="627"/>
      <c r="E15" s="627"/>
      <c r="F15" s="627"/>
      <c r="G15" s="627"/>
      <c r="H15" s="627"/>
      <c r="I15" s="627"/>
      <c r="J15" s="627"/>
      <c r="K15" s="627"/>
      <c r="L15" s="627"/>
      <c r="M15" s="627"/>
      <c r="N15" s="627"/>
      <c r="O15" s="627"/>
      <c r="P15" s="627"/>
      <c r="Q15" s="627"/>
      <c r="R15" s="627"/>
      <c r="S15" s="627"/>
      <c r="T15" s="627"/>
      <c r="U15" s="710"/>
      <c r="V15" s="1298"/>
      <c r="W15" s="1192"/>
      <c r="X15" s="1192"/>
      <c r="Y15" s="1299"/>
      <c r="Z15" s="710"/>
    </row>
    <row r="16" spans="1:26" ht="18.75" customHeight="1" x14ac:dyDescent="0.2">
      <c r="A16" s="628"/>
      <c r="B16" s="717"/>
      <c r="C16" s="627"/>
      <c r="D16" s="1193" t="s">
        <v>660</v>
      </c>
      <c r="E16" s="1194"/>
      <c r="F16" s="1194"/>
      <c r="G16" s="1194"/>
      <c r="H16" s="1194"/>
      <c r="I16" s="1195"/>
      <c r="J16" s="1193"/>
      <c r="K16" s="1194"/>
      <c r="L16" s="1194"/>
      <c r="M16" s="1194"/>
      <c r="N16" s="1194"/>
      <c r="O16" s="1194"/>
      <c r="P16" s="1194"/>
      <c r="Q16" s="1194"/>
      <c r="R16" s="1194"/>
      <c r="S16" s="1194"/>
      <c r="T16" s="1195"/>
      <c r="U16" s="710"/>
      <c r="V16" s="1298"/>
      <c r="W16" s="1192"/>
      <c r="X16" s="1192"/>
      <c r="Y16" s="1299"/>
      <c r="Z16" s="710"/>
    </row>
    <row r="17" spans="1:26" ht="7.5" customHeight="1" x14ac:dyDescent="0.2">
      <c r="A17" s="628"/>
      <c r="B17" s="718"/>
      <c r="C17" s="719"/>
      <c r="D17" s="719"/>
      <c r="E17" s="719"/>
      <c r="F17" s="719"/>
      <c r="G17" s="719"/>
      <c r="H17" s="719"/>
      <c r="I17" s="719"/>
      <c r="J17" s="719"/>
      <c r="K17" s="719"/>
      <c r="L17" s="719"/>
      <c r="M17" s="719"/>
      <c r="N17" s="719"/>
      <c r="O17" s="719"/>
      <c r="P17" s="719"/>
      <c r="Q17" s="719"/>
      <c r="R17" s="719"/>
      <c r="S17" s="719"/>
      <c r="T17" s="719"/>
      <c r="U17" s="720"/>
      <c r="V17" s="2990"/>
      <c r="W17" s="2991"/>
      <c r="X17" s="2991"/>
      <c r="Y17" s="2992"/>
      <c r="Z17" s="710"/>
    </row>
    <row r="18" spans="1:26" ht="18.75" customHeight="1" x14ac:dyDescent="0.2">
      <c r="A18" s="628"/>
      <c r="B18" s="714"/>
      <c r="C18" s="715" t="s">
        <v>1197</v>
      </c>
      <c r="D18" s="715"/>
      <c r="E18" s="715"/>
      <c r="F18" s="715"/>
      <c r="G18" s="715"/>
      <c r="H18" s="715"/>
      <c r="I18" s="715"/>
      <c r="J18" s="715"/>
      <c r="K18" s="715"/>
      <c r="L18" s="715"/>
      <c r="M18" s="715"/>
      <c r="N18" s="715"/>
      <c r="O18" s="715"/>
      <c r="P18" s="715"/>
      <c r="Q18" s="715"/>
      <c r="R18" s="715"/>
      <c r="S18" s="715"/>
      <c r="T18" s="715"/>
      <c r="U18" s="715"/>
      <c r="V18" s="2987" t="s">
        <v>1195</v>
      </c>
      <c r="W18" s="2988"/>
      <c r="X18" s="2988"/>
      <c r="Y18" s="2989"/>
      <c r="Z18" s="710"/>
    </row>
    <row r="19" spans="1:26" ht="18.75" customHeight="1" x14ac:dyDescent="0.2">
      <c r="A19" s="628"/>
      <c r="B19" s="717"/>
      <c r="C19" s="627"/>
      <c r="D19" s="1193" t="s">
        <v>659</v>
      </c>
      <c r="E19" s="1194"/>
      <c r="F19" s="1194"/>
      <c r="G19" s="1194"/>
      <c r="H19" s="1194"/>
      <c r="I19" s="1195"/>
      <c r="J19" s="1193"/>
      <c r="K19" s="1194"/>
      <c r="L19" s="1194"/>
      <c r="M19" s="1194"/>
      <c r="N19" s="1194"/>
      <c r="O19" s="1194"/>
      <c r="P19" s="1194"/>
      <c r="Q19" s="1194"/>
      <c r="R19" s="1194"/>
      <c r="S19" s="1194"/>
      <c r="T19" s="1195"/>
      <c r="U19" s="627"/>
      <c r="V19" s="1298"/>
      <c r="W19" s="1192"/>
      <c r="X19" s="1192"/>
      <c r="Y19" s="1299"/>
      <c r="Z19" s="710"/>
    </row>
    <row r="20" spans="1:26" ht="7.5" customHeight="1" x14ac:dyDescent="0.2">
      <c r="A20" s="628"/>
      <c r="B20" s="718"/>
      <c r="C20" s="719"/>
      <c r="D20" s="719"/>
      <c r="E20" s="719"/>
      <c r="F20" s="719"/>
      <c r="G20" s="719"/>
      <c r="H20" s="719"/>
      <c r="I20" s="719"/>
      <c r="J20" s="719"/>
      <c r="K20" s="719"/>
      <c r="L20" s="719"/>
      <c r="M20" s="719"/>
      <c r="N20" s="719"/>
      <c r="O20" s="719"/>
      <c r="P20" s="719"/>
      <c r="Q20" s="719"/>
      <c r="R20" s="719"/>
      <c r="S20" s="719"/>
      <c r="T20" s="719"/>
      <c r="U20" s="719"/>
      <c r="V20" s="2990"/>
      <c r="W20" s="2991"/>
      <c r="X20" s="2991"/>
      <c r="Y20" s="2992"/>
      <c r="Z20" s="710"/>
    </row>
    <row r="21" spans="1:26" ht="18.75" customHeight="1" x14ac:dyDescent="0.2">
      <c r="A21" s="628"/>
      <c r="B21" s="714"/>
      <c r="C21" s="715" t="s">
        <v>1198</v>
      </c>
      <c r="D21" s="715"/>
      <c r="E21" s="715"/>
      <c r="F21" s="715"/>
      <c r="G21" s="715"/>
      <c r="H21" s="715"/>
      <c r="I21" s="715"/>
      <c r="J21" s="715"/>
      <c r="K21" s="715"/>
      <c r="L21" s="715"/>
      <c r="M21" s="715"/>
      <c r="N21" s="715"/>
      <c r="O21" s="715"/>
      <c r="P21" s="715"/>
      <c r="Q21" s="715"/>
      <c r="R21" s="715"/>
      <c r="S21" s="715"/>
      <c r="T21" s="715"/>
      <c r="U21" s="716"/>
      <c r="V21" s="2987" t="s">
        <v>1195</v>
      </c>
      <c r="W21" s="2988"/>
      <c r="X21" s="2988"/>
      <c r="Y21" s="2989"/>
      <c r="Z21" s="710"/>
    </row>
    <row r="22" spans="1:26" ht="18.75" customHeight="1" x14ac:dyDescent="0.2">
      <c r="A22" s="628"/>
      <c r="B22" s="717"/>
      <c r="C22" s="628" t="s">
        <v>1199</v>
      </c>
      <c r="D22" s="628"/>
      <c r="E22" s="628"/>
      <c r="F22" s="628"/>
      <c r="G22" s="628"/>
      <c r="H22" s="628"/>
      <c r="I22" s="628"/>
      <c r="J22" s="628"/>
      <c r="K22" s="628"/>
      <c r="L22" s="628"/>
      <c r="M22" s="628"/>
      <c r="N22" s="628"/>
      <c r="O22" s="628"/>
      <c r="P22" s="628"/>
      <c r="Q22" s="628"/>
      <c r="R22" s="628"/>
      <c r="S22" s="628"/>
      <c r="T22" s="628"/>
      <c r="U22" s="710"/>
      <c r="V22" s="1298"/>
      <c r="W22" s="3003"/>
      <c r="X22" s="3003"/>
      <c r="Y22" s="1299"/>
      <c r="Z22" s="710"/>
    </row>
    <row r="23" spans="1:26" ht="18.75" customHeight="1" x14ac:dyDescent="0.2">
      <c r="A23" s="628"/>
      <c r="B23" s="718"/>
      <c r="C23" s="719" t="s">
        <v>1200</v>
      </c>
      <c r="D23" s="719"/>
      <c r="E23" s="719"/>
      <c r="F23" s="719"/>
      <c r="G23" s="719"/>
      <c r="H23" s="719"/>
      <c r="I23" s="719"/>
      <c r="J23" s="719"/>
      <c r="K23" s="719"/>
      <c r="L23" s="719"/>
      <c r="M23" s="719"/>
      <c r="N23" s="719"/>
      <c r="O23" s="719"/>
      <c r="P23" s="719"/>
      <c r="Q23" s="719"/>
      <c r="R23" s="719"/>
      <c r="S23" s="719"/>
      <c r="T23" s="719"/>
      <c r="U23" s="720"/>
      <c r="V23" s="2990"/>
      <c r="W23" s="2991"/>
      <c r="X23" s="2991"/>
      <c r="Y23" s="2992"/>
      <c r="Z23" s="710"/>
    </row>
    <row r="24" spans="1:26" ht="7.5" customHeight="1" x14ac:dyDescent="0.2">
      <c r="A24" s="628"/>
      <c r="B24" s="627"/>
      <c r="C24" s="627"/>
      <c r="D24" s="627"/>
      <c r="E24" s="627"/>
      <c r="F24" s="627"/>
      <c r="G24" s="627"/>
      <c r="H24" s="627"/>
      <c r="I24" s="627"/>
      <c r="J24" s="627"/>
      <c r="K24" s="627"/>
      <c r="L24" s="627"/>
      <c r="M24" s="627"/>
      <c r="N24" s="627"/>
      <c r="O24" s="627"/>
      <c r="P24" s="627"/>
      <c r="Q24" s="627"/>
      <c r="R24" s="627"/>
      <c r="S24" s="627"/>
      <c r="T24" s="627"/>
      <c r="U24" s="627"/>
      <c r="V24" s="643"/>
      <c r="W24" s="643"/>
      <c r="X24" s="643"/>
      <c r="Y24" s="643"/>
      <c r="Z24" s="710"/>
    </row>
    <row r="25" spans="1:26" ht="18.75" customHeight="1" x14ac:dyDescent="0.2">
      <c r="A25" s="628"/>
      <c r="B25" s="627" t="s">
        <v>1201</v>
      </c>
      <c r="C25" s="627"/>
      <c r="D25" s="627"/>
      <c r="E25" s="627"/>
      <c r="F25" s="627"/>
      <c r="G25" s="627"/>
      <c r="H25" s="627"/>
      <c r="I25" s="627"/>
      <c r="J25" s="627"/>
      <c r="K25" s="627"/>
      <c r="L25" s="627"/>
      <c r="M25" s="627"/>
      <c r="N25" s="627"/>
      <c r="O25" s="627"/>
      <c r="P25" s="627"/>
      <c r="Q25" s="627"/>
      <c r="R25" s="627"/>
      <c r="S25" s="627"/>
      <c r="T25" s="627"/>
      <c r="U25" s="627"/>
      <c r="V25" s="643"/>
      <c r="W25" s="643"/>
      <c r="X25" s="643"/>
      <c r="Y25" s="643"/>
      <c r="Z25" s="710"/>
    </row>
    <row r="26" spans="1:26" ht="18.75" customHeight="1" x14ac:dyDescent="0.2">
      <c r="A26" s="628"/>
      <c r="B26" s="714"/>
      <c r="C26" s="715" t="s">
        <v>1202</v>
      </c>
      <c r="D26" s="715"/>
      <c r="E26" s="715"/>
      <c r="F26" s="715"/>
      <c r="G26" s="715"/>
      <c r="H26" s="715"/>
      <c r="I26" s="715"/>
      <c r="J26" s="715"/>
      <c r="K26" s="715"/>
      <c r="L26" s="715"/>
      <c r="M26" s="715"/>
      <c r="N26" s="715"/>
      <c r="O26" s="715"/>
      <c r="P26" s="715"/>
      <c r="Q26" s="715"/>
      <c r="R26" s="715"/>
      <c r="S26" s="715"/>
      <c r="T26" s="715"/>
      <c r="U26" s="716"/>
      <c r="V26" s="2987" t="s">
        <v>1203</v>
      </c>
      <c r="W26" s="2988"/>
      <c r="X26" s="2988"/>
      <c r="Y26" s="2989"/>
      <c r="Z26" s="710"/>
    </row>
    <row r="27" spans="1:26" ht="18.75" customHeight="1" x14ac:dyDescent="0.2">
      <c r="A27" s="628"/>
      <c r="B27" s="717"/>
      <c r="C27" s="627" t="s">
        <v>1204</v>
      </c>
      <c r="D27" s="627"/>
      <c r="E27" s="627"/>
      <c r="F27" s="627"/>
      <c r="G27" s="627"/>
      <c r="H27" s="627"/>
      <c r="I27" s="627"/>
      <c r="J27" s="627"/>
      <c r="K27" s="627"/>
      <c r="L27" s="627"/>
      <c r="M27" s="627"/>
      <c r="N27" s="627"/>
      <c r="O27" s="627"/>
      <c r="P27" s="627"/>
      <c r="Q27" s="627"/>
      <c r="R27" s="627"/>
      <c r="S27" s="627"/>
      <c r="T27" s="627"/>
      <c r="U27" s="710"/>
      <c r="V27" s="1298"/>
      <c r="W27" s="1192"/>
      <c r="X27" s="1192"/>
      <c r="Y27" s="1299"/>
      <c r="Z27" s="710"/>
    </row>
    <row r="28" spans="1:26" ht="18.75" customHeight="1" x14ac:dyDescent="0.2">
      <c r="A28" s="628"/>
      <c r="B28" s="717"/>
      <c r="C28" s="627"/>
      <c r="D28" s="1193" t="s">
        <v>660</v>
      </c>
      <c r="E28" s="1194"/>
      <c r="F28" s="1194"/>
      <c r="G28" s="1194"/>
      <c r="H28" s="1194"/>
      <c r="I28" s="1195"/>
      <c r="J28" s="1193"/>
      <c r="K28" s="1194"/>
      <c r="L28" s="1194"/>
      <c r="M28" s="1194"/>
      <c r="N28" s="1194"/>
      <c r="O28" s="1194"/>
      <c r="P28" s="1194"/>
      <c r="Q28" s="1194"/>
      <c r="R28" s="1194"/>
      <c r="S28" s="1194"/>
      <c r="T28" s="1195"/>
      <c r="U28" s="710"/>
      <c r="V28" s="1298"/>
      <c r="W28" s="1192"/>
      <c r="X28" s="1192"/>
      <c r="Y28" s="1299"/>
      <c r="Z28" s="710"/>
    </row>
    <row r="29" spans="1:26" ht="7.5" customHeight="1" x14ac:dyDescent="0.2">
      <c r="A29" s="628"/>
      <c r="B29" s="718"/>
      <c r="C29" s="719"/>
      <c r="D29" s="719"/>
      <c r="E29" s="719"/>
      <c r="F29" s="719"/>
      <c r="G29" s="719"/>
      <c r="H29" s="719"/>
      <c r="I29" s="719"/>
      <c r="J29" s="719"/>
      <c r="K29" s="719"/>
      <c r="L29" s="719"/>
      <c r="M29" s="719"/>
      <c r="N29" s="719"/>
      <c r="O29" s="719"/>
      <c r="P29" s="719"/>
      <c r="Q29" s="719"/>
      <c r="R29" s="719"/>
      <c r="S29" s="719"/>
      <c r="T29" s="719"/>
      <c r="U29" s="720"/>
      <c r="V29" s="2990"/>
      <c r="W29" s="2991"/>
      <c r="X29" s="2991"/>
      <c r="Y29" s="2992"/>
      <c r="Z29" s="710"/>
    </row>
    <row r="30" spans="1:26" ht="18.75" customHeight="1" x14ac:dyDescent="0.2">
      <c r="A30" s="628"/>
      <c r="B30" s="714"/>
      <c r="C30" s="715" t="s">
        <v>1197</v>
      </c>
      <c r="D30" s="715"/>
      <c r="E30" s="715"/>
      <c r="F30" s="715"/>
      <c r="G30" s="715"/>
      <c r="H30" s="715"/>
      <c r="I30" s="715"/>
      <c r="J30" s="715"/>
      <c r="K30" s="715"/>
      <c r="L30" s="715"/>
      <c r="M30" s="715"/>
      <c r="N30" s="715"/>
      <c r="O30" s="715"/>
      <c r="P30" s="715"/>
      <c r="Q30" s="715"/>
      <c r="R30" s="715"/>
      <c r="S30" s="715"/>
      <c r="T30" s="715"/>
      <c r="U30" s="715"/>
      <c r="V30" s="2987" t="s">
        <v>1203</v>
      </c>
      <c r="W30" s="2988"/>
      <c r="X30" s="2988"/>
      <c r="Y30" s="2989"/>
      <c r="Z30" s="710"/>
    </row>
    <row r="31" spans="1:26" ht="18.75" customHeight="1" x14ac:dyDescent="0.2">
      <c r="A31" s="628"/>
      <c r="B31" s="717"/>
      <c r="C31" s="627"/>
      <c r="D31" s="1193" t="s">
        <v>659</v>
      </c>
      <c r="E31" s="1194"/>
      <c r="F31" s="1194"/>
      <c r="G31" s="1194"/>
      <c r="H31" s="1194"/>
      <c r="I31" s="1195"/>
      <c r="J31" s="1193"/>
      <c r="K31" s="1194"/>
      <c r="L31" s="1194"/>
      <c r="M31" s="1194"/>
      <c r="N31" s="1194"/>
      <c r="O31" s="1194"/>
      <c r="P31" s="1194"/>
      <c r="Q31" s="1194"/>
      <c r="R31" s="1194"/>
      <c r="S31" s="1194"/>
      <c r="T31" s="1195"/>
      <c r="U31" s="627"/>
      <c r="V31" s="1298"/>
      <c r="W31" s="1192"/>
      <c r="X31" s="1192"/>
      <c r="Y31" s="1299"/>
      <c r="Z31" s="710"/>
    </row>
    <row r="32" spans="1:26" ht="7.5" customHeight="1" x14ac:dyDescent="0.2">
      <c r="A32" s="628"/>
      <c r="B32" s="718"/>
      <c r="C32" s="719"/>
      <c r="D32" s="719"/>
      <c r="E32" s="719"/>
      <c r="F32" s="719"/>
      <c r="G32" s="719"/>
      <c r="H32" s="719"/>
      <c r="I32" s="719"/>
      <c r="J32" s="719"/>
      <c r="K32" s="719"/>
      <c r="L32" s="719"/>
      <c r="M32" s="719"/>
      <c r="N32" s="719"/>
      <c r="O32" s="719"/>
      <c r="P32" s="719"/>
      <c r="Q32" s="719"/>
      <c r="R32" s="719"/>
      <c r="S32" s="719"/>
      <c r="T32" s="719"/>
      <c r="U32" s="719"/>
      <c r="V32" s="2990"/>
      <c r="W32" s="2991"/>
      <c r="X32" s="2991"/>
      <c r="Y32" s="2992"/>
      <c r="Z32" s="710"/>
    </row>
    <row r="33" spans="1:26" ht="18.75" customHeight="1" x14ac:dyDescent="0.2">
      <c r="A33" s="628"/>
      <c r="B33" s="714"/>
      <c r="C33" s="715" t="s">
        <v>1205</v>
      </c>
      <c r="D33" s="715"/>
      <c r="E33" s="715"/>
      <c r="F33" s="715"/>
      <c r="G33" s="715"/>
      <c r="H33" s="715"/>
      <c r="I33" s="715"/>
      <c r="J33" s="715"/>
      <c r="K33" s="715"/>
      <c r="L33" s="715"/>
      <c r="M33" s="715"/>
      <c r="N33" s="715"/>
      <c r="O33" s="715"/>
      <c r="P33" s="715"/>
      <c r="Q33" s="715"/>
      <c r="R33" s="715"/>
      <c r="S33" s="715"/>
      <c r="T33" s="715"/>
      <c r="U33" s="716"/>
      <c r="V33" s="2987" t="s">
        <v>1203</v>
      </c>
      <c r="W33" s="2988"/>
      <c r="X33" s="2988"/>
      <c r="Y33" s="2989"/>
      <c r="Z33" s="710"/>
    </row>
    <row r="34" spans="1:26" ht="18.75" customHeight="1" x14ac:dyDescent="0.2">
      <c r="A34" s="628"/>
      <c r="B34" s="717"/>
      <c r="C34" s="627" t="s">
        <v>1199</v>
      </c>
      <c r="D34" s="627"/>
      <c r="E34" s="627"/>
      <c r="F34" s="627"/>
      <c r="G34" s="627"/>
      <c r="H34" s="627"/>
      <c r="I34" s="627"/>
      <c r="J34" s="627"/>
      <c r="K34" s="627"/>
      <c r="L34" s="627"/>
      <c r="M34" s="627"/>
      <c r="N34" s="627"/>
      <c r="O34" s="627"/>
      <c r="P34" s="627"/>
      <c r="Q34" s="627"/>
      <c r="R34" s="627"/>
      <c r="S34" s="627"/>
      <c r="T34" s="627"/>
      <c r="U34" s="710"/>
      <c r="V34" s="1298"/>
      <c r="W34" s="1192"/>
      <c r="X34" s="1192"/>
      <c r="Y34" s="1299"/>
      <c r="Z34" s="710"/>
    </row>
    <row r="35" spans="1:26" ht="18.75" customHeight="1" x14ac:dyDescent="0.2">
      <c r="A35" s="628"/>
      <c r="B35" s="718"/>
      <c r="C35" s="719" t="s">
        <v>1206</v>
      </c>
      <c r="D35" s="719"/>
      <c r="E35" s="719"/>
      <c r="F35" s="719"/>
      <c r="G35" s="719"/>
      <c r="H35" s="719"/>
      <c r="I35" s="719"/>
      <c r="J35" s="719"/>
      <c r="K35" s="719"/>
      <c r="L35" s="719"/>
      <c r="M35" s="719"/>
      <c r="N35" s="719"/>
      <c r="O35" s="719"/>
      <c r="P35" s="719"/>
      <c r="Q35" s="719"/>
      <c r="R35" s="719"/>
      <c r="S35" s="719"/>
      <c r="T35" s="719"/>
      <c r="U35" s="720"/>
      <c r="V35" s="2990"/>
      <c r="W35" s="2991"/>
      <c r="X35" s="2991"/>
      <c r="Y35" s="2992"/>
      <c r="Z35" s="710"/>
    </row>
    <row r="36" spans="1:26" ht="7.5" customHeight="1" x14ac:dyDescent="0.2">
      <c r="A36" s="628"/>
      <c r="B36" s="627"/>
      <c r="C36" s="627"/>
      <c r="D36" s="627"/>
      <c r="E36" s="627"/>
      <c r="F36" s="627"/>
      <c r="G36" s="627"/>
      <c r="H36" s="627"/>
      <c r="I36" s="627"/>
      <c r="J36" s="627"/>
      <c r="K36" s="627"/>
      <c r="L36" s="627"/>
      <c r="M36" s="627"/>
      <c r="N36" s="627"/>
      <c r="O36" s="627"/>
      <c r="P36" s="627"/>
      <c r="Q36" s="627"/>
      <c r="R36" s="627"/>
      <c r="S36" s="627"/>
      <c r="T36" s="627"/>
      <c r="U36" s="627"/>
      <c r="V36" s="721"/>
      <c r="W36" s="721"/>
      <c r="X36" s="721"/>
      <c r="Y36" s="721"/>
      <c r="Z36" s="710"/>
    </row>
    <row r="37" spans="1:26" ht="18.75" customHeight="1" x14ac:dyDescent="0.2">
      <c r="A37" s="628"/>
      <c r="B37" s="627" t="s">
        <v>1207</v>
      </c>
      <c r="C37" s="627"/>
      <c r="D37" s="627"/>
      <c r="E37" s="627"/>
      <c r="F37" s="627"/>
      <c r="G37" s="627"/>
      <c r="H37" s="627"/>
      <c r="I37" s="627"/>
      <c r="J37" s="627"/>
      <c r="K37" s="627"/>
      <c r="L37" s="627"/>
      <c r="M37" s="627"/>
      <c r="N37" s="627"/>
      <c r="O37" s="627"/>
      <c r="P37" s="627"/>
      <c r="Q37" s="627"/>
      <c r="R37" s="627"/>
      <c r="S37" s="627"/>
      <c r="T37" s="627"/>
      <c r="U37" s="627"/>
      <c r="V37" s="643"/>
      <c r="W37" s="643"/>
      <c r="X37" s="643"/>
      <c r="Y37" s="643"/>
      <c r="Z37" s="710"/>
    </row>
    <row r="38" spans="1:26" ht="18.75" customHeight="1" x14ac:dyDescent="0.2">
      <c r="A38" s="628"/>
      <c r="B38" s="714"/>
      <c r="C38" s="3004" t="s">
        <v>1208</v>
      </c>
      <c r="D38" s="3004"/>
      <c r="E38" s="3004"/>
      <c r="F38" s="3004"/>
      <c r="G38" s="3004"/>
      <c r="H38" s="3004"/>
      <c r="I38" s="3004"/>
      <c r="J38" s="3004"/>
      <c r="K38" s="3004"/>
      <c r="L38" s="3004"/>
      <c r="M38" s="3004"/>
      <c r="N38" s="3004"/>
      <c r="O38" s="3004"/>
      <c r="P38" s="3004"/>
      <c r="Q38" s="3004"/>
      <c r="R38" s="3004"/>
      <c r="S38" s="3004"/>
      <c r="T38" s="3004"/>
      <c r="U38" s="716"/>
      <c r="V38" s="2987" t="s">
        <v>1203</v>
      </c>
      <c r="W38" s="2988"/>
      <c r="X38" s="2988"/>
      <c r="Y38" s="2989"/>
      <c r="Z38" s="710"/>
    </row>
    <row r="39" spans="1:26" ht="18.75" customHeight="1" x14ac:dyDescent="0.2">
      <c r="A39" s="628"/>
      <c r="B39" s="717"/>
      <c r="C39" s="627" t="s">
        <v>1204</v>
      </c>
      <c r="D39" s="627"/>
      <c r="E39" s="627"/>
      <c r="F39" s="627"/>
      <c r="G39" s="627"/>
      <c r="H39" s="627"/>
      <c r="I39" s="627"/>
      <c r="J39" s="627"/>
      <c r="K39" s="627"/>
      <c r="L39" s="627"/>
      <c r="M39" s="627"/>
      <c r="N39" s="627"/>
      <c r="O39" s="627"/>
      <c r="P39" s="627"/>
      <c r="Q39" s="627"/>
      <c r="R39" s="627"/>
      <c r="S39" s="627"/>
      <c r="T39" s="627"/>
      <c r="U39" s="710"/>
      <c r="V39" s="1298"/>
      <c r="W39" s="1192"/>
      <c r="X39" s="1192"/>
      <c r="Y39" s="1299"/>
      <c r="Z39" s="710"/>
    </row>
    <row r="40" spans="1:26" ht="18.75" customHeight="1" x14ac:dyDescent="0.2">
      <c r="A40" s="628"/>
      <c r="B40" s="717"/>
      <c r="C40" s="627"/>
      <c r="D40" s="1193" t="s">
        <v>660</v>
      </c>
      <c r="E40" s="1194"/>
      <c r="F40" s="1194"/>
      <c r="G40" s="1194"/>
      <c r="H40" s="1194"/>
      <c r="I40" s="1195"/>
      <c r="J40" s="1193"/>
      <c r="K40" s="1194"/>
      <c r="L40" s="1194"/>
      <c r="M40" s="1194"/>
      <c r="N40" s="1194"/>
      <c r="O40" s="1194"/>
      <c r="P40" s="1194"/>
      <c r="Q40" s="1194"/>
      <c r="R40" s="1194"/>
      <c r="S40" s="1194"/>
      <c r="T40" s="1195"/>
      <c r="U40" s="710"/>
      <c r="V40" s="1298"/>
      <c r="W40" s="1192"/>
      <c r="X40" s="1192"/>
      <c r="Y40" s="1299"/>
      <c r="Z40" s="710"/>
    </row>
    <row r="41" spans="1:26" ht="7.5" customHeight="1" x14ac:dyDescent="0.2">
      <c r="A41" s="628"/>
      <c r="B41" s="718"/>
      <c r="C41" s="719"/>
      <c r="D41" s="719"/>
      <c r="E41" s="719"/>
      <c r="F41" s="719"/>
      <c r="G41" s="719"/>
      <c r="H41" s="719"/>
      <c r="I41" s="719"/>
      <c r="J41" s="719"/>
      <c r="K41" s="719"/>
      <c r="L41" s="719"/>
      <c r="M41" s="719"/>
      <c r="N41" s="719"/>
      <c r="O41" s="719"/>
      <c r="P41" s="719"/>
      <c r="Q41" s="719"/>
      <c r="R41" s="719"/>
      <c r="S41" s="719"/>
      <c r="T41" s="719"/>
      <c r="U41" s="720"/>
      <c r="V41" s="2990"/>
      <c r="W41" s="2991"/>
      <c r="X41" s="2991"/>
      <c r="Y41" s="2992"/>
      <c r="Z41" s="710"/>
    </row>
    <row r="42" spans="1:26" ht="18.75" customHeight="1" x14ac:dyDescent="0.2">
      <c r="A42" s="628"/>
      <c r="B42" s="714"/>
      <c r="C42" s="715" t="s">
        <v>1197</v>
      </c>
      <c r="D42" s="715"/>
      <c r="E42" s="715"/>
      <c r="F42" s="715"/>
      <c r="G42" s="715"/>
      <c r="H42" s="715"/>
      <c r="I42" s="715"/>
      <c r="J42" s="715"/>
      <c r="K42" s="715"/>
      <c r="L42" s="715"/>
      <c r="M42" s="715"/>
      <c r="N42" s="715"/>
      <c r="O42" s="715"/>
      <c r="P42" s="715"/>
      <c r="Q42" s="715"/>
      <c r="R42" s="715"/>
      <c r="S42" s="715"/>
      <c r="T42" s="715"/>
      <c r="U42" s="715"/>
      <c r="V42" s="2987" t="s">
        <v>1203</v>
      </c>
      <c r="W42" s="2988"/>
      <c r="X42" s="2988"/>
      <c r="Y42" s="2989"/>
      <c r="Z42" s="710"/>
    </row>
    <row r="43" spans="1:26" ht="18.75" customHeight="1" x14ac:dyDescent="0.2">
      <c r="A43" s="628"/>
      <c r="B43" s="717"/>
      <c r="C43" s="627"/>
      <c r="D43" s="1193" t="s">
        <v>659</v>
      </c>
      <c r="E43" s="1194"/>
      <c r="F43" s="1194"/>
      <c r="G43" s="1194"/>
      <c r="H43" s="1194"/>
      <c r="I43" s="1195"/>
      <c r="J43" s="1193"/>
      <c r="K43" s="1194"/>
      <c r="L43" s="1194"/>
      <c r="M43" s="1194"/>
      <c r="N43" s="1194"/>
      <c r="O43" s="1194"/>
      <c r="P43" s="1194"/>
      <c r="Q43" s="1194"/>
      <c r="R43" s="1194"/>
      <c r="S43" s="1194"/>
      <c r="T43" s="1195"/>
      <c r="U43" s="627"/>
      <c r="V43" s="1298"/>
      <c r="W43" s="1192"/>
      <c r="X43" s="1192"/>
      <c r="Y43" s="1299"/>
      <c r="Z43" s="710"/>
    </row>
    <row r="44" spans="1:26" ht="7.5" customHeight="1" x14ac:dyDescent="0.2">
      <c r="A44" s="628"/>
      <c r="B44" s="718"/>
      <c r="C44" s="719"/>
      <c r="D44" s="719"/>
      <c r="E44" s="719"/>
      <c r="F44" s="719"/>
      <c r="G44" s="719"/>
      <c r="H44" s="719"/>
      <c r="I44" s="719"/>
      <c r="J44" s="719"/>
      <c r="K44" s="719"/>
      <c r="L44" s="719"/>
      <c r="M44" s="719"/>
      <c r="N44" s="719"/>
      <c r="O44" s="719"/>
      <c r="P44" s="719"/>
      <c r="Q44" s="719"/>
      <c r="R44" s="719"/>
      <c r="S44" s="719"/>
      <c r="T44" s="719"/>
      <c r="U44" s="719"/>
      <c r="V44" s="2990"/>
      <c r="W44" s="2991"/>
      <c r="X44" s="2991"/>
      <c r="Y44" s="2992"/>
      <c r="Z44" s="710"/>
    </row>
    <row r="45" spans="1:26" ht="18.75" customHeight="1" x14ac:dyDescent="0.2">
      <c r="A45" s="628"/>
      <c r="B45" s="714"/>
      <c r="C45" s="715" t="s">
        <v>1209</v>
      </c>
      <c r="D45" s="715"/>
      <c r="E45" s="715"/>
      <c r="F45" s="715"/>
      <c r="G45" s="715"/>
      <c r="H45" s="715"/>
      <c r="I45" s="715"/>
      <c r="J45" s="715"/>
      <c r="K45" s="715"/>
      <c r="L45" s="715"/>
      <c r="M45" s="715"/>
      <c r="N45" s="715"/>
      <c r="O45" s="715"/>
      <c r="P45" s="715"/>
      <c r="Q45" s="715"/>
      <c r="R45" s="715"/>
      <c r="S45" s="715"/>
      <c r="T45" s="715"/>
      <c r="U45" s="716"/>
      <c r="V45" s="2987" t="s">
        <v>1203</v>
      </c>
      <c r="W45" s="2988"/>
      <c r="X45" s="2988"/>
      <c r="Y45" s="2989"/>
      <c r="Z45" s="710"/>
    </row>
    <row r="46" spans="1:26" ht="18.75" customHeight="1" x14ac:dyDescent="0.2">
      <c r="A46" s="628"/>
      <c r="B46" s="717"/>
      <c r="C46" s="627" t="s">
        <v>1210</v>
      </c>
      <c r="D46" s="627"/>
      <c r="E46" s="627"/>
      <c r="F46" s="627"/>
      <c r="G46" s="627"/>
      <c r="H46" s="627"/>
      <c r="I46" s="627"/>
      <c r="J46" s="627"/>
      <c r="K46" s="627"/>
      <c r="L46" s="627"/>
      <c r="M46" s="627"/>
      <c r="N46" s="627"/>
      <c r="O46" s="627"/>
      <c r="P46" s="627"/>
      <c r="Q46" s="627"/>
      <c r="R46" s="627"/>
      <c r="S46" s="627"/>
      <c r="T46" s="627"/>
      <c r="U46" s="710"/>
      <c r="V46" s="1298"/>
      <c r="W46" s="1192"/>
      <c r="X46" s="1192"/>
      <c r="Y46" s="1299"/>
      <c r="Z46" s="710"/>
    </row>
    <row r="47" spans="1:26" ht="18.75" customHeight="1" x14ac:dyDescent="0.2">
      <c r="A47" s="628"/>
      <c r="B47" s="714"/>
      <c r="C47" s="715" t="s">
        <v>1211</v>
      </c>
      <c r="D47" s="715"/>
      <c r="E47" s="715"/>
      <c r="F47" s="715"/>
      <c r="G47" s="715"/>
      <c r="H47" s="715"/>
      <c r="I47" s="715"/>
      <c r="J47" s="715"/>
      <c r="K47" s="715"/>
      <c r="L47" s="715"/>
      <c r="M47" s="715"/>
      <c r="N47" s="715"/>
      <c r="O47" s="715"/>
      <c r="P47" s="715"/>
      <c r="Q47" s="715"/>
      <c r="R47" s="715"/>
      <c r="S47" s="715"/>
      <c r="T47" s="715"/>
      <c r="U47" s="715"/>
      <c r="V47" s="2987" t="s">
        <v>1203</v>
      </c>
      <c r="W47" s="2988"/>
      <c r="X47" s="2988"/>
      <c r="Y47" s="2989"/>
      <c r="Z47" s="710"/>
    </row>
    <row r="48" spans="1:26" ht="18.75" customHeight="1" x14ac:dyDescent="0.2">
      <c r="A48" s="628"/>
      <c r="B48" s="717"/>
      <c r="C48" s="627" t="s">
        <v>1212</v>
      </c>
      <c r="D48" s="627"/>
      <c r="E48" s="627"/>
      <c r="F48" s="627"/>
      <c r="G48" s="627"/>
      <c r="H48" s="627"/>
      <c r="I48" s="627"/>
      <c r="J48" s="627"/>
      <c r="K48" s="627"/>
      <c r="L48" s="627"/>
      <c r="M48" s="627"/>
      <c r="N48" s="627"/>
      <c r="O48" s="627"/>
      <c r="P48" s="627"/>
      <c r="Q48" s="627"/>
      <c r="R48" s="627"/>
      <c r="S48" s="627"/>
      <c r="T48" s="627"/>
      <c r="U48" s="627"/>
      <c r="V48" s="1298"/>
      <c r="W48" s="1192"/>
      <c r="X48" s="1192"/>
      <c r="Y48" s="1299"/>
      <c r="Z48" s="710"/>
    </row>
    <row r="49" spans="1:26" ht="18.75" customHeight="1" x14ac:dyDescent="0.2">
      <c r="A49" s="628"/>
      <c r="B49" s="717"/>
      <c r="C49" s="627" t="s">
        <v>1213</v>
      </c>
      <c r="D49" s="627"/>
      <c r="E49" s="627"/>
      <c r="F49" s="627"/>
      <c r="G49" s="627"/>
      <c r="H49" s="627"/>
      <c r="I49" s="627"/>
      <c r="J49" s="627"/>
      <c r="K49" s="627"/>
      <c r="L49" s="627"/>
      <c r="M49" s="627"/>
      <c r="N49" s="627"/>
      <c r="O49" s="627"/>
      <c r="P49" s="627"/>
      <c r="Q49" s="627"/>
      <c r="R49" s="627"/>
      <c r="S49" s="627"/>
      <c r="T49" s="627"/>
      <c r="U49" s="627"/>
      <c r="V49" s="1298"/>
      <c r="W49" s="1192"/>
      <c r="X49" s="1192"/>
      <c r="Y49" s="1299"/>
      <c r="Z49" s="710"/>
    </row>
    <row r="50" spans="1:26" ht="18.75" customHeight="1" x14ac:dyDescent="0.2">
      <c r="A50" s="628"/>
      <c r="B50" s="717"/>
      <c r="C50" s="627"/>
      <c r="D50" s="1193" t="s">
        <v>1214</v>
      </c>
      <c r="E50" s="1194"/>
      <c r="F50" s="1194"/>
      <c r="G50" s="1194"/>
      <c r="H50" s="1194"/>
      <c r="I50" s="1195"/>
      <c r="J50" s="1193"/>
      <c r="K50" s="1194"/>
      <c r="L50" s="1194"/>
      <c r="M50" s="1194"/>
      <c r="N50" s="1194"/>
      <c r="O50" s="1194"/>
      <c r="P50" s="1194"/>
      <c r="Q50" s="1194"/>
      <c r="R50" s="1194"/>
      <c r="S50" s="1194"/>
      <c r="T50" s="1195"/>
      <c r="U50" s="627"/>
      <c r="V50" s="1298"/>
      <c r="W50" s="1192"/>
      <c r="X50" s="1192"/>
      <c r="Y50" s="1299"/>
      <c r="Z50" s="710"/>
    </row>
    <row r="51" spans="1:26" ht="7.5" customHeight="1" x14ac:dyDescent="0.2">
      <c r="A51" s="628"/>
      <c r="B51" s="718"/>
      <c r="C51" s="719"/>
      <c r="D51" s="719"/>
      <c r="E51" s="719"/>
      <c r="F51" s="719"/>
      <c r="G51" s="719"/>
      <c r="H51" s="719"/>
      <c r="I51" s="719"/>
      <c r="J51" s="719"/>
      <c r="K51" s="719"/>
      <c r="L51" s="719"/>
      <c r="M51" s="719"/>
      <c r="N51" s="719"/>
      <c r="O51" s="719"/>
      <c r="P51" s="719"/>
      <c r="Q51" s="719"/>
      <c r="R51" s="719"/>
      <c r="S51" s="719"/>
      <c r="T51" s="719"/>
      <c r="U51" s="719"/>
      <c r="V51" s="2990"/>
      <c r="W51" s="2991"/>
      <c r="X51" s="2991"/>
      <c r="Y51" s="2992"/>
      <c r="Z51" s="710"/>
    </row>
    <row r="52" spans="1:26" ht="7.35" customHeight="1" x14ac:dyDescent="0.2">
      <c r="A52" s="628"/>
      <c r="B52" s="627"/>
      <c r="C52" s="627"/>
      <c r="D52" s="627"/>
      <c r="E52" s="627"/>
      <c r="F52" s="627"/>
      <c r="G52" s="627"/>
      <c r="H52" s="627"/>
      <c r="I52" s="627"/>
      <c r="J52" s="627"/>
      <c r="K52" s="627"/>
      <c r="L52" s="627"/>
      <c r="M52" s="627"/>
      <c r="N52" s="627"/>
      <c r="O52" s="627"/>
      <c r="P52" s="627"/>
      <c r="Q52" s="627"/>
      <c r="R52" s="627"/>
      <c r="S52" s="627"/>
      <c r="T52" s="627"/>
      <c r="U52" s="627"/>
      <c r="V52" s="721"/>
      <c r="W52" s="721"/>
      <c r="X52" s="721"/>
      <c r="Y52" s="721"/>
      <c r="Z52" s="710"/>
    </row>
    <row r="53" spans="1:26" ht="18.75" customHeight="1" x14ac:dyDescent="0.2">
      <c r="A53" s="628"/>
      <c r="B53" s="627" t="s">
        <v>1215</v>
      </c>
      <c r="C53" s="627"/>
      <c r="D53" s="627"/>
      <c r="E53" s="627"/>
      <c r="F53" s="627"/>
      <c r="G53" s="627"/>
      <c r="H53" s="627"/>
      <c r="I53" s="627"/>
      <c r="J53" s="627"/>
      <c r="K53" s="627"/>
      <c r="L53" s="627"/>
      <c r="M53" s="627"/>
      <c r="N53" s="627"/>
      <c r="O53" s="627"/>
      <c r="P53" s="627"/>
      <c r="Q53" s="627"/>
      <c r="R53" s="627"/>
      <c r="S53" s="627"/>
      <c r="T53" s="627"/>
      <c r="U53" s="627"/>
      <c r="V53" s="643"/>
      <c r="W53" s="643"/>
      <c r="X53" s="643"/>
      <c r="Y53" s="643"/>
      <c r="Z53" s="710"/>
    </row>
    <row r="54" spans="1:26" ht="18.75" customHeight="1" x14ac:dyDescent="0.2">
      <c r="A54" s="628"/>
      <c r="B54" s="714"/>
      <c r="C54" s="3004" t="s">
        <v>1216</v>
      </c>
      <c r="D54" s="3004"/>
      <c r="E54" s="3004"/>
      <c r="F54" s="3004"/>
      <c r="G54" s="3004"/>
      <c r="H54" s="3004"/>
      <c r="I54" s="3004"/>
      <c r="J54" s="3004"/>
      <c r="K54" s="3004"/>
      <c r="L54" s="3004"/>
      <c r="M54" s="3004"/>
      <c r="N54" s="3004"/>
      <c r="O54" s="3004"/>
      <c r="P54" s="3004"/>
      <c r="Q54" s="3004"/>
      <c r="R54" s="3004"/>
      <c r="S54" s="3004"/>
      <c r="T54" s="3004"/>
      <c r="U54" s="716"/>
      <c r="V54" s="2987" t="s">
        <v>1203</v>
      </c>
      <c r="W54" s="2988"/>
      <c r="X54" s="2988"/>
      <c r="Y54" s="2989"/>
      <c r="Z54" s="710"/>
    </row>
    <row r="55" spans="1:26" ht="18.75" customHeight="1" x14ac:dyDescent="0.2">
      <c r="A55" s="628"/>
      <c r="B55" s="717"/>
      <c r="C55" s="627"/>
      <c r="D55" s="1193" t="s">
        <v>660</v>
      </c>
      <c r="E55" s="1194"/>
      <c r="F55" s="1194"/>
      <c r="G55" s="1194"/>
      <c r="H55" s="1194"/>
      <c r="I55" s="1195"/>
      <c r="J55" s="1193"/>
      <c r="K55" s="1194"/>
      <c r="L55" s="1194"/>
      <c r="M55" s="1194"/>
      <c r="N55" s="1194"/>
      <c r="O55" s="1194"/>
      <c r="P55" s="1194"/>
      <c r="Q55" s="1194"/>
      <c r="R55" s="1194"/>
      <c r="S55" s="1194"/>
      <c r="T55" s="1195"/>
      <c r="U55" s="710"/>
      <c r="V55" s="1298"/>
      <c r="W55" s="3003"/>
      <c r="X55" s="3003"/>
      <c r="Y55" s="1299"/>
      <c r="Z55" s="710"/>
    </row>
    <row r="56" spans="1:26" ht="7.5" customHeight="1" x14ac:dyDescent="0.2">
      <c r="A56" s="628"/>
      <c r="B56" s="718"/>
      <c r="C56" s="719"/>
      <c r="D56" s="719"/>
      <c r="E56" s="719"/>
      <c r="F56" s="719"/>
      <c r="G56" s="719"/>
      <c r="H56" s="719"/>
      <c r="I56" s="719"/>
      <c r="J56" s="719"/>
      <c r="K56" s="719"/>
      <c r="L56" s="719"/>
      <c r="M56" s="719"/>
      <c r="N56" s="719"/>
      <c r="O56" s="719"/>
      <c r="P56" s="719"/>
      <c r="Q56" s="719"/>
      <c r="R56" s="719"/>
      <c r="S56" s="719"/>
      <c r="T56" s="719"/>
      <c r="U56" s="720"/>
      <c r="V56" s="2990"/>
      <c r="W56" s="2991"/>
      <c r="X56" s="2991"/>
      <c r="Y56" s="2992"/>
      <c r="Z56" s="710"/>
    </row>
    <row r="57" spans="1:26" ht="18.75" customHeight="1" x14ac:dyDescent="0.2">
      <c r="A57" s="628"/>
      <c r="B57" s="714"/>
      <c r="C57" s="715" t="s">
        <v>1197</v>
      </c>
      <c r="D57" s="715"/>
      <c r="E57" s="715"/>
      <c r="F57" s="715"/>
      <c r="G57" s="715"/>
      <c r="H57" s="715"/>
      <c r="I57" s="715"/>
      <c r="J57" s="715"/>
      <c r="K57" s="715"/>
      <c r="L57" s="715"/>
      <c r="M57" s="715"/>
      <c r="N57" s="715"/>
      <c r="O57" s="715"/>
      <c r="P57" s="715"/>
      <c r="Q57" s="715"/>
      <c r="R57" s="715"/>
      <c r="S57" s="715"/>
      <c r="T57" s="715"/>
      <c r="U57" s="715"/>
      <c r="V57" s="2987" t="s">
        <v>1203</v>
      </c>
      <c r="W57" s="2988"/>
      <c r="X57" s="2988"/>
      <c r="Y57" s="2989"/>
      <c r="Z57" s="710"/>
    </row>
    <row r="58" spans="1:26" ht="18.75" customHeight="1" x14ac:dyDescent="0.2">
      <c r="A58" s="628"/>
      <c r="B58" s="717"/>
      <c r="C58" s="627"/>
      <c r="D58" s="1193" t="s">
        <v>659</v>
      </c>
      <c r="E58" s="1194"/>
      <c r="F58" s="1194"/>
      <c r="G58" s="1194"/>
      <c r="H58" s="1194"/>
      <c r="I58" s="1195"/>
      <c r="J58" s="1193"/>
      <c r="K58" s="1194"/>
      <c r="L58" s="1194"/>
      <c r="M58" s="1194"/>
      <c r="N58" s="1194"/>
      <c r="O58" s="1194"/>
      <c r="P58" s="1194"/>
      <c r="Q58" s="1194"/>
      <c r="R58" s="1194"/>
      <c r="S58" s="1194"/>
      <c r="T58" s="1195"/>
      <c r="U58" s="627"/>
      <c r="V58" s="1298"/>
      <c r="W58" s="1192"/>
      <c r="X58" s="1192"/>
      <c r="Y58" s="1299"/>
      <c r="Z58" s="710"/>
    </row>
    <row r="59" spans="1:26" ht="7.5" customHeight="1" x14ac:dyDescent="0.2">
      <c r="A59" s="628"/>
      <c r="B59" s="718"/>
      <c r="C59" s="719"/>
      <c r="D59" s="719"/>
      <c r="E59" s="719"/>
      <c r="F59" s="719"/>
      <c r="G59" s="719"/>
      <c r="H59" s="719"/>
      <c r="I59" s="719"/>
      <c r="J59" s="719"/>
      <c r="K59" s="719"/>
      <c r="L59" s="719"/>
      <c r="M59" s="719"/>
      <c r="N59" s="719"/>
      <c r="O59" s="719"/>
      <c r="P59" s="719"/>
      <c r="Q59" s="719"/>
      <c r="R59" s="719"/>
      <c r="S59" s="719"/>
      <c r="T59" s="719"/>
      <c r="U59" s="719"/>
      <c r="V59" s="2990"/>
      <c r="W59" s="2991"/>
      <c r="X59" s="2991"/>
      <c r="Y59" s="2992"/>
      <c r="Z59" s="710"/>
    </row>
    <row r="60" spans="1:26" ht="18.75" customHeight="1" x14ac:dyDescent="0.2">
      <c r="A60" s="628"/>
      <c r="B60" s="714"/>
      <c r="C60" s="715" t="s">
        <v>1217</v>
      </c>
      <c r="D60" s="715"/>
      <c r="E60" s="715"/>
      <c r="F60" s="715"/>
      <c r="G60" s="715"/>
      <c r="H60" s="715"/>
      <c r="I60" s="715"/>
      <c r="J60" s="715"/>
      <c r="K60" s="715"/>
      <c r="L60" s="715"/>
      <c r="M60" s="715"/>
      <c r="N60" s="715"/>
      <c r="O60" s="715"/>
      <c r="P60" s="715"/>
      <c r="Q60" s="715"/>
      <c r="R60" s="715"/>
      <c r="S60" s="715"/>
      <c r="T60" s="715"/>
      <c r="U60" s="716"/>
      <c r="V60" s="2987" t="s">
        <v>1203</v>
      </c>
      <c r="W60" s="2988"/>
      <c r="X60" s="2988"/>
      <c r="Y60" s="2989"/>
      <c r="Z60" s="710"/>
    </row>
    <row r="61" spans="1:26" ht="18.75" customHeight="1" x14ac:dyDescent="0.2">
      <c r="A61" s="628"/>
      <c r="B61" s="718"/>
      <c r="C61" s="719" t="s">
        <v>1199</v>
      </c>
      <c r="D61" s="719"/>
      <c r="E61" s="719"/>
      <c r="F61" s="719"/>
      <c r="G61" s="719"/>
      <c r="H61" s="719"/>
      <c r="I61" s="719"/>
      <c r="J61" s="719"/>
      <c r="K61" s="719"/>
      <c r="L61" s="719"/>
      <c r="M61" s="719"/>
      <c r="N61" s="719"/>
      <c r="O61" s="719"/>
      <c r="P61" s="719"/>
      <c r="Q61" s="719"/>
      <c r="R61" s="719"/>
      <c r="S61" s="719"/>
      <c r="T61" s="719"/>
      <c r="U61" s="720"/>
      <c r="V61" s="2990"/>
      <c r="W61" s="2991"/>
      <c r="X61" s="2991"/>
      <c r="Y61" s="2992"/>
      <c r="Z61" s="710"/>
    </row>
    <row r="62" spans="1:26" ht="7.35" customHeight="1" x14ac:dyDescent="0.2">
      <c r="A62" s="628"/>
      <c r="B62" s="627"/>
      <c r="C62" s="627"/>
      <c r="D62" s="627"/>
      <c r="E62" s="627"/>
      <c r="F62" s="627"/>
      <c r="G62" s="627"/>
      <c r="H62" s="627"/>
      <c r="I62" s="627"/>
      <c r="J62" s="627"/>
      <c r="K62" s="627"/>
      <c r="L62" s="627"/>
      <c r="M62" s="627"/>
      <c r="N62" s="627"/>
      <c r="O62" s="627"/>
      <c r="P62" s="627"/>
      <c r="Q62" s="627"/>
      <c r="R62" s="627"/>
      <c r="S62" s="627"/>
      <c r="T62" s="627"/>
      <c r="U62" s="627"/>
      <c r="V62" s="721"/>
      <c r="W62" s="721"/>
      <c r="X62" s="721"/>
      <c r="Y62" s="721"/>
      <c r="Z62" s="710"/>
    </row>
    <row r="63" spans="1:26" ht="7.35" customHeight="1" x14ac:dyDescent="0.2">
      <c r="A63" s="628"/>
      <c r="B63" s="627"/>
      <c r="C63" s="627"/>
      <c r="D63" s="627"/>
      <c r="E63" s="627"/>
      <c r="F63" s="627"/>
      <c r="G63" s="627"/>
      <c r="H63" s="627"/>
      <c r="I63" s="627"/>
      <c r="J63" s="627"/>
      <c r="K63" s="627"/>
      <c r="L63" s="627"/>
      <c r="M63" s="627"/>
      <c r="N63" s="627"/>
      <c r="O63" s="627"/>
      <c r="P63" s="627"/>
      <c r="Q63" s="627"/>
      <c r="R63" s="627"/>
      <c r="S63" s="627"/>
      <c r="T63" s="627"/>
      <c r="U63" s="627"/>
      <c r="V63" s="721"/>
      <c r="W63" s="721"/>
      <c r="X63" s="721"/>
      <c r="Y63" s="721"/>
      <c r="Z63" s="710"/>
    </row>
    <row r="64" spans="1:26" x14ac:dyDescent="0.2">
      <c r="A64" s="628"/>
      <c r="B64" s="627" t="s">
        <v>1218</v>
      </c>
      <c r="C64" s="627"/>
      <c r="D64" s="627"/>
      <c r="E64" s="627"/>
      <c r="F64" s="627"/>
      <c r="G64" s="627"/>
      <c r="H64" s="627"/>
      <c r="I64" s="627"/>
      <c r="J64" s="627"/>
      <c r="K64" s="627"/>
      <c r="L64" s="627"/>
      <c r="M64" s="627"/>
      <c r="N64" s="627"/>
      <c r="O64" s="627"/>
      <c r="P64" s="627"/>
      <c r="Q64" s="627"/>
      <c r="R64" s="627"/>
      <c r="S64" s="627"/>
      <c r="T64" s="627"/>
      <c r="U64" s="627"/>
      <c r="V64" s="627"/>
      <c r="W64" s="627"/>
      <c r="X64" s="627"/>
      <c r="Y64" s="627"/>
      <c r="Z64" s="710"/>
    </row>
    <row r="65" spans="1:26" x14ac:dyDescent="0.2">
      <c r="A65" s="628"/>
      <c r="B65" s="627" t="s">
        <v>657</v>
      </c>
      <c r="C65" s="627"/>
      <c r="D65" s="627"/>
      <c r="E65" s="627"/>
      <c r="F65" s="627"/>
      <c r="G65" s="627"/>
      <c r="H65" s="627"/>
      <c r="I65" s="627"/>
      <c r="J65" s="627"/>
      <c r="K65" s="627"/>
      <c r="L65" s="627"/>
      <c r="M65" s="627"/>
      <c r="N65" s="627"/>
      <c r="O65" s="627"/>
      <c r="P65" s="627"/>
      <c r="Q65" s="627"/>
      <c r="R65" s="627"/>
      <c r="S65" s="627"/>
      <c r="T65" s="627"/>
      <c r="U65" s="627"/>
      <c r="V65" s="627"/>
      <c r="W65" s="627"/>
      <c r="X65" s="627"/>
      <c r="Y65" s="627"/>
      <c r="Z65" s="627"/>
    </row>
    <row r="66" spans="1:26" x14ac:dyDescent="0.2">
      <c r="A66" s="628"/>
      <c r="B66" s="627"/>
      <c r="C66" s="627"/>
      <c r="D66" s="627"/>
      <c r="E66" s="627"/>
      <c r="F66" s="627"/>
      <c r="G66" s="627"/>
      <c r="H66" s="627"/>
      <c r="I66" s="627"/>
      <c r="J66" s="627"/>
      <c r="K66" s="627"/>
      <c r="L66" s="627"/>
      <c r="M66" s="627"/>
      <c r="N66" s="627"/>
      <c r="O66" s="627"/>
      <c r="P66" s="627"/>
      <c r="Q66" s="627"/>
      <c r="R66" s="627"/>
      <c r="S66" s="627"/>
      <c r="T66" s="627"/>
      <c r="U66" s="627"/>
      <c r="V66" s="627"/>
      <c r="W66" s="627"/>
      <c r="X66" s="627"/>
      <c r="Y66" s="627"/>
      <c r="Z66" s="627"/>
    </row>
    <row r="67" spans="1:26" x14ac:dyDescent="0.2">
      <c r="A67" s="644"/>
    </row>
    <row r="68" spans="1:26" x14ac:dyDescent="0.2">
      <c r="A68" s="644"/>
    </row>
    <row r="69" spans="1:26" x14ac:dyDescent="0.2">
      <c r="A69" s="644"/>
    </row>
    <row r="70" spans="1:26" x14ac:dyDescent="0.2">
      <c r="A70" s="644"/>
    </row>
    <row r="71" spans="1:26" x14ac:dyDescent="0.2">
      <c r="A71" s="644"/>
    </row>
    <row r="72" spans="1:26" x14ac:dyDescent="0.2">
      <c r="A72" s="644"/>
    </row>
    <row r="73" spans="1:26" x14ac:dyDescent="0.2">
      <c r="A73" s="644"/>
    </row>
    <row r="74" spans="1:26" x14ac:dyDescent="0.2">
      <c r="A74" s="644"/>
    </row>
    <row r="75" spans="1:26" x14ac:dyDescent="0.2">
      <c r="A75" s="644"/>
    </row>
    <row r="76" spans="1:26" x14ac:dyDescent="0.2">
      <c r="A76" s="644"/>
    </row>
    <row r="77" spans="1:26" x14ac:dyDescent="0.2">
      <c r="A77" s="644"/>
    </row>
    <row r="78" spans="1:26" x14ac:dyDescent="0.2">
      <c r="A78" s="644"/>
    </row>
    <row r="79" spans="1:26" x14ac:dyDescent="0.2">
      <c r="A79" s="644"/>
    </row>
    <row r="80" spans="1:26" x14ac:dyDescent="0.2">
      <c r="A80" s="644"/>
    </row>
    <row r="81" spans="1:1" x14ac:dyDescent="0.2">
      <c r="A81" s="644"/>
    </row>
  </sheetData>
  <mergeCells count="44">
    <mergeCell ref="V60:Y61"/>
    <mergeCell ref="C54:T54"/>
    <mergeCell ref="V54:Y56"/>
    <mergeCell ref="D55:I55"/>
    <mergeCell ref="J55:T55"/>
    <mergeCell ref="V57:Y59"/>
    <mergeCell ref="D58:I58"/>
    <mergeCell ref="J58:T58"/>
    <mergeCell ref="V42:Y44"/>
    <mergeCell ref="D43:I43"/>
    <mergeCell ref="J43:T43"/>
    <mergeCell ref="V45:Y46"/>
    <mergeCell ref="V47:Y51"/>
    <mergeCell ref="D50:I50"/>
    <mergeCell ref="J50:T50"/>
    <mergeCell ref="V30:Y32"/>
    <mergeCell ref="D31:I31"/>
    <mergeCell ref="J31:T31"/>
    <mergeCell ref="V33:Y35"/>
    <mergeCell ref="C38:T38"/>
    <mergeCell ref="V38:Y41"/>
    <mergeCell ref="D40:I40"/>
    <mergeCell ref="J40:T40"/>
    <mergeCell ref="V18:Y20"/>
    <mergeCell ref="D19:I19"/>
    <mergeCell ref="J19:T19"/>
    <mergeCell ref="V21:Y23"/>
    <mergeCell ref="V26:Y29"/>
    <mergeCell ref="D28:I28"/>
    <mergeCell ref="J28:T28"/>
    <mergeCell ref="V14:Y17"/>
    <mergeCell ref="D16:I16"/>
    <mergeCell ref="J16:T16"/>
    <mergeCell ref="R2:Y2"/>
    <mergeCell ref="B4:Y4"/>
    <mergeCell ref="B6:F6"/>
    <mergeCell ref="G6:Y6"/>
    <mergeCell ref="B7:F7"/>
    <mergeCell ref="G7:Y7"/>
    <mergeCell ref="B8:F11"/>
    <mergeCell ref="G8:N8"/>
    <mergeCell ref="G9:N9"/>
    <mergeCell ref="G10:N10"/>
    <mergeCell ref="G11:O11"/>
  </mergeCells>
  <phoneticPr fontId="6"/>
  <pageMargins left="0.7" right="0.7" top="0.75" bottom="0.75" header="0.3" footer="0.3"/>
  <pageSetup paperSize="9" scale="68" orientation="portrait" r:id="rId1"/>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B42"/>
  <sheetViews>
    <sheetView view="pageBreakPreview" topLeftCell="A10" zoomScaleNormal="100" zoomScaleSheetLayoutView="100" workbookViewId="0">
      <selection activeCell="AE22" sqref="AE22"/>
    </sheetView>
  </sheetViews>
  <sheetFormatPr defaultColWidth="4.44140625" defaultRowHeight="13.2" x14ac:dyDescent="0.2"/>
  <cols>
    <col min="1" max="1" width="2.33203125" style="645" customWidth="1"/>
    <col min="2" max="2" width="2.6640625" style="645" customWidth="1"/>
    <col min="3" max="21" width="4.44140625" style="645" customWidth="1"/>
    <col min="22" max="25" width="2.6640625" style="645" customWidth="1"/>
    <col min="26" max="26" width="2.33203125" style="645" customWidth="1"/>
    <col min="27" max="27" width="4.44140625" style="645"/>
    <col min="28" max="255" width="4.44140625" style="627"/>
    <col min="256" max="256" width="1.88671875" style="627" customWidth="1"/>
    <col min="257" max="257" width="2.33203125" style="627" customWidth="1"/>
    <col min="258" max="258" width="2.6640625" style="627" customWidth="1"/>
    <col min="259" max="277" width="4.44140625" style="627" customWidth="1"/>
    <col min="278" max="281" width="2.6640625" style="627" customWidth="1"/>
    <col min="282" max="282" width="2.33203125" style="627" customWidth="1"/>
    <col min="283" max="511" width="4.44140625" style="627"/>
    <col min="512" max="512" width="1.88671875" style="627" customWidth="1"/>
    <col min="513" max="513" width="2.33203125" style="627" customWidth="1"/>
    <col min="514" max="514" width="2.6640625" style="627" customWidth="1"/>
    <col min="515" max="533" width="4.44140625" style="627" customWidth="1"/>
    <col min="534" max="537" width="2.6640625" style="627" customWidth="1"/>
    <col min="538" max="538" width="2.33203125" style="627" customWidth="1"/>
    <col min="539" max="767" width="4.44140625" style="627"/>
    <col min="768" max="768" width="1.88671875" style="627" customWidth="1"/>
    <col min="769" max="769" width="2.33203125" style="627" customWidth="1"/>
    <col min="770" max="770" width="2.6640625" style="627" customWidth="1"/>
    <col min="771" max="789" width="4.44140625" style="627" customWidth="1"/>
    <col min="790" max="793" width="2.6640625" style="627" customWidth="1"/>
    <col min="794" max="794" width="2.33203125" style="627" customWidth="1"/>
    <col min="795" max="1023" width="4.44140625" style="627"/>
    <col min="1024" max="1024" width="1.88671875" style="627" customWidth="1"/>
    <col min="1025" max="1025" width="2.33203125" style="627" customWidth="1"/>
    <col min="1026" max="1026" width="2.6640625" style="627" customWidth="1"/>
    <col min="1027" max="1045" width="4.44140625" style="627" customWidth="1"/>
    <col min="1046" max="1049" width="2.6640625" style="627" customWidth="1"/>
    <col min="1050" max="1050" width="2.33203125" style="627" customWidth="1"/>
    <col min="1051" max="1279" width="4.44140625" style="627"/>
    <col min="1280" max="1280" width="1.88671875" style="627" customWidth="1"/>
    <col min="1281" max="1281" width="2.33203125" style="627" customWidth="1"/>
    <col min="1282" max="1282" width="2.6640625" style="627" customWidth="1"/>
    <col min="1283" max="1301" width="4.44140625" style="627" customWidth="1"/>
    <col min="1302" max="1305" width="2.6640625" style="627" customWidth="1"/>
    <col min="1306" max="1306" width="2.33203125" style="627" customWidth="1"/>
    <col min="1307" max="1535" width="4.44140625" style="627"/>
    <col min="1536" max="1536" width="1.88671875" style="627" customWidth="1"/>
    <col min="1537" max="1537" width="2.33203125" style="627" customWidth="1"/>
    <col min="1538" max="1538" width="2.6640625" style="627" customWidth="1"/>
    <col min="1539" max="1557" width="4.44140625" style="627" customWidth="1"/>
    <col min="1558" max="1561" width="2.6640625" style="627" customWidth="1"/>
    <col min="1562" max="1562" width="2.33203125" style="627" customWidth="1"/>
    <col min="1563" max="1791" width="4.44140625" style="627"/>
    <col min="1792" max="1792" width="1.88671875" style="627" customWidth="1"/>
    <col min="1793" max="1793" width="2.33203125" style="627" customWidth="1"/>
    <col min="1794" max="1794" width="2.6640625" style="627" customWidth="1"/>
    <col min="1795" max="1813" width="4.44140625" style="627" customWidth="1"/>
    <col min="1814" max="1817" width="2.6640625" style="627" customWidth="1"/>
    <col min="1818" max="1818" width="2.33203125" style="627" customWidth="1"/>
    <col min="1819" max="2047" width="4.44140625" style="627"/>
    <col min="2048" max="2048" width="1.88671875" style="627" customWidth="1"/>
    <col min="2049" max="2049" width="2.33203125" style="627" customWidth="1"/>
    <col min="2050" max="2050" width="2.6640625" style="627" customWidth="1"/>
    <col min="2051" max="2069" width="4.44140625" style="627" customWidth="1"/>
    <col min="2070" max="2073" width="2.6640625" style="627" customWidth="1"/>
    <col min="2074" max="2074" width="2.33203125" style="627" customWidth="1"/>
    <col min="2075" max="2303" width="4.44140625" style="627"/>
    <col min="2304" max="2304" width="1.88671875" style="627" customWidth="1"/>
    <col min="2305" max="2305" width="2.33203125" style="627" customWidth="1"/>
    <col min="2306" max="2306" width="2.6640625" style="627" customWidth="1"/>
    <col min="2307" max="2325" width="4.44140625" style="627" customWidth="1"/>
    <col min="2326" max="2329" width="2.6640625" style="627" customWidth="1"/>
    <col min="2330" max="2330" width="2.33203125" style="627" customWidth="1"/>
    <col min="2331" max="2559" width="4.44140625" style="627"/>
    <col min="2560" max="2560" width="1.88671875" style="627" customWidth="1"/>
    <col min="2561" max="2561" width="2.33203125" style="627" customWidth="1"/>
    <col min="2562" max="2562" width="2.6640625" style="627" customWidth="1"/>
    <col min="2563" max="2581" width="4.44140625" style="627" customWidth="1"/>
    <col min="2582" max="2585" width="2.6640625" style="627" customWidth="1"/>
    <col min="2586" max="2586" width="2.33203125" style="627" customWidth="1"/>
    <col min="2587" max="2815" width="4.44140625" style="627"/>
    <col min="2816" max="2816" width="1.88671875" style="627" customWidth="1"/>
    <col min="2817" max="2817" width="2.33203125" style="627" customWidth="1"/>
    <col min="2818" max="2818" width="2.6640625" style="627" customWidth="1"/>
    <col min="2819" max="2837" width="4.44140625" style="627" customWidth="1"/>
    <col min="2838" max="2841" width="2.6640625" style="627" customWidth="1"/>
    <col min="2842" max="2842" width="2.33203125" style="627" customWidth="1"/>
    <col min="2843" max="3071" width="4.44140625" style="627"/>
    <col min="3072" max="3072" width="1.88671875" style="627" customWidth="1"/>
    <col min="3073" max="3073" width="2.33203125" style="627" customWidth="1"/>
    <col min="3074" max="3074" width="2.6640625" style="627" customWidth="1"/>
    <col min="3075" max="3093" width="4.44140625" style="627" customWidth="1"/>
    <col min="3094" max="3097" width="2.6640625" style="627" customWidth="1"/>
    <col min="3098" max="3098" width="2.33203125" style="627" customWidth="1"/>
    <col min="3099" max="3327" width="4.44140625" style="627"/>
    <col min="3328" max="3328" width="1.88671875" style="627" customWidth="1"/>
    <col min="3329" max="3329" width="2.33203125" style="627" customWidth="1"/>
    <col min="3330" max="3330" width="2.6640625" style="627" customWidth="1"/>
    <col min="3331" max="3349" width="4.44140625" style="627" customWidth="1"/>
    <col min="3350" max="3353" width="2.6640625" style="627" customWidth="1"/>
    <col min="3354" max="3354" width="2.33203125" style="627" customWidth="1"/>
    <col min="3355" max="3583" width="4.44140625" style="627"/>
    <col min="3584" max="3584" width="1.88671875" style="627" customWidth="1"/>
    <col min="3585" max="3585" width="2.33203125" style="627" customWidth="1"/>
    <col min="3586" max="3586" width="2.6640625" style="627" customWidth="1"/>
    <col min="3587" max="3605" width="4.44140625" style="627" customWidth="1"/>
    <col min="3606" max="3609" width="2.6640625" style="627" customWidth="1"/>
    <col min="3610" max="3610" width="2.33203125" style="627" customWidth="1"/>
    <col min="3611" max="3839" width="4.44140625" style="627"/>
    <col min="3840" max="3840" width="1.88671875" style="627" customWidth="1"/>
    <col min="3841" max="3841" width="2.33203125" style="627" customWidth="1"/>
    <col min="3842" max="3842" width="2.6640625" style="627" customWidth="1"/>
    <col min="3843" max="3861" width="4.44140625" style="627" customWidth="1"/>
    <col min="3862" max="3865" width="2.6640625" style="627" customWidth="1"/>
    <col min="3866" max="3866" width="2.33203125" style="627" customWidth="1"/>
    <col min="3867" max="4095" width="4.44140625" style="627"/>
    <col min="4096" max="4096" width="1.88671875" style="627" customWidth="1"/>
    <col min="4097" max="4097" width="2.33203125" style="627" customWidth="1"/>
    <col min="4098" max="4098" width="2.6640625" style="627" customWidth="1"/>
    <col min="4099" max="4117" width="4.44140625" style="627" customWidth="1"/>
    <col min="4118" max="4121" width="2.6640625" style="627" customWidth="1"/>
    <col min="4122" max="4122" width="2.33203125" style="627" customWidth="1"/>
    <col min="4123" max="4351" width="4.44140625" style="627"/>
    <col min="4352" max="4352" width="1.88671875" style="627" customWidth="1"/>
    <col min="4353" max="4353" width="2.33203125" style="627" customWidth="1"/>
    <col min="4354" max="4354" width="2.6640625" style="627" customWidth="1"/>
    <col min="4355" max="4373" width="4.44140625" style="627" customWidth="1"/>
    <col min="4374" max="4377" width="2.6640625" style="627" customWidth="1"/>
    <col min="4378" max="4378" width="2.33203125" style="627" customWidth="1"/>
    <col min="4379" max="4607" width="4.44140625" style="627"/>
    <col min="4608" max="4608" width="1.88671875" style="627" customWidth="1"/>
    <col min="4609" max="4609" width="2.33203125" style="627" customWidth="1"/>
    <col min="4610" max="4610" width="2.6640625" style="627" customWidth="1"/>
    <col min="4611" max="4629" width="4.44140625" style="627" customWidth="1"/>
    <col min="4630" max="4633" width="2.6640625" style="627" customWidth="1"/>
    <col min="4634" max="4634" width="2.33203125" style="627" customWidth="1"/>
    <col min="4635" max="4863" width="4.44140625" style="627"/>
    <col min="4864" max="4864" width="1.88671875" style="627" customWidth="1"/>
    <col min="4865" max="4865" width="2.33203125" style="627" customWidth="1"/>
    <col min="4866" max="4866" width="2.6640625" style="627" customWidth="1"/>
    <col min="4867" max="4885" width="4.44140625" style="627" customWidth="1"/>
    <col min="4886" max="4889" width="2.6640625" style="627" customWidth="1"/>
    <col min="4890" max="4890" width="2.33203125" style="627" customWidth="1"/>
    <col min="4891" max="5119" width="4.44140625" style="627"/>
    <col min="5120" max="5120" width="1.88671875" style="627" customWidth="1"/>
    <col min="5121" max="5121" width="2.33203125" style="627" customWidth="1"/>
    <col min="5122" max="5122" width="2.6640625" style="627" customWidth="1"/>
    <col min="5123" max="5141" width="4.44140625" style="627" customWidth="1"/>
    <col min="5142" max="5145" width="2.6640625" style="627" customWidth="1"/>
    <col min="5146" max="5146" width="2.33203125" style="627" customWidth="1"/>
    <col min="5147" max="5375" width="4.44140625" style="627"/>
    <col min="5376" max="5376" width="1.88671875" style="627" customWidth="1"/>
    <col min="5377" max="5377" width="2.33203125" style="627" customWidth="1"/>
    <col min="5378" max="5378" width="2.6640625" style="627" customWidth="1"/>
    <col min="5379" max="5397" width="4.44140625" style="627" customWidth="1"/>
    <col min="5398" max="5401" width="2.6640625" style="627" customWidth="1"/>
    <col min="5402" max="5402" width="2.33203125" style="627" customWidth="1"/>
    <col min="5403" max="5631" width="4.44140625" style="627"/>
    <col min="5632" max="5632" width="1.88671875" style="627" customWidth="1"/>
    <col min="5633" max="5633" width="2.33203125" style="627" customWidth="1"/>
    <col min="5634" max="5634" width="2.6640625" style="627" customWidth="1"/>
    <col min="5635" max="5653" width="4.44140625" style="627" customWidth="1"/>
    <col min="5654" max="5657" width="2.6640625" style="627" customWidth="1"/>
    <col min="5658" max="5658" width="2.33203125" style="627" customWidth="1"/>
    <col min="5659" max="5887" width="4.44140625" style="627"/>
    <col min="5888" max="5888" width="1.88671875" style="627" customWidth="1"/>
    <col min="5889" max="5889" width="2.33203125" style="627" customWidth="1"/>
    <col min="5890" max="5890" width="2.6640625" style="627" customWidth="1"/>
    <col min="5891" max="5909" width="4.44140625" style="627" customWidth="1"/>
    <col min="5910" max="5913" width="2.6640625" style="627" customWidth="1"/>
    <col min="5914" max="5914" width="2.33203125" style="627" customWidth="1"/>
    <col min="5915" max="6143" width="4.44140625" style="627"/>
    <col min="6144" max="6144" width="1.88671875" style="627" customWidth="1"/>
    <col min="6145" max="6145" width="2.33203125" style="627" customWidth="1"/>
    <col min="6146" max="6146" width="2.6640625" style="627" customWidth="1"/>
    <col min="6147" max="6165" width="4.44140625" style="627" customWidth="1"/>
    <col min="6166" max="6169" width="2.6640625" style="627" customWidth="1"/>
    <col min="6170" max="6170" width="2.33203125" style="627" customWidth="1"/>
    <col min="6171" max="6399" width="4.44140625" style="627"/>
    <col min="6400" max="6400" width="1.88671875" style="627" customWidth="1"/>
    <col min="6401" max="6401" width="2.33203125" style="627" customWidth="1"/>
    <col min="6402" max="6402" width="2.6640625" style="627" customWidth="1"/>
    <col min="6403" max="6421" width="4.44140625" style="627" customWidth="1"/>
    <col min="6422" max="6425" width="2.6640625" style="627" customWidth="1"/>
    <col min="6426" max="6426" width="2.33203125" style="627" customWidth="1"/>
    <col min="6427" max="6655" width="4.44140625" style="627"/>
    <col min="6656" max="6656" width="1.88671875" style="627" customWidth="1"/>
    <col min="6657" max="6657" width="2.33203125" style="627" customWidth="1"/>
    <col min="6658" max="6658" width="2.6640625" style="627" customWidth="1"/>
    <col min="6659" max="6677" width="4.44140625" style="627" customWidth="1"/>
    <col min="6678" max="6681" width="2.6640625" style="627" customWidth="1"/>
    <col min="6682" max="6682" width="2.33203125" style="627" customWidth="1"/>
    <col min="6683" max="6911" width="4.44140625" style="627"/>
    <col min="6912" max="6912" width="1.88671875" style="627" customWidth="1"/>
    <col min="6913" max="6913" width="2.33203125" style="627" customWidth="1"/>
    <col min="6914" max="6914" width="2.6640625" style="627" customWidth="1"/>
    <col min="6915" max="6933" width="4.44140625" style="627" customWidth="1"/>
    <col min="6934" max="6937" width="2.6640625" style="627" customWidth="1"/>
    <col min="6938" max="6938" width="2.33203125" style="627" customWidth="1"/>
    <col min="6939" max="7167" width="4.44140625" style="627"/>
    <col min="7168" max="7168" width="1.88671875" style="627" customWidth="1"/>
    <col min="7169" max="7169" width="2.33203125" style="627" customWidth="1"/>
    <col min="7170" max="7170" width="2.6640625" style="627" customWidth="1"/>
    <col min="7171" max="7189" width="4.44140625" style="627" customWidth="1"/>
    <col min="7190" max="7193" width="2.6640625" style="627" customWidth="1"/>
    <col min="7194" max="7194" width="2.33203125" style="627" customWidth="1"/>
    <col min="7195" max="7423" width="4.44140625" style="627"/>
    <col min="7424" max="7424" width="1.88671875" style="627" customWidth="1"/>
    <col min="7425" max="7425" width="2.33203125" style="627" customWidth="1"/>
    <col min="7426" max="7426" width="2.6640625" style="627" customWidth="1"/>
    <col min="7427" max="7445" width="4.44140625" style="627" customWidth="1"/>
    <col min="7446" max="7449" width="2.6640625" style="627" customWidth="1"/>
    <col min="7450" max="7450" width="2.33203125" style="627" customWidth="1"/>
    <col min="7451" max="7679" width="4.44140625" style="627"/>
    <col min="7680" max="7680" width="1.88671875" style="627" customWidth="1"/>
    <col min="7681" max="7681" width="2.33203125" style="627" customWidth="1"/>
    <col min="7682" max="7682" width="2.6640625" style="627" customWidth="1"/>
    <col min="7683" max="7701" width="4.44140625" style="627" customWidth="1"/>
    <col min="7702" max="7705" width="2.6640625" style="627" customWidth="1"/>
    <col min="7706" max="7706" width="2.33203125" style="627" customWidth="1"/>
    <col min="7707" max="7935" width="4.44140625" style="627"/>
    <col min="7936" max="7936" width="1.88671875" style="627" customWidth="1"/>
    <col min="7937" max="7937" width="2.33203125" style="627" customWidth="1"/>
    <col min="7938" max="7938" width="2.6640625" style="627" customWidth="1"/>
    <col min="7939" max="7957" width="4.44140625" style="627" customWidth="1"/>
    <col min="7958" max="7961" width="2.6640625" style="627" customWidth="1"/>
    <col min="7962" max="7962" width="2.33203125" style="627" customWidth="1"/>
    <col min="7963" max="8191" width="4.44140625" style="627"/>
    <col min="8192" max="8192" width="1.88671875" style="627" customWidth="1"/>
    <col min="8193" max="8193" width="2.33203125" style="627" customWidth="1"/>
    <col min="8194" max="8194" width="2.6640625" style="627" customWidth="1"/>
    <col min="8195" max="8213" width="4.44140625" style="627" customWidth="1"/>
    <col min="8214" max="8217" width="2.6640625" style="627" customWidth="1"/>
    <col min="8218" max="8218" width="2.33203125" style="627" customWidth="1"/>
    <col min="8219" max="8447" width="4.44140625" style="627"/>
    <col min="8448" max="8448" width="1.88671875" style="627" customWidth="1"/>
    <col min="8449" max="8449" width="2.33203125" style="627" customWidth="1"/>
    <col min="8450" max="8450" width="2.6640625" style="627" customWidth="1"/>
    <col min="8451" max="8469" width="4.44140625" style="627" customWidth="1"/>
    <col min="8470" max="8473" width="2.6640625" style="627" customWidth="1"/>
    <col min="8474" max="8474" width="2.33203125" style="627" customWidth="1"/>
    <col min="8475" max="8703" width="4.44140625" style="627"/>
    <col min="8704" max="8704" width="1.88671875" style="627" customWidth="1"/>
    <col min="8705" max="8705" width="2.33203125" style="627" customWidth="1"/>
    <col min="8706" max="8706" width="2.6640625" style="627" customWidth="1"/>
    <col min="8707" max="8725" width="4.44140625" style="627" customWidth="1"/>
    <col min="8726" max="8729" width="2.6640625" style="627" customWidth="1"/>
    <col min="8730" max="8730" width="2.33203125" style="627" customWidth="1"/>
    <col min="8731" max="8959" width="4.44140625" style="627"/>
    <col min="8960" max="8960" width="1.88671875" style="627" customWidth="1"/>
    <col min="8961" max="8961" width="2.33203125" style="627" customWidth="1"/>
    <col min="8962" max="8962" width="2.6640625" style="627" customWidth="1"/>
    <col min="8963" max="8981" width="4.44140625" style="627" customWidth="1"/>
    <col min="8982" max="8985" width="2.6640625" style="627" customWidth="1"/>
    <col min="8986" max="8986" width="2.33203125" style="627" customWidth="1"/>
    <col min="8987" max="9215" width="4.44140625" style="627"/>
    <col min="9216" max="9216" width="1.88671875" style="627" customWidth="1"/>
    <col min="9217" max="9217" width="2.33203125" style="627" customWidth="1"/>
    <col min="9218" max="9218" width="2.6640625" style="627" customWidth="1"/>
    <col min="9219" max="9237" width="4.44140625" style="627" customWidth="1"/>
    <col min="9238" max="9241" width="2.6640625" style="627" customWidth="1"/>
    <col min="9242" max="9242" width="2.33203125" style="627" customWidth="1"/>
    <col min="9243" max="9471" width="4.44140625" style="627"/>
    <col min="9472" max="9472" width="1.88671875" style="627" customWidth="1"/>
    <col min="9473" max="9473" width="2.33203125" style="627" customWidth="1"/>
    <col min="9474" max="9474" width="2.6640625" style="627" customWidth="1"/>
    <col min="9475" max="9493" width="4.44140625" style="627" customWidth="1"/>
    <col min="9494" max="9497" width="2.6640625" style="627" customWidth="1"/>
    <col min="9498" max="9498" width="2.33203125" style="627" customWidth="1"/>
    <col min="9499" max="9727" width="4.44140625" style="627"/>
    <col min="9728" max="9728" width="1.88671875" style="627" customWidth="1"/>
    <col min="9729" max="9729" width="2.33203125" style="627" customWidth="1"/>
    <col min="9730" max="9730" width="2.6640625" style="627" customWidth="1"/>
    <col min="9731" max="9749" width="4.44140625" style="627" customWidth="1"/>
    <col min="9750" max="9753" width="2.6640625" style="627" customWidth="1"/>
    <col min="9754" max="9754" width="2.33203125" style="627" customWidth="1"/>
    <col min="9755" max="9983" width="4.44140625" style="627"/>
    <col min="9984" max="9984" width="1.88671875" style="627" customWidth="1"/>
    <col min="9985" max="9985" width="2.33203125" style="627" customWidth="1"/>
    <col min="9986" max="9986" width="2.6640625" style="627" customWidth="1"/>
    <col min="9987" max="10005" width="4.44140625" style="627" customWidth="1"/>
    <col min="10006" max="10009" width="2.6640625" style="627" customWidth="1"/>
    <col min="10010" max="10010" width="2.33203125" style="627" customWidth="1"/>
    <col min="10011" max="10239" width="4.44140625" style="627"/>
    <col min="10240" max="10240" width="1.88671875" style="627" customWidth="1"/>
    <col min="10241" max="10241" width="2.33203125" style="627" customWidth="1"/>
    <col min="10242" max="10242" width="2.6640625" style="627" customWidth="1"/>
    <col min="10243" max="10261" width="4.44140625" style="627" customWidth="1"/>
    <col min="10262" max="10265" width="2.6640625" style="627" customWidth="1"/>
    <col min="10266" max="10266" width="2.33203125" style="627" customWidth="1"/>
    <col min="10267" max="10495" width="4.44140625" style="627"/>
    <col min="10496" max="10496" width="1.88671875" style="627" customWidth="1"/>
    <col min="10497" max="10497" width="2.33203125" style="627" customWidth="1"/>
    <col min="10498" max="10498" width="2.6640625" style="627" customWidth="1"/>
    <col min="10499" max="10517" width="4.44140625" style="627" customWidth="1"/>
    <col min="10518" max="10521" width="2.6640625" style="627" customWidth="1"/>
    <col min="10522" max="10522" width="2.33203125" style="627" customWidth="1"/>
    <col min="10523" max="10751" width="4.44140625" style="627"/>
    <col min="10752" max="10752" width="1.88671875" style="627" customWidth="1"/>
    <col min="10753" max="10753" width="2.33203125" style="627" customWidth="1"/>
    <col min="10754" max="10754" width="2.6640625" style="627" customWidth="1"/>
    <col min="10755" max="10773" width="4.44140625" style="627" customWidth="1"/>
    <col min="10774" max="10777" width="2.6640625" style="627" customWidth="1"/>
    <col min="10778" max="10778" width="2.33203125" style="627" customWidth="1"/>
    <col min="10779" max="11007" width="4.44140625" style="627"/>
    <col min="11008" max="11008" width="1.88671875" style="627" customWidth="1"/>
    <col min="11009" max="11009" width="2.33203125" style="627" customWidth="1"/>
    <col min="11010" max="11010" width="2.6640625" style="627" customWidth="1"/>
    <col min="11011" max="11029" width="4.44140625" style="627" customWidth="1"/>
    <col min="11030" max="11033" width="2.6640625" style="627" customWidth="1"/>
    <col min="11034" max="11034" width="2.33203125" style="627" customWidth="1"/>
    <col min="11035" max="11263" width="4.44140625" style="627"/>
    <col min="11264" max="11264" width="1.88671875" style="627" customWidth="1"/>
    <col min="11265" max="11265" width="2.33203125" style="627" customWidth="1"/>
    <col min="11266" max="11266" width="2.6640625" style="627" customWidth="1"/>
    <col min="11267" max="11285" width="4.44140625" style="627" customWidth="1"/>
    <col min="11286" max="11289" width="2.6640625" style="627" customWidth="1"/>
    <col min="11290" max="11290" width="2.33203125" style="627" customWidth="1"/>
    <col min="11291" max="11519" width="4.44140625" style="627"/>
    <col min="11520" max="11520" width="1.88671875" style="627" customWidth="1"/>
    <col min="11521" max="11521" width="2.33203125" style="627" customWidth="1"/>
    <col min="11522" max="11522" width="2.6640625" style="627" customWidth="1"/>
    <col min="11523" max="11541" width="4.44140625" style="627" customWidth="1"/>
    <col min="11542" max="11545" width="2.6640625" style="627" customWidth="1"/>
    <col min="11546" max="11546" width="2.33203125" style="627" customWidth="1"/>
    <col min="11547" max="11775" width="4.44140625" style="627"/>
    <col min="11776" max="11776" width="1.88671875" style="627" customWidth="1"/>
    <col min="11777" max="11777" width="2.33203125" style="627" customWidth="1"/>
    <col min="11778" max="11778" width="2.6640625" style="627" customWidth="1"/>
    <col min="11779" max="11797" width="4.44140625" style="627" customWidth="1"/>
    <col min="11798" max="11801" width="2.6640625" style="627" customWidth="1"/>
    <col min="11802" max="11802" width="2.33203125" style="627" customWidth="1"/>
    <col min="11803" max="12031" width="4.44140625" style="627"/>
    <col min="12032" max="12032" width="1.88671875" style="627" customWidth="1"/>
    <col min="12033" max="12033" width="2.33203125" style="627" customWidth="1"/>
    <col min="12034" max="12034" width="2.6640625" style="627" customWidth="1"/>
    <col min="12035" max="12053" width="4.44140625" style="627" customWidth="1"/>
    <col min="12054" max="12057" width="2.6640625" style="627" customWidth="1"/>
    <col min="12058" max="12058" width="2.33203125" style="627" customWidth="1"/>
    <col min="12059" max="12287" width="4.44140625" style="627"/>
    <col min="12288" max="12288" width="1.88671875" style="627" customWidth="1"/>
    <col min="12289" max="12289" width="2.33203125" style="627" customWidth="1"/>
    <col min="12290" max="12290" width="2.6640625" style="627" customWidth="1"/>
    <col min="12291" max="12309" width="4.44140625" style="627" customWidth="1"/>
    <col min="12310" max="12313" width="2.6640625" style="627" customWidth="1"/>
    <col min="12314" max="12314" width="2.33203125" style="627" customWidth="1"/>
    <col min="12315" max="12543" width="4.44140625" style="627"/>
    <col min="12544" max="12544" width="1.88671875" style="627" customWidth="1"/>
    <col min="12545" max="12545" width="2.33203125" style="627" customWidth="1"/>
    <col min="12546" max="12546" width="2.6640625" style="627" customWidth="1"/>
    <col min="12547" max="12565" width="4.44140625" style="627" customWidth="1"/>
    <col min="12566" max="12569" width="2.6640625" style="627" customWidth="1"/>
    <col min="12570" max="12570" width="2.33203125" style="627" customWidth="1"/>
    <col min="12571" max="12799" width="4.44140625" style="627"/>
    <col min="12800" max="12800" width="1.88671875" style="627" customWidth="1"/>
    <col min="12801" max="12801" width="2.33203125" style="627" customWidth="1"/>
    <col min="12802" max="12802" width="2.6640625" style="627" customWidth="1"/>
    <col min="12803" max="12821" width="4.44140625" style="627" customWidth="1"/>
    <col min="12822" max="12825" width="2.6640625" style="627" customWidth="1"/>
    <col min="12826" max="12826" width="2.33203125" style="627" customWidth="1"/>
    <col min="12827" max="13055" width="4.44140625" style="627"/>
    <col min="13056" max="13056" width="1.88671875" style="627" customWidth="1"/>
    <col min="13057" max="13057" width="2.33203125" style="627" customWidth="1"/>
    <col min="13058" max="13058" width="2.6640625" style="627" customWidth="1"/>
    <col min="13059" max="13077" width="4.44140625" style="627" customWidth="1"/>
    <col min="13078" max="13081" width="2.6640625" style="627" customWidth="1"/>
    <col min="13082" max="13082" width="2.33203125" style="627" customWidth="1"/>
    <col min="13083" max="13311" width="4.44140625" style="627"/>
    <col min="13312" max="13312" width="1.88671875" style="627" customWidth="1"/>
    <col min="13313" max="13313" width="2.33203125" style="627" customWidth="1"/>
    <col min="13314" max="13314" width="2.6640625" style="627" customWidth="1"/>
    <col min="13315" max="13333" width="4.44140625" style="627" customWidth="1"/>
    <col min="13334" max="13337" width="2.6640625" style="627" customWidth="1"/>
    <col min="13338" max="13338" width="2.33203125" style="627" customWidth="1"/>
    <col min="13339" max="13567" width="4.44140625" style="627"/>
    <col min="13568" max="13568" width="1.88671875" style="627" customWidth="1"/>
    <col min="13569" max="13569" width="2.33203125" style="627" customWidth="1"/>
    <col min="13570" max="13570" width="2.6640625" style="627" customWidth="1"/>
    <col min="13571" max="13589" width="4.44140625" style="627" customWidth="1"/>
    <col min="13590" max="13593" width="2.6640625" style="627" customWidth="1"/>
    <col min="13594" max="13594" width="2.33203125" style="627" customWidth="1"/>
    <col min="13595" max="13823" width="4.44140625" style="627"/>
    <col min="13824" max="13824" width="1.88671875" style="627" customWidth="1"/>
    <col min="13825" max="13825" width="2.33203125" style="627" customWidth="1"/>
    <col min="13826" max="13826" width="2.6640625" style="627" customWidth="1"/>
    <col min="13827" max="13845" width="4.44140625" style="627" customWidth="1"/>
    <col min="13846" max="13849" width="2.6640625" style="627" customWidth="1"/>
    <col min="13850" max="13850" width="2.33203125" style="627" customWidth="1"/>
    <col min="13851" max="14079" width="4.44140625" style="627"/>
    <col min="14080" max="14080" width="1.88671875" style="627" customWidth="1"/>
    <col min="14081" max="14081" width="2.33203125" style="627" customWidth="1"/>
    <col min="14082" max="14082" width="2.6640625" style="627" customWidth="1"/>
    <col min="14083" max="14101" width="4.44140625" style="627" customWidth="1"/>
    <col min="14102" max="14105" width="2.6640625" style="627" customWidth="1"/>
    <col min="14106" max="14106" width="2.33203125" style="627" customWidth="1"/>
    <col min="14107" max="14335" width="4.44140625" style="627"/>
    <col min="14336" max="14336" width="1.88671875" style="627" customWidth="1"/>
    <col min="14337" max="14337" width="2.33203125" style="627" customWidth="1"/>
    <col min="14338" max="14338" width="2.6640625" style="627" customWidth="1"/>
    <col min="14339" max="14357" width="4.44140625" style="627" customWidth="1"/>
    <col min="14358" max="14361" width="2.6640625" style="627" customWidth="1"/>
    <col min="14362" max="14362" width="2.33203125" style="627" customWidth="1"/>
    <col min="14363" max="14591" width="4.44140625" style="627"/>
    <col min="14592" max="14592" width="1.88671875" style="627" customWidth="1"/>
    <col min="14593" max="14593" width="2.33203125" style="627" customWidth="1"/>
    <col min="14594" max="14594" width="2.6640625" style="627" customWidth="1"/>
    <col min="14595" max="14613" width="4.44140625" style="627" customWidth="1"/>
    <col min="14614" max="14617" width="2.6640625" style="627" customWidth="1"/>
    <col min="14618" max="14618" width="2.33203125" style="627" customWidth="1"/>
    <col min="14619" max="14847" width="4.44140625" style="627"/>
    <col min="14848" max="14848" width="1.88671875" style="627" customWidth="1"/>
    <col min="14849" max="14849" width="2.33203125" style="627" customWidth="1"/>
    <col min="14850" max="14850" width="2.6640625" style="627" customWidth="1"/>
    <col min="14851" max="14869" width="4.44140625" style="627" customWidth="1"/>
    <col min="14870" max="14873" width="2.6640625" style="627" customWidth="1"/>
    <col min="14874" max="14874" width="2.33203125" style="627" customWidth="1"/>
    <col min="14875" max="15103" width="4.44140625" style="627"/>
    <col min="15104" max="15104" width="1.88671875" style="627" customWidth="1"/>
    <col min="15105" max="15105" width="2.33203125" style="627" customWidth="1"/>
    <col min="15106" max="15106" width="2.6640625" style="627" customWidth="1"/>
    <col min="15107" max="15125" width="4.44140625" style="627" customWidth="1"/>
    <col min="15126" max="15129" width="2.6640625" style="627" customWidth="1"/>
    <col min="15130" max="15130" width="2.33203125" style="627" customWidth="1"/>
    <col min="15131" max="15359" width="4.44140625" style="627"/>
    <col min="15360" max="15360" width="1.88671875" style="627" customWidth="1"/>
    <col min="15361" max="15361" width="2.33203125" style="627" customWidth="1"/>
    <col min="15362" max="15362" width="2.6640625" style="627" customWidth="1"/>
    <col min="15363" max="15381" width="4.44140625" style="627" customWidth="1"/>
    <col min="15382" max="15385" width="2.6640625" style="627" customWidth="1"/>
    <col min="15386" max="15386" width="2.33203125" style="627" customWidth="1"/>
    <col min="15387" max="15615" width="4.44140625" style="627"/>
    <col min="15616" max="15616" width="1.88671875" style="627" customWidth="1"/>
    <col min="15617" max="15617" width="2.33203125" style="627" customWidth="1"/>
    <col min="15618" max="15618" width="2.6640625" style="627" customWidth="1"/>
    <col min="15619" max="15637" width="4.44140625" style="627" customWidth="1"/>
    <col min="15638" max="15641" width="2.6640625" style="627" customWidth="1"/>
    <col min="15642" max="15642" width="2.33203125" style="627" customWidth="1"/>
    <col min="15643" max="15871" width="4.44140625" style="627"/>
    <col min="15872" max="15872" width="1.88671875" style="627" customWidth="1"/>
    <col min="15873" max="15873" width="2.33203125" style="627" customWidth="1"/>
    <col min="15874" max="15874" width="2.6640625" style="627" customWidth="1"/>
    <col min="15875" max="15893" width="4.44140625" style="627" customWidth="1"/>
    <col min="15894" max="15897" width="2.6640625" style="627" customWidth="1"/>
    <col min="15898" max="15898" width="2.33203125" style="627" customWidth="1"/>
    <col min="15899" max="16127" width="4.44140625" style="627"/>
    <col min="16128" max="16128" width="1.88671875" style="627" customWidth="1"/>
    <col min="16129" max="16129" width="2.33203125" style="627" customWidth="1"/>
    <col min="16130" max="16130" width="2.6640625" style="627" customWidth="1"/>
    <col min="16131" max="16149" width="4.44140625" style="627" customWidth="1"/>
    <col min="16150" max="16153" width="2.6640625" style="627" customWidth="1"/>
    <col min="16154" max="16154" width="2.33203125" style="627" customWidth="1"/>
    <col min="16155" max="16384" width="4.44140625" style="627"/>
  </cols>
  <sheetData>
    <row r="1" spans="1:26" x14ac:dyDescent="0.2">
      <c r="A1" s="717"/>
      <c r="B1" s="627"/>
      <c r="C1" s="627"/>
      <c r="D1" s="627"/>
      <c r="E1" s="627"/>
      <c r="F1" s="627"/>
      <c r="G1" s="627"/>
      <c r="H1" s="627"/>
      <c r="I1" s="627"/>
      <c r="J1" s="627"/>
      <c r="K1" s="627"/>
      <c r="L1" s="627"/>
      <c r="M1" s="627"/>
      <c r="N1" s="627"/>
      <c r="O1" s="627"/>
      <c r="P1" s="627"/>
      <c r="Q1" s="627"/>
      <c r="R1" s="627"/>
      <c r="S1" s="627"/>
      <c r="T1" s="627"/>
      <c r="U1" s="627"/>
      <c r="V1" s="627"/>
      <c r="W1" s="627"/>
      <c r="X1" s="627"/>
      <c r="Y1" s="627"/>
      <c r="Z1" s="710"/>
    </row>
    <row r="2" spans="1:26" x14ac:dyDescent="0.2">
      <c r="A2" s="717"/>
      <c r="B2" s="627"/>
      <c r="C2" s="708" t="s">
        <v>1301</v>
      </c>
      <c r="D2" s="722"/>
      <c r="E2" s="722"/>
      <c r="F2" s="627"/>
      <c r="G2" s="627"/>
      <c r="H2" s="627"/>
      <c r="I2" s="627"/>
      <c r="J2" s="627"/>
      <c r="K2" s="627"/>
      <c r="L2" s="627"/>
      <c r="M2" s="627"/>
      <c r="N2" s="627"/>
      <c r="O2" s="627"/>
      <c r="P2" s="627"/>
      <c r="Q2" s="627"/>
      <c r="R2" s="1191" t="s">
        <v>1267</v>
      </c>
      <c r="S2" s="1191"/>
      <c r="T2" s="1191"/>
      <c r="U2" s="1191"/>
      <c r="V2" s="1191"/>
      <c r="W2" s="1191"/>
      <c r="X2" s="1191"/>
      <c r="Y2" s="1191"/>
      <c r="Z2" s="710"/>
    </row>
    <row r="3" spans="1:26" x14ac:dyDescent="0.2">
      <c r="A3" s="717"/>
      <c r="B3" s="627"/>
      <c r="C3" s="627"/>
      <c r="D3" s="627"/>
      <c r="E3" s="627"/>
      <c r="F3" s="627"/>
      <c r="G3" s="627"/>
      <c r="H3" s="627"/>
      <c r="I3" s="627"/>
      <c r="J3" s="627"/>
      <c r="K3" s="627"/>
      <c r="L3" s="627"/>
      <c r="M3" s="627"/>
      <c r="N3" s="627"/>
      <c r="O3" s="627"/>
      <c r="P3" s="627"/>
      <c r="Q3" s="627"/>
      <c r="R3" s="627"/>
      <c r="S3" s="627"/>
      <c r="T3" s="711"/>
      <c r="U3" s="627"/>
      <c r="V3" s="627"/>
      <c r="W3" s="627"/>
      <c r="X3" s="627"/>
      <c r="Y3" s="627"/>
      <c r="Z3" s="710"/>
    </row>
    <row r="4" spans="1:26" ht="16.2" x14ac:dyDescent="0.2">
      <c r="A4" s="717"/>
      <c r="B4" s="2994" t="s">
        <v>1268</v>
      </c>
      <c r="C4" s="2994"/>
      <c r="D4" s="2994"/>
      <c r="E4" s="2994"/>
      <c r="F4" s="2994"/>
      <c r="G4" s="2994"/>
      <c r="H4" s="2994"/>
      <c r="I4" s="2994"/>
      <c r="J4" s="2994"/>
      <c r="K4" s="2994"/>
      <c r="L4" s="2994"/>
      <c r="M4" s="2994"/>
      <c r="N4" s="2994"/>
      <c r="O4" s="2994"/>
      <c r="P4" s="2994"/>
      <c r="Q4" s="2994"/>
      <c r="R4" s="2994"/>
      <c r="S4" s="2994"/>
      <c r="T4" s="2994"/>
      <c r="U4" s="2994"/>
      <c r="V4" s="2994"/>
      <c r="W4" s="2994"/>
      <c r="X4" s="2994"/>
      <c r="Y4" s="2994"/>
      <c r="Z4" s="710"/>
    </row>
    <row r="5" spans="1:26" x14ac:dyDescent="0.2">
      <c r="A5" s="717"/>
      <c r="B5" s="627"/>
      <c r="C5" s="627"/>
      <c r="D5" s="627"/>
      <c r="E5" s="627"/>
      <c r="F5" s="627"/>
      <c r="G5" s="627"/>
      <c r="H5" s="627"/>
      <c r="I5" s="627"/>
      <c r="J5" s="627"/>
      <c r="K5" s="627"/>
      <c r="L5" s="627"/>
      <c r="M5" s="627"/>
      <c r="N5" s="627"/>
      <c r="O5" s="627"/>
      <c r="P5" s="627"/>
      <c r="Q5" s="627"/>
      <c r="R5" s="627"/>
      <c r="S5" s="627"/>
      <c r="T5" s="627"/>
      <c r="U5" s="627"/>
      <c r="V5" s="627"/>
      <c r="W5" s="627"/>
      <c r="X5" s="627"/>
      <c r="Y5" s="627"/>
      <c r="Z5" s="710"/>
    </row>
    <row r="6" spans="1:26" ht="24.9" customHeight="1" x14ac:dyDescent="0.2">
      <c r="A6" s="717"/>
      <c r="B6" s="3005" t="s">
        <v>1100</v>
      </c>
      <c r="C6" s="3006"/>
      <c r="D6" s="3006"/>
      <c r="E6" s="3006"/>
      <c r="F6" s="3007"/>
      <c r="G6" s="2998"/>
      <c r="H6" s="2998"/>
      <c r="I6" s="2998"/>
      <c r="J6" s="2998"/>
      <c r="K6" s="2998"/>
      <c r="L6" s="2998"/>
      <c r="M6" s="2998"/>
      <c r="N6" s="2998"/>
      <c r="O6" s="2998"/>
      <c r="P6" s="2998"/>
      <c r="Q6" s="2998"/>
      <c r="R6" s="2998"/>
      <c r="S6" s="2998"/>
      <c r="T6" s="2998"/>
      <c r="U6" s="2998"/>
      <c r="V6" s="2998"/>
      <c r="W6" s="2998"/>
      <c r="X6" s="2998"/>
      <c r="Y6" s="2999"/>
      <c r="Z6" s="710"/>
    </row>
    <row r="7" spans="1:26" ht="24.9" customHeight="1" x14ac:dyDescent="0.2">
      <c r="A7" s="717"/>
      <c r="B7" s="3005" t="s">
        <v>1102</v>
      </c>
      <c r="C7" s="3006"/>
      <c r="D7" s="3006"/>
      <c r="E7" s="3006"/>
      <c r="F7" s="3007"/>
      <c r="G7" s="1194" t="s">
        <v>1269</v>
      </c>
      <c r="H7" s="1194"/>
      <c r="I7" s="1194"/>
      <c r="J7" s="1194"/>
      <c r="K7" s="1194"/>
      <c r="L7" s="1194"/>
      <c r="M7" s="1194"/>
      <c r="N7" s="1194"/>
      <c r="O7" s="1194"/>
      <c r="P7" s="1194"/>
      <c r="Q7" s="1194"/>
      <c r="R7" s="1194"/>
      <c r="S7" s="1194"/>
      <c r="T7" s="1194"/>
      <c r="U7" s="1194"/>
      <c r="V7" s="1194"/>
      <c r="W7" s="1194"/>
      <c r="X7" s="1194"/>
      <c r="Y7" s="1195"/>
      <c r="Z7" s="710"/>
    </row>
    <row r="8" spans="1:26" ht="24.9" customHeight="1" x14ac:dyDescent="0.2">
      <c r="A8" s="717"/>
      <c r="B8" s="3008" t="s">
        <v>1105</v>
      </c>
      <c r="C8" s="3009"/>
      <c r="D8" s="3009"/>
      <c r="E8" s="3009"/>
      <c r="F8" s="3010"/>
      <c r="G8" s="3002" t="s">
        <v>1270</v>
      </c>
      <c r="H8" s="2998"/>
      <c r="I8" s="2998"/>
      <c r="J8" s="2998"/>
      <c r="K8" s="2998"/>
      <c r="L8" s="2998"/>
      <c r="M8" s="2998"/>
      <c r="N8" s="2998"/>
      <c r="O8" s="2998"/>
      <c r="P8" s="2998"/>
      <c r="Q8" s="2998"/>
      <c r="R8" s="2998"/>
      <c r="S8" s="2998"/>
      <c r="T8" s="2998"/>
      <c r="U8" s="2998"/>
      <c r="V8" s="2998"/>
      <c r="W8" s="2998"/>
      <c r="X8" s="2998"/>
      <c r="Y8" s="2999"/>
      <c r="Z8" s="710"/>
    </row>
    <row r="9" spans="1:26" ht="24.9" customHeight="1" x14ac:dyDescent="0.2">
      <c r="A9" s="717"/>
      <c r="B9" s="3005" t="s">
        <v>1271</v>
      </c>
      <c r="C9" s="3006"/>
      <c r="D9" s="3006"/>
      <c r="E9" s="3006"/>
      <c r="F9" s="3007"/>
      <c r="G9" s="2998"/>
      <c r="H9" s="2998"/>
      <c r="I9" s="2998"/>
      <c r="J9" s="2998"/>
      <c r="K9" s="2998"/>
      <c r="L9" s="2998"/>
      <c r="M9" s="2998"/>
      <c r="N9" s="2998"/>
      <c r="O9" s="2998"/>
      <c r="P9" s="2998"/>
      <c r="Q9" s="2998"/>
      <c r="R9" s="2998"/>
      <c r="S9" s="2998"/>
      <c r="T9" s="2998"/>
      <c r="U9" s="2998"/>
      <c r="V9" s="2998"/>
      <c r="W9" s="2998"/>
      <c r="X9" s="2998"/>
      <c r="Y9" s="2999"/>
      <c r="Z9" s="710"/>
    </row>
    <row r="10" spans="1:26" ht="24.9" customHeight="1" x14ac:dyDescent="0.2">
      <c r="A10" s="717"/>
      <c r="B10" s="3005" t="s">
        <v>1272</v>
      </c>
      <c r="C10" s="3006"/>
      <c r="D10" s="3006"/>
      <c r="E10" s="3006"/>
      <c r="F10" s="3007"/>
      <c r="G10" s="1193" t="s">
        <v>1273</v>
      </c>
      <c r="H10" s="1194"/>
      <c r="I10" s="1194"/>
      <c r="J10" s="1194"/>
      <c r="K10" s="1194"/>
      <c r="L10" s="1194"/>
      <c r="M10" s="1194"/>
      <c r="N10" s="1194"/>
      <c r="O10" s="1194"/>
      <c r="P10" s="1194"/>
      <c r="Q10" s="1194"/>
      <c r="R10" s="1194"/>
      <c r="S10" s="1194"/>
      <c r="T10" s="1194"/>
      <c r="U10" s="1194"/>
      <c r="V10" s="1194"/>
      <c r="W10" s="1194"/>
      <c r="X10" s="1194"/>
      <c r="Y10" s="1195"/>
      <c r="Z10" s="710"/>
    </row>
    <row r="11" spans="1:26" ht="24.9" customHeight="1" x14ac:dyDescent="0.2">
      <c r="A11" s="717"/>
      <c r="B11" s="3005" t="s">
        <v>1274</v>
      </c>
      <c r="C11" s="3006"/>
      <c r="D11" s="3006"/>
      <c r="E11" s="3006"/>
      <c r="F11" s="3007"/>
      <c r="G11" s="2998"/>
      <c r="H11" s="2998"/>
      <c r="I11" s="2998"/>
      <c r="J11" s="2998"/>
      <c r="K11" s="2998"/>
      <c r="L11" s="2998"/>
      <c r="M11" s="2998"/>
      <c r="N11" s="2998"/>
      <c r="O11" s="2998"/>
      <c r="P11" s="2998"/>
      <c r="Q11" s="2998"/>
      <c r="R11" s="2998"/>
      <c r="S11" s="2998"/>
      <c r="T11" s="2998"/>
      <c r="U11" s="2998"/>
      <c r="V11" s="2998"/>
      <c r="W11" s="2998"/>
      <c r="X11" s="2998"/>
      <c r="Y11" s="2999"/>
      <c r="Z11" s="710"/>
    </row>
    <row r="12" spans="1:26" x14ac:dyDescent="0.2">
      <c r="A12" s="717"/>
      <c r="B12" s="627"/>
      <c r="C12" s="627"/>
      <c r="D12" s="627"/>
      <c r="E12" s="627"/>
      <c r="F12" s="627"/>
      <c r="G12" s="627"/>
      <c r="H12" s="627"/>
      <c r="I12" s="627"/>
      <c r="J12" s="627"/>
      <c r="K12" s="627"/>
      <c r="L12" s="627"/>
      <c r="M12" s="627"/>
      <c r="N12" s="627"/>
      <c r="O12" s="627"/>
      <c r="P12" s="627"/>
      <c r="Q12" s="627"/>
      <c r="R12" s="627"/>
      <c r="S12" s="627"/>
      <c r="T12" s="627"/>
      <c r="U12" s="627"/>
      <c r="V12" s="627"/>
      <c r="W12" s="627"/>
      <c r="X12" s="627"/>
      <c r="Y12" s="627"/>
      <c r="Z12" s="710"/>
    </row>
    <row r="13" spans="1:26" ht="18.75" customHeight="1" x14ac:dyDescent="0.2">
      <c r="A13" s="717"/>
      <c r="B13" s="714"/>
      <c r="C13" s="3004" t="s">
        <v>1275</v>
      </c>
      <c r="D13" s="3004"/>
      <c r="E13" s="3004"/>
      <c r="F13" s="3004"/>
      <c r="G13" s="3004"/>
      <c r="H13" s="3004"/>
      <c r="I13" s="3004"/>
      <c r="J13" s="3004"/>
      <c r="K13" s="3004"/>
      <c r="L13" s="3004"/>
      <c r="M13" s="3004"/>
      <c r="N13" s="3004"/>
      <c r="O13" s="3004"/>
      <c r="P13" s="3004"/>
      <c r="Q13" s="3004"/>
      <c r="R13" s="3004"/>
      <c r="S13" s="3004"/>
      <c r="T13" s="3004"/>
      <c r="U13" s="716"/>
      <c r="V13" s="2987" t="s">
        <v>1203</v>
      </c>
      <c r="W13" s="2988"/>
      <c r="X13" s="2988"/>
      <c r="Y13" s="2989"/>
      <c r="Z13" s="710"/>
    </row>
    <row r="14" spans="1:26" ht="18.75" customHeight="1" x14ac:dyDescent="0.2">
      <c r="A14" s="717"/>
      <c r="B14" s="717"/>
      <c r="C14" s="627" t="s">
        <v>1276</v>
      </c>
      <c r="D14" s="627"/>
      <c r="E14" s="627"/>
      <c r="F14" s="627"/>
      <c r="G14" s="627"/>
      <c r="H14" s="627"/>
      <c r="I14" s="627"/>
      <c r="J14" s="627"/>
      <c r="K14" s="627"/>
      <c r="L14" s="627"/>
      <c r="M14" s="627"/>
      <c r="N14" s="627"/>
      <c r="O14" s="627"/>
      <c r="P14" s="627"/>
      <c r="Q14" s="627"/>
      <c r="R14" s="627"/>
      <c r="S14" s="627"/>
      <c r="T14" s="627"/>
      <c r="U14" s="710"/>
      <c r="V14" s="1298"/>
      <c r="W14" s="1192"/>
      <c r="X14" s="1192"/>
      <c r="Y14" s="1299"/>
      <c r="Z14" s="710"/>
    </row>
    <row r="15" spans="1:26" ht="18.75" customHeight="1" x14ac:dyDescent="0.2">
      <c r="A15" s="717"/>
      <c r="B15" s="718"/>
      <c r="C15" s="719" t="s">
        <v>1277</v>
      </c>
      <c r="D15" s="719"/>
      <c r="E15" s="719"/>
      <c r="F15" s="719"/>
      <c r="G15" s="719"/>
      <c r="H15" s="719"/>
      <c r="I15" s="719"/>
      <c r="J15" s="719"/>
      <c r="K15" s="719"/>
      <c r="L15" s="719"/>
      <c r="M15" s="719"/>
      <c r="N15" s="719"/>
      <c r="O15" s="719"/>
      <c r="P15" s="719"/>
      <c r="Q15" s="719"/>
      <c r="R15" s="719"/>
      <c r="S15" s="719"/>
      <c r="T15" s="719"/>
      <c r="U15" s="720"/>
      <c r="V15" s="2990"/>
      <c r="W15" s="2991"/>
      <c r="X15" s="2991"/>
      <c r="Y15" s="2992"/>
      <c r="Z15" s="710"/>
    </row>
    <row r="16" spans="1:26" ht="18.75" customHeight="1" x14ac:dyDescent="0.2">
      <c r="A16" s="717"/>
      <c r="B16" s="714"/>
      <c r="C16" s="3004" t="s">
        <v>1278</v>
      </c>
      <c r="D16" s="3004"/>
      <c r="E16" s="3004"/>
      <c r="F16" s="3004"/>
      <c r="G16" s="3004"/>
      <c r="H16" s="3004"/>
      <c r="I16" s="3004"/>
      <c r="J16" s="3004"/>
      <c r="K16" s="3004"/>
      <c r="L16" s="3004"/>
      <c r="M16" s="3004"/>
      <c r="N16" s="3004"/>
      <c r="O16" s="3004"/>
      <c r="P16" s="3004"/>
      <c r="Q16" s="3004"/>
      <c r="R16" s="3004"/>
      <c r="S16" s="3004"/>
      <c r="T16" s="3004"/>
      <c r="U16" s="715"/>
      <c r="V16" s="2987" t="s">
        <v>1203</v>
      </c>
      <c r="W16" s="2988"/>
      <c r="X16" s="2988"/>
      <c r="Y16" s="2989"/>
      <c r="Z16" s="710"/>
    </row>
    <row r="17" spans="1:26" ht="18.75" customHeight="1" x14ac:dyDescent="0.2">
      <c r="A17" s="717"/>
      <c r="B17" s="718"/>
      <c r="C17" s="719" t="s">
        <v>1279</v>
      </c>
      <c r="D17" s="719"/>
      <c r="E17" s="719"/>
      <c r="F17" s="719"/>
      <c r="G17" s="719"/>
      <c r="H17" s="719"/>
      <c r="I17" s="719"/>
      <c r="J17" s="719"/>
      <c r="K17" s="719"/>
      <c r="L17" s="719"/>
      <c r="M17" s="719"/>
      <c r="N17" s="719"/>
      <c r="O17" s="719"/>
      <c r="P17" s="719"/>
      <c r="Q17" s="719"/>
      <c r="R17" s="719"/>
      <c r="S17" s="719"/>
      <c r="T17" s="719"/>
      <c r="U17" s="719"/>
      <c r="V17" s="2990"/>
      <c r="W17" s="2991"/>
      <c r="X17" s="2991"/>
      <c r="Y17" s="2992"/>
      <c r="Z17" s="710"/>
    </row>
    <row r="18" spans="1:26" ht="18.75" customHeight="1" x14ac:dyDescent="0.2">
      <c r="A18" s="717"/>
      <c r="B18" s="714"/>
      <c r="C18" s="3004" t="s">
        <v>1280</v>
      </c>
      <c r="D18" s="3004"/>
      <c r="E18" s="3004"/>
      <c r="F18" s="3004"/>
      <c r="G18" s="3004"/>
      <c r="H18" s="3004"/>
      <c r="I18" s="3004"/>
      <c r="J18" s="3004"/>
      <c r="K18" s="3004"/>
      <c r="L18" s="3004"/>
      <c r="M18" s="3004"/>
      <c r="N18" s="3004"/>
      <c r="O18" s="3004"/>
      <c r="P18" s="3004"/>
      <c r="Q18" s="3004"/>
      <c r="R18" s="3004"/>
      <c r="S18" s="3004"/>
      <c r="T18" s="3004"/>
      <c r="U18" s="715"/>
      <c r="V18" s="2987" t="s">
        <v>1281</v>
      </c>
      <c r="W18" s="2988"/>
      <c r="X18" s="2988"/>
      <c r="Y18" s="2989"/>
      <c r="Z18" s="710"/>
    </row>
    <row r="19" spans="1:26" ht="18.75" customHeight="1" x14ac:dyDescent="0.2">
      <c r="A19" s="717"/>
      <c r="B19" s="718"/>
      <c r="C19" s="719" t="s">
        <v>1282</v>
      </c>
      <c r="D19" s="719"/>
      <c r="E19" s="719"/>
      <c r="F19" s="719"/>
      <c r="G19" s="719"/>
      <c r="H19" s="719"/>
      <c r="I19" s="719"/>
      <c r="J19" s="719"/>
      <c r="K19" s="719"/>
      <c r="L19" s="719"/>
      <c r="M19" s="719"/>
      <c r="N19" s="719"/>
      <c r="O19" s="719"/>
      <c r="P19" s="719"/>
      <c r="Q19" s="719"/>
      <c r="R19" s="719"/>
      <c r="S19" s="719"/>
      <c r="T19" s="719"/>
      <c r="U19" s="719"/>
      <c r="V19" s="2990"/>
      <c r="W19" s="2991"/>
      <c r="X19" s="2991"/>
      <c r="Y19" s="2992"/>
      <c r="Z19" s="710"/>
    </row>
    <row r="20" spans="1:26" ht="18.75" customHeight="1" x14ac:dyDescent="0.2">
      <c r="A20" s="717"/>
      <c r="B20" s="714"/>
      <c r="C20" s="3004" t="s">
        <v>1283</v>
      </c>
      <c r="D20" s="3004"/>
      <c r="E20" s="3004"/>
      <c r="F20" s="3004"/>
      <c r="G20" s="3004"/>
      <c r="H20" s="3004"/>
      <c r="I20" s="3004"/>
      <c r="J20" s="3004"/>
      <c r="K20" s="3004"/>
      <c r="L20" s="3004"/>
      <c r="M20" s="3004"/>
      <c r="N20" s="3004"/>
      <c r="O20" s="3004"/>
      <c r="P20" s="3004"/>
      <c r="Q20" s="3004"/>
      <c r="R20" s="3004"/>
      <c r="S20" s="3004"/>
      <c r="T20" s="3004"/>
      <c r="U20" s="716"/>
      <c r="V20" s="2988" t="s">
        <v>1203</v>
      </c>
      <c r="W20" s="2988"/>
      <c r="X20" s="2988"/>
      <c r="Y20" s="2989"/>
      <c r="Z20" s="710"/>
    </row>
    <row r="21" spans="1:26" ht="18.75" customHeight="1" x14ac:dyDescent="0.2">
      <c r="A21" s="717"/>
      <c r="B21" s="717"/>
      <c r="C21" s="1189" t="s">
        <v>1284</v>
      </c>
      <c r="D21" s="1189"/>
      <c r="E21" s="1189"/>
      <c r="F21" s="1189"/>
      <c r="G21" s="1189"/>
      <c r="H21" s="1189"/>
      <c r="I21" s="1189"/>
      <c r="J21" s="1189"/>
      <c r="K21" s="1189"/>
      <c r="L21" s="1189"/>
      <c r="M21" s="1189"/>
      <c r="N21" s="1189"/>
      <c r="O21" s="1189"/>
      <c r="P21" s="1189"/>
      <c r="Q21" s="1189"/>
      <c r="R21" s="1189"/>
      <c r="S21" s="1189"/>
      <c r="T21" s="1189"/>
      <c r="U21" s="710"/>
      <c r="V21" s="1192"/>
      <c r="W21" s="1192"/>
      <c r="X21" s="1192"/>
      <c r="Y21" s="1299"/>
      <c r="Z21" s="710"/>
    </row>
    <row r="22" spans="1:26" ht="18.75" customHeight="1" x14ac:dyDescent="0.2">
      <c r="A22" s="717"/>
      <c r="B22" s="749"/>
      <c r="C22" s="750" t="s">
        <v>1285</v>
      </c>
      <c r="D22" s="750"/>
      <c r="E22" s="750"/>
      <c r="F22" s="750"/>
      <c r="G22" s="750"/>
      <c r="H22" s="750"/>
      <c r="I22" s="750"/>
      <c r="J22" s="750"/>
      <c r="K22" s="750"/>
      <c r="L22" s="750"/>
      <c r="M22" s="750"/>
      <c r="N22" s="750"/>
      <c r="O22" s="750"/>
      <c r="P22" s="750"/>
      <c r="Q22" s="750"/>
      <c r="R22" s="750"/>
      <c r="S22" s="750"/>
      <c r="T22" s="750"/>
      <c r="U22" s="751"/>
      <c r="V22" s="2991"/>
      <c r="W22" s="2991"/>
      <c r="X22" s="2991"/>
      <c r="Y22" s="2992"/>
      <c r="Z22" s="710"/>
    </row>
    <row r="23" spans="1:26" ht="18.75" customHeight="1" x14ac:dyDescent="0.2">
      <c r="A23" s="717"/>
      <c r="B23" s="714"/>
      <c r="C23" s="715" t="s">
        <v>1286</v>
      </c>
      <c r="D23" s="715"/>
      <c r="E23" s="715"/>
      <c r="F23" s="715"/>
      <c r="G23" s="715"/>
      <c r="H23" s="715"/>
      <c r="I23" s="715"/>
      <c r="J23" s="715"/>
      <c r="K23" s="715"/>
      <c r="L23" s="715"/>
      <c r="M23" s="715"/>
      <c r="N23" s="715"/>
      <c r="O23" s="715"/>
      <c r="P23" s="715"/>
      <c r="Q23" s="715"/>
      <c r="R23" s="715"/>
      <c r="S23" s="715"/>
      <c r="T23" s="715"/>
      <c r="U23" s="715"/>
      <c r="V23" s="2987" t="s">
        <v>1203</v>
      </c>
      <c r="W23" s="2988"/>
      <c r="X23" s="2988"/>
      <c r="Y23" s="2989"/>
      <c r="Z23" s="710"/>
    </row>
    <row r="24" spans="1:26" ht="18.75" customHeight="1" x14ac:dyDescent="0.2">
      <c r="A24" s="717"/>
      <c r="B24" s="718"/>
      <c r="C24" s="719" t="s">
        <v>1287</v>
      </c>
      <c r="D24" s="719"/>
      <c r="E24" s="719"/>
      <c r="F24" s="719"/>
      <c r="G24" s="719"/>
      <c r="H24" s="719"/>
      <c r="I24" s="719"/>
      <c r="J24" s="719"/>
      <c r="K24" s="719"/>
      <c r="L24" s="719"/>
      <c r="M24" s="719"/>
      <c r="N24" s="719"/>
      <c r="O24" s="719"/>
      <c r="P24" s="719"/>
      <c r="Q24" s="719"/>
      <c r="R24" s="719"/>
      <c r="S24" s="719"/>
      <c r="T24" s="719"/>
      <c r="U24" s="719"/>
      <c r="V24" s="2990"/>
      <c r="W24" s="2991"/>
      <c r="X24" s="2991"/>
      <c r="Y24" s="2992"/>
      <c r="Z24" s="710"/>
    </row>
    <row r="25" spans="1:26" ht="18.75" customHeight="1" x14ac:dyDescent="0.2">
      <c r="A25" s="717"/>
      <c r="B25" s="717"/>
      <c r="C25" s="627" t="s">
        <v>1288</v>
      </c>
      <c r="D25" s="627"/>
      <c r="E25" s="627"/>
      <c r="F25" s="627"/>
      <c r="G25" s="627"/>
      <c r="H25" s="627"/>
      <c r="I25" s="627"/>
      <c r="J25" s="627"/>
      <c r="K25" s="627"/>
      <c r="L25" s="627"/>
      <c r="M25" s="627"/>
      <c r="N25" s="627"/>
      <c r="O25" s="627"/>
      <c r="P25" s="627"/>
      <c r="Q25" s="627"/>
      <c r="R25" s="627"/>
      <c r="S25" s="627"/>
      <c r="T25" s="627"/>
      <c r="U25" s="627"/>
      <c r="V25" s="1298" t="s">
        <v>1203</v>
      </c>
      <c r="W25" s="1192"/>
      <c r="X25" s="1192"/>
      <c r="Y25" s="1299"/>
      <c r="Z25" s="710"/>
    </row>
    <row r="26" spans="1:26" ht="18.75" customHeight="1" x14ac:dyDescent="0.2">
      <c r="A26" s="717"/>
      <c r="B26" s="717"/>
      <c r="C26" s="627" t="s">
        <v>1289</v>
      </c>
      <c r="D26" s="627"/>
      <c r="E26" s="627"/>
      <c r="F26" s="627"/>
      <c r="G26" s="627"/>
      <c r="H26" s="627"/>
      <c r="I26" s="627"/>
      <c r="J26" s="627"/>
      <c r="K26" s="627"/>
      <c r="L26" s="627"/>
      <c r="M26" s="627"/>
      <c r="N26" s="627"/>
      <c r="O26" s="627"/>
      <c r="P26" s="627"/>
      <c r="Q26" s="627"/>
      <c r="R26" s="627"/>
      <c r="S26" s="627"/>
      <c r="T26" s="627"/>
      <c r="U26" s="627"/>
      <c r="V26" s="1298"/>
      <c r="W26" s="1192"/>
      <c r="X26" s="1192"/>
      <c r="Y26" s="1299"/>
      <c r="Z26" s="710"/>
    </row>
    <row r="27" spans="1:26" ht="18.75" customHeight="1" x14ac:dyDescent="0.2">
      <c r="A27" s="717"/>
      <c r="B27" s="717"/>
      <c r="C27" s="1189" t="s">
        <v>1290</v>
      </c>
      <c r="D27" s="1189"/>
      <c r="E27" s="1189"/>
      <c r="F27" s="1189"/>
      <c r="G27" s="1189"/>
      <c r="H27" s="1189"/>
      <c r="I27" s="1189"/>
      <c r="J27" s="1189"/>
      <c r="K27" s="1189"/>
      <c r="L27" s="1189"/>
      <c r="M27" s="1189"/>
      <c r="N27" s="1189"/>
      <c r="O27" s="1189"/>
      <c r="P27" s="1189"/>
      <c r="Q27" s="1189"/>
      <c r="R27" s="1189"/>
      <c r="S27" s="1189"/>
      <c r="T27" s="1189"/>
      <c r="U27" s="627"/>
      <c r="V27" s="1298"/>
      <c r="W27" s="1192"/>
      <c r="X27" s="1192"/>
      <c r="Y27" s="1299"/>
      <c r="Z27" s="710"/>
    </row>
    <row r="28" spans="1:26" ht="18.75" customHeight="1" x14ac:dyDescent="0.2">
      <c r="A28" s="717"/>
      <c r="B28" s="717"/>
      <c r="C28" s="627" t="s">
        <v>1291</v>
      </c>
      <c r="D28" s="627"/>
      <c r="E28" s="627"/>
      <c r="F28" s="627"/>
      <c r="G28" s="627"/>
      <c r="H28" s="627"/>
      <c r="I28" s="627"/>
      <c r="J28" s="627"/>
      <c r="K28" s="627"/>
      <c r="L28" s="627"/>
      <c r="M28" s="627"/>
      <c r="N28" s="627"/>
      <c r="O28" s="627"/>
      <c r="P28" s="627"/>
      <c r="Q28" s="627"/>
      <c r="R28" s="627"/>
      <c r="S28" s="627"/>
      <c r="T28" s="627"/>
      <c r="U28" s="627"/>
      <c r="V28" s="2990"/>
      <c r="W28" s="2991"/>
      <c r="X28" s="2991"/>
      <c r="Y28" s="2992"/>
      <c r="Z28" s="710"/>
    </row>
    <row r="29" spans="1:26" ht="18.75" customHeight="1" x14ac:dyDescent="0.2">
      <c r="A29" s="717"/>
      <c r="B29" s="714"/>
      <c r="C29" s="715" t="s">
        <v>1292</v>
      </c>
      <c r="D29" s="715"/>
      <c r="E29" s="715"/>
      <c r="F29" s="715"/>
      <c r="G29" s="715"/>
      <c r="H29" s="715"/>
      <c r="I29" s="715"/>
      <c r="J29" s="715"/>
      <c r="K29" s="715"/>
      <c r="L29" s="715"/>
      <c r="M29" s="715"/>
      <c r="N29" s="715"/>
      <c r="O29" s="715"/>
      <c r="P29" s="715"/>
      <c r="Q29" s="715"/>
      <c r="R29" s="715"/>
      <c r="S29" s="715"/>
      <c r="T29" s="715"/>
      <c r="U29" s="716"/>
      <c r="V29" s="2987" t="s">
        <v>1203</v>
      </c>
      <c r="W29" s="2988"/>
      <c r="X29" s="2988"/>
      <c r="Y29" s="2989"/>
      <c r="Z29" s="710"/>
    </row>
    <row r="30" spans="1:26" ht="18.75" customHeight="1" x14ac:dyDescent="0.2">
      <c r="A30" s="717"/>
      <c r="B30" s="717"/>
      <c r="C30" s="627" t="s">
        <v>1293</v>
      </c>
      <c r="D30" s="627"/>
      <c r="E30" s="627"/>
      <c r="F30" s="627"/>
      <c r="G30" s="627"/>
      <c r="H30" s="627"/>
      <c r="I30" s="627"/>
      <c r="J30" s="627"/>
      <c r="K30" s="627"/>
      <c r="L30" s="627"/>
      <c r="M30" s="627"/>
      <c r="N30" s="627"/>
      <c r="O30" s="627"/>
      <c r="P30" s="627"/>
      <c r="Q30" s="627"/>
      <c r="R30" s="627"/>
      <c r="S30" s="627"/>
      <c r="T30" s="627"/>
      <c r="U30" s="710"/>
      <c r="V30" s="1298"/>
      <c r="W30" s="1192"/>
      <c r="X30" s="1192"/>
      <c r="Y30" s="1299"/>
      <c r="Z30" s="710"/>
    </row>
    <row r="31" spans="1:26" ht="18.75" customHeight="1" x14ac:dyDescent="0.2">
      <c r="A31" s="717"/>
      <c r="B31" s="717"/>
      <c r="C31" s="752" t="s">
        <v>1294</v>
      </c>
      <c r="D31" s="752"/>
      <c r="E31" s="752"/>
      <c r="F31" s="752"/>
      <c r="G31" s="752"/>
      <c r="H31" s="752"/>
      <c r="I31" s="752"/>
      <c r="J31" s="752"/>
      <c r="K31" s="752"/>
      <c r="L31" s="752"/>
      <c r="M31" s="752"/>
      <c r="N31" s="752"/>
      <c r="O31" s="752"/>
      <c r="P31" s="752"/>
      <c r="Q31" s="752"/>
      <c r="R31" s="752"/>
      <c r="S31" s="752"/>
      <c r="T31" s="752"/>
      <c r="U31" s="753"/>
      <c r="V31" s="1298"/>
      <c r="W31" s="1192"/>
      <c r="X31" s="1192"/>
      <c r="Y31" s="1299"/>
      <c r="Z31" s="710"/>
    </row>
    <row r="32" spans="1:26" ht="18.75" customHeight="1" x14ac:dyDescent="0.2">
      <c r="A32" s="717"/>
      <c r="B32" s="754"/>
      <c r="C32" s="755" t="s">
        <v>1295</v>
      </c>
      <c r="D32" s="756"/>
      <c r="E32" s="756"/>
      <c r="F32" s="756"/>
      <c r="G32" s="756"/>
      <c r="H32" s="756"/>
      <c r="I32" s="756"/>
      <c r="J32" s="756"/>
      <c r="K32" s="756"/>
      <c r="L32" s="756"/>
      <c r="M32" s="756"/>
      <c r="N32" s="756"/>
      <c r="O32" s="756"/>
      <c r="P32" s="756"/>
      <c r="Q32" s="756"/>
      <c r="R32" s="756"/>
      <c r="S32" s="756"/>
      <c r="T32" s="756"/>
      <c r="U32" s="757"/>
      <c r="V32" s="2990"/>
      <c r="W32" s="2991"/>
      <c r="X32" s="2991"/>
      <c r="Y32" s="2992"/>
      <c r="Z32" s="710"/>
    </row>
    <row r="33" spans="1:28" ht="4.5" customHeight="1" x14ac:dyDescent="0.2">
      <c r="A33" s="717"/>
      <c r="B33" s="627"/>
      <c r="C33" s="627"/>
      <c r="D33" s="627"/>
      <c r="E33" s="627"/>
      <c r="F33" s="627"/>
      <c r="G33" s="627"/>
      <c r="H33" s="627"/>
      <c r="I33" s="627"/>
      <c r="J33" s="627"/>
      <c r="K33" s="627"/>
      <c r="L33" s="627"/>
      <c r="M33" s="627"/>
      <c r="N33" s="627"/>
      <c r="O33" s="627"/>
      <c r="P33" s="627"/>
      <c r="Q33" s="627"/>
      <c r="R33" s="627"/>
      <c r="S33" s="627"/>
      <c r="T33" s="627"/>
      <c r="U33" s="627"/>
      <c r="V33" s="627"/>
      <c r="W33" s="627"/>
      <c r="X33" s="627"/>
      <c r="Y33" s="627"/>
      <c r="Z33" s="710"/>
    </row>
    <row r="34" spans="1:28" x14ac:dyDescent="0.2">
      <c r="A34" s="717"/>
      <c r="B34" s="627" t="s">
        <v>1296</v>
      </c>
      <c r="C34" s="627"/>
      <c r="D34" s="627"/>
      <c r="E34" s="627"/>
      <c r="F34" s="627"/>
      <c r="G34" s="627"/>
      <c r="H34" s="627"/>
      <c r="I34" s="627"/>
      <c r="J34" s="627"/>
      <c r="K34" s="627"/>
      <c r="L34" s="627"/>
      <c r="M34" s="627"/>
      <c r="N34" s="627"/>
      <c r="O34" s="627"/>
      <c r="P34" s="627"/>
      <c r="Q34" s="627"/>
      <c r="R34" s="627"/>
      <c r="S34" s="627"/>
      <c r="T34" s="627"/>
      <c r="U34" s="627"/>
      <c r="V34" s="627"/>
      <c r="W34" s="627"/>
      <c r="X34" s="627"/>
      <c r="Y34" s="627"/>
      <c r="Z34" s="710"/>
    </row>
    <row r="35" spans="1:28" x14ac:dyDescent="0.2">
      <c r="A35" s="627"/>
      <c r="B35" s="627"/>
      <c r="C35" s="627"/>
      <c r="D35" s="627"/>
      <c r="E35" s="627"/>
      <c r="F35" s="627"/>
      <c r="G35" s="627"/>
      <c r="H35" s="627"/>
      <c r="I35" s="627"/>
      <c r="J35" s="627"/>
      <c r="K35" s="627"/>
      <c r="L35" s="627"/>
      <c r="M35" s="627"/>
      <c r="N35" s="627"/>
      <c r="O35" s="627"/>
      <c r="P35" s="627"/>
      <c r="Q35" s="627"/>
      <c r="R35" s="627"/>
      <c r="S35" s="627"/>
      <c r="T35" s="627"/>
      <c r="U35" s="627"/>
      <c r="V35" s="627"/>
      <c r="W35" s="627"/>
      <c r="X35" s="627"/>
      <c r="Y35" s="627"/>
      <c r="Z35" s="627"/>
    </row>
    <row r="36" spans="1:28" x14ac:dyDescent="0.2">
      <c r="A36" s="627"/>
      <c r="B36" s="627" t="s">
        <v>1061</v>
      </c>
      <c r="C36" s="627"/>
      <c r="D36" s="627"/>
      <c r="E36" s="627"/>
      <c r="F36" s="627"/>
      <c r="G36" s="627"/>
      <c r="H36" s="627"/>
      <c r="I36" s="627"/>
      <c r="J36" s="627"/>
      <c r="K36" s="627"/>
      <c r="L36" s="627"/>
      <c r="M36" s="627"/>
      <c r="N36" s="627"/>
      <c r="O36" s="627"/>
      <c r="P36" s="627"/>
      <c r="Q36" s="627"/>
      <c r="R36" s="627"/>
      <c r="S36" s="627"/>
      <c r="T36" s="627"/>
      <c r="U36" s="627"/>
      <c r="V36" s="627"/>
      <c r="W36" s="627"/>
      <c r="X36" s="627"/>
      <c r="Y36" s="627"/>
      <c r="Z36" s="627"/>
    </row>
    <row r="37" spans="1:28" x14ac:dyDescent="0.2">
      <c r="A37" s="627"/>
      <c r="B37" s="627"/>
      <c r="C37" s="627" t="s">
        <v>1297</v>
      </c>
      <c r="D37" s="627"/>
      <c r="E37" s="627"/>
      <c r="F37" s="627"/>
      <c r="G37" s="627"/>
      <c r="H37" s="627"/>
      <c r="I37" s="627"/>
      <c r="J37" s="627"/>
      <c r="K37" s="627"/>
      <c r="L37" s="627"/>
      <c r="M37" s="627"/>
      <c r="N37" s="627"/>
      <c r="O37" s="627"/>
      <c r="P37" s="627"/>
      <c r="Q37" s="627"/>
      <c r="R37" s="627"/>
      <c r="S37" s="627"/>
      <c r="T37" s="627"/>
      <c r="U37" s="627"/>
      <c r="V37" s="627"/>
      <c r="W37" s="627"/>
      <c r="X37" s="627"/>
      <c r="Y37" s="627"/>
      <c r="Z37" s="627"/>
    </row>
    <row r="38" spans="1:28" x14ac:dyDescent="0.2">
      <c r="A38" s="627"/>
      <c r="B38" s="627"/>
      <c r="C38" s="627" t="s">
        <v>1298</v>
      </c>
      <c r="D38" s="627"/>
      <c r="E38" s="627"/>
      <c r="F38" s="627"/>
      <c r="G38" s="627"/>
      <c r="H38" s="627"/>
      <c r="I38" s="627"/>
      <c r="J38" s="627"/>
      <c r="K38" s="627"/>
      <c r="L38" s="627"/>
      <c r="M38" s="627"/>
      <c r="N38" s="627"/>
      <c r="O38" s="627"/>
      <c r="P38" s="627"/>
      <c r="Q38" s="627"/>
      <c r="R38" s="627"/>
      <c r="S38" s="627"/>
      <c r="T38" s="627"/>
      <c r="U38" s="627"/>
      <c r="V38" s="627"/>
      <c r="W38" s="627"/>
      <c r="X38" s="627"/>
      <c r="Y38" s="627"/>
      <c r="Z38" s="627"/>
    </row>
    <row r="39" spans="1:28" s="645" customFormat="1" x14ac:dyDescent="0.2">
      <c r="A39" s="627"/>
      <c r="B39" s="627"/>
      <c r="C39" s="627" t="s">
        <v>1299</v>
      </c>
      <c r="D39" s="627"/>
      <c r="E39" s="627"/>
      <c r="F39" s="627"/>
      <c r="G39" s="627"/>
      <c r="H39" s="627"/>
      <c r="I39" s="627"/>
      <c r="J39" s="627"/>
      <c r="K39" s="627"/>
      <c r="L39" s="627"/>
      <c r="M39" s="627"/>
      <c r="N39" s="627"/>
      <c r="O39" s="627"/>
      <c r="P39" s="627"/>
      <c r="Q39" s="627"/>
      <c r="R39" s="627"/>
      <c r="S39" s="627"/>
      <c r="T39" s="627"/>
      <c r="U39" s="627"/>
      <c r="V39" s="627"/>
      <c r="W39" s="627"/>
      <c r="X39" s="627"/>
      <c r="Y39" s="627"/>
      <c r="Z39" s="627"/>
      <c r="AB39" s="627"/>
    </row>
    <row r="40" spans="1:28" s="645" customFormat="1" x14ac:dyDescent="0.2">
      <c r="A40" s="627"/>
      <c r="B40" s="627"/>
      <c r="C40" s="627" t="s">
        <v>1300</v>
      </c>
      <c r="D40" s="627"/>
      <c r="E40" s="627"/>
      <c r="F40" s="627"/>
      <c r="G40" s="627"/>
      <c r="H40" s="627"/>
      <c r="I40" s="627"/>
      <c r="J40" s="627"/>
      <c r="K40" s="627"/>
      <c r="L40" s="627"/>
      <c r="M40" s="627"/>
      <c r="N40" s="627"/>
      <c r="O40" s="627"/>
      <c r="P40" s="627"/>
      <c r="Q40" s="627"/>
      <c r="R40" s="627"/>
      <c r="S40" s="627"/>
      <c r="T40" s="627"/>
      <c r="U40" s="627"/>
      <c r="V40" s="627"/>
      <c r="W40" s="627"/>
      <c r="X40" s="627"/>
      <c r="Y40" s="627"/>
      <c r="Z40" s="627"/>
      <c r="AB40" s="627"/>
    </row>
    <row r="41" spans="1:28" s="645" customFormat="1" x14ac:dyDescent="0.2">
      <c r="AB41" s="627"/>
    </row>
    <row r="42" spans="1:28" s="645" customFormat="1" x14ac:dyDescent="0.2">
      <c r="AB42" s="627"/>
    </row>
  </sheetData>
  <mergeCells count="27">
    <mergeCell ref="V25:Y28"/>
    <mergeCell ref="C27:T27"/>
    <mergeCell ref="V29:Y32"/>
    <mergeCell ref="C18:T18"/>
    <mergeCell ref="V18:Y19"/>
    <mergeCell ref="C20:T20"/>
    <mergeCell ref="V20:Y22"/>
    <mergeCell ref="C21:T21"/>
    <mergeCell ref="V23:Y24"/>
    <mergeCell ref="B11:F11"/>
    <mergeCell ref="G11:Y11"/>
    <mergeCell ref="C13:T13"/>
    <mergeCell ref="V13:Y15"/>
    <mergeCell ref="C16:T16"/>
    <mergeCell ref="V16:Y17"/>
    <mergeCell ref="B8:F8"/>
    <mergeCell ref="G8:Y8"/>
    <mergeCell ref="B9:F9"/>
    <mergeCell ref="G9:Y9"/>
    <mergeCell ref="B10:F10"/>
    <mergeCell ref="G10:Y10"/>
    <mergeCell ref="R2:Y2"/>
    <mergeCell ref="B4:Y4"/>
    <mergeCell ref="B6:F6"/>
    <mergeCell ref="G6:Y6"/>
    <mergeCell ref="B7:F7"/>
    <mergeCell ref="G7:Y7"/>
  </mergeCells>
  <phoneticPr fontId="6"/>
  <pageMargins left="0.7" right="0.7" top="0.75" bottom="0.75" header="0.3" footer="0.3"/>
  <pageSetup paperSize="9" scale="91" orientation="portrait" r:id="rId1"/>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2"/>
  <sheetViews>
    <sheetView showGridLines="0" view="pageBreakPreview" zoomScaleNormal="100" zoomScaleSheetLayoutView="100" workbookViewId="0">
      <selection activeCell="J20" sqref="J20"/>
    </sheetView>
  </sheetViews>
  <sheetFormatPr defaultColWidth="9" defaultRowHeight="13.2" x14ac:dyDescent="0.2"/>
  <cols>
    <col min="1" max="1" width="1.44140625" style="56" customWidth="1"/>
    <col min="2" max="2" width="21.21875" style="56" customWidth="1"/>
    <col min="3" max="3" width="3.88671875" style="56" customWidth="1"/>
    <col min="4" max="4" width="5.33203125" style="56" customWidth="1"/>
    <col min="5" max="7" width="19.44140625" style="56" customWidth="1"/>
    <col min="8" max="8" width="2.88671875" style="56" customWidth="1"/>
    <col min="9" max="16384" width="9" style="56"/>
  </cols>
  <sheetData>
    <row r="1" spans="1:8" ht="27.75" customHeight="1" x14ac:dyDescent="0.2">
      <c r="A1" s="55"/>
      <c r="B1" s="532" t="s">
        <v>706</v>
      </c>
    </row>
    <row r="2" spans="1:8" ht="27.75" customHeight="1" x14ac:dyDescent="0.2">
      <c r="A2" s="55"/>
      <c r="H2" s="567" t="s">
        <v>710</v>
      </c>
    </row>
    <row r="3" spans="1:8" ht="18" customHeight="1" x14ac:dyDescent="0.2">
      <c r="A3" s="55"/>
      <c r="H3" s="567"/>
    </row>
    <row r="4" spans="1:8" ht="36" customHeight="1" x14ac:dyDescent="0.2">
      <c r="A4" s="3011" t="s">
        <v>859</v>
      </c>
      <c r="B4" s="3011"/>
      <c r="C4" s="3011"/>
      <c r="D4" s="3011"/>
      <c r="E4" s="3011"/>
      <c r="F4" s="3011"/>
      <c r="G4" s="3011"/>
      <c r="H4" s="3011"/>
    </row>
    <row r="5" spans="1:8" ht="19.5" customHeight="1" x14ac:dyDescent="0.2">
      <c r="A5" s="568"/>
      <c r="B5" s="568"/>
      <c r="C5" s="568"/>
      <c r="D5" s="568"/>
      <c r="E5" s="568"/>
      <c r="F5" s="568"/>
      <c r="G5" s="568"/>
      <c r="H5" s="568"/>
    </row>
    <row r="6" spans="1:8" ht="36" customHeight="1" x14ac:dyDescent="0.2">
      <c r="A6" s="568"/>
      <c r="B6" s="575" t="s">
        <v>60</v>
      </c>
      <c r="C6" s="2288"/>
      <c r="D6" s="2289"/>
      <c r="E6" s="2289"/>
      <c r="F6" s="2289"/>
      <c r="G6" s="2289"/>
      <c r="H6" s="2290"/>
    </row>
    <row r="7" spans="1:8" ht="33.75" customHeight="1" x14ac:dyDescent="0.2">
      <c r="B7" s="66" t="s">
        <v>38</v>
      </c>
      <c r="C7" s="1913" t="s">
        <v>47</v>
      </c>
      <c r="D7" s="2291"/>
      <c r="E7" s="2291"/>
      <c r="F7" s="2291"/>
      <c r="G7" s="2291"/>
      <c r="H7" s="2292"/>
    </row>
    <row r="8" spans="1:8" ht="31.5" customHeight="1" x14ac:dyDescent="0.2">
      <c r="B8" s="576" t="s">
        <v>936</v>
      </c>
      <c r="C8" s="577"/>
      <c r="D8" s="578"/>
      <c r="E8" s="578" t="s">
        <v>937</v>
      </c>
      <c r="F8" s="578"/>
      <c r="G8" s="578"/>
      <c r="H8" s="579"/>
    </row>
    <row r="9" spans="1:8" ht="14.25" customHeight="1" x14ac:dyDescent="0.2">
      <c r="B9" s="580"/>
      <c r="C9" s="581"/>
      <c r="D9" s="75"/>
      <c r="E9" s="75" t="s">
        <v>938</v>
      </c>
      <c r="F9" s="75"/>
      <c r="G9" s="75"/>
      <c r="H9" s="582"/>
    </row>
    <row r="10" spans="1:8" ht="9" customHeight="1" x14ac:dyDescent="0.2">
      <c r="B10" s="580"/>
      <c r="C10" s="583"/>
      <c r="D10" s="200"/>
      <c r="E10" s="200"/>
      <c r="F10" s="200"/>
      <c r="G10" s="200"/>
      <c r="H10" s="571"/>
    </row>
    <row r="11" spans="1:8" ht="14.25" customHeight="1" x14ac:dyDescent="0.2">
      <c r="B11" s="576"/>
      <c r="C11" s="199"/>
      <c r="D11" s="62"/>
      <c r="E11" s="62"/>
      <c r="F11" s="62"/>
      <c r="G11" s="62"/>
      <c r="H11" s="63"/>
    </row>
    <row r="12" spans="1:8" ht="37.5" customHeight="1" x14ac:dyDescent="0.2">
      <c r="B12" s="584" t="s">
        <v>939</v>
      </c>
      <c r="C12" s="57"/>
      <c r="D12" s="573" t="s">
        <v>672</v>
      </c>
      <c r="E12" s="573" t="s">
        <v>940</v>
      </c>
      <c r="F12" s="270" t="s">
        <v>941</v>
      </c>
      <c r="G12" s="271" t="s">
        <v>942</v>
      </c>
      <c r="H12" s="59"/>
    </row>
    <row r="13" spans="1:8" ht="30.75" customHeight="1" x14ac:dyDescent="0.2">
      <c r="B13" s="580"/>
      <c r="C13" s="57"/>
      <c r="D13" s="573" t="s">
        <v>564</v>
      </c>
      <c r="E13" s="574"/>
      <c r="F13" s="574"/>
      <c r="G13" s="574"/>
      <c r="H13" s="59"/>
    </row>
    <row r="14" spans="1:8" ht="30.75" customHeight="1" x14ac:dyDescent="0.2">
      <c r="B14" s="580"/>
      <c r="C14" s="57"/>
      <c r="D14" s="573" t="s">
        <v>671</v>
      </c>
      <c r="E14" s="574"/>
      <c r="F14" s="574"/>
      <c r="G14" s="574"/>
      <c r="H14" s="59"/>
    </row>
    <row r="15" spans="1:8" ht="30.75" customHeight="1" x14ac:dyDescent="0.2">
      <c r="B15" s="580"/>
      <c r="C15" s="57"/>
      <c r="D15" s="573" t="s">
        <v>670</v>
      </c>
      <c r="E15" s="574"/>
      <c r="F15" s="574"/>
      <c r="G15" s="574"/>
      <c r="H15" s="59"/>
    </row>
    <row r="16" spans="1:8" ht="30.75" customHeight="1" x14ac:dyDescent="0.2">
      <c r="B16" s="580"/>
      <c r="C16" s="57"/>
      <c r="D16" s="573" t="s">
        <v>669</v>
      </c>
      <c r="E16" s="574"/>
      <c r="F16" s="574"/>
      <c r="G16" s="574"/>
      <c r="H16" s="59"/>
    </row>
    <row r="17" spans="1:8" ht="30.75" customHeight="1" x14ac:dyDescent="0.2">
      <c r="B17" s="580"/>
      <c r="C17" s="57"/>
      <c r="D17" s="573" t="s">
        <v>668</v>
      </c>
      <c r="E17" s="574"/>
      <c r="F17" s="574"/>
      <c r="G17" s="574"/>
      <c r="H17" s="59"/>
    </row>
    <row r="18" spans="1:8" ht="30.75" customHeight="1" x14ac:dyDescent="0.2">
      <c r="B18" s="580"/>
      <c r="C18" s="57"/>
      <c r="D18" s="573" t="s">
        <v>667</v>
      </c>
      <c r="E18" s="574"/>
      <c r="F18" s="574"/>
      <c r="G18" s="574"/>
      <c r="H18" s="59"/>
    </row>
    <row r="19" spans="1:8" ht="30.75" customHeight="1" x14ac:dyDescent="0.2">
      <c r="B19" s="580"/>
      <c r="C19" s="57"/>
      <c r="D19" s="573" t="s">
        <v>666</v>
      </c>
      <c r="E19" s="574"/>
      <c r="F19" s="574"/>
      <c r="G19" s="574"/>
      <c r="H19" s="59"/>
    </row>
    <row r="20" spans="1:8" ht="30.75" customHeight="1" x14ac:dyDescent="0.2">
      <c r="B20" s="580"/>
      <c r="C20" s="57"/>
      <c r="D20" s="573" t="s">
        <v>665</v>
      </c>
      <c r="E20" s="574"/>
      <c r="F20" s="574"/>
      <c r="G20" s="574"/>
      <c r="H20" s="59"/>
    </row>
    <row r="21" spans="1:8" ht="30.75" customHeight="1" x14ac:dyDescent="0.2">
      <c r="B21" s="580"/>
      <c r="C21" s="57"/>
      <c r="D21" s="573" t="s">
        <v>664</v>
      </c>
      <c r="E21" s="574"/>
      <c r="F21" s="574"/>
      <c r="G21" s="574"/>
      <c r="H21" s="59"/>
    </row>
    <row r="22" spans="1:8" ht="30.75" customHeight="1" x14ac:dyDescent="0.2">
      <c r="B22" s="580"/>
      <c r="C22" s="57"/>
      <c r="D22" s="573" t="s">
        <v>663</v>
      </c>
      <c r="E22" s="574"/>
      <c r="F22" s="574"/>
      <c r="G22" s="574"/>
      <c r="H22" s="59"/>
    </row>
    <row r="23" spans="1:8" ht="30.75" customHeight="1" x14ac:dyDescent="0.2">
      <c r="B23" s="580"/>
      <c r="C23" s="57"/>
      <c r="D23" s="573" t="s">
        <v>662</v>
      </c>
      <c r="E23" s="574"/>
      <c r="F23" s="574"/>
      <c r="G23" s="574"/>
      <c r="H23" s="59"/>
    </row>
    <row r="24" spans="1:8" ht="30.75" customHeight="1" thickBot="1" x14ac:dyDescent="0.25">
      <c r="B24" s="580"/>
      <c r="C24" s="57"/>
      <c r="D24" s="272" t="s">
        <v>661</v>
      </c>
      <c r="E24" s="242"/>
      <c r="F24" s="242"/>
      <c r="G24" s="242"/>
      <c r="H24" s="59"/>
    </row>
    <row r="25" spans="1:8" ht="30.75" customHeight="1" thickTop="1" x14ac:dyDescent="0.2">
      <c r="B25" s="580"/>
      <c r="C25" s="57"/>
      <c r="D25" s="241" t="s">
        <v>63</v>
      </c>
      <c r="E25" s="240"/>
      <c r="F25" s="240"/>
      <c r="G25" s="585" t="s">
        <v>943</v>
      </c>
      <c r="H25" s="59"/>
    </row>
    <row r="26" spans="1:8" ht="14.25" customHeight="1" x14ac:dyDescent="0.2">
      <c r="B26" s="580"/>
      <c r="C26" s="57"/>
      <c r="D26" s="239"/>
      <c r="E26" s="238"/>
      <c r="F26" s="238"/>
      <c r="G26" s="238"/>
      <c r="H26" s="59"/>
    </row>
    <row r="27" spans="1:8" ht="45" customHeight="1" x14ac:dyDescent="0.2">
      <c r="B27" s="580"/>
      <c r="C27" s="57"/>
      <c r="D27" s="3012" t="s">
        <v>944</v>
      </c>
      <c r="E27" s="3012"/>
      <c r="F27" s="3012"/>
      <c r="G27" s="3012"/>
      <c r="H27" s="59"/>
    </row>
    <row r="28" spans="1:8" ht="9.75" customHeight="1" x14ac:dyDescent="0.2">
      <c r="B28" s="586"/>
      <c r="C28" s="60"/>
      <c r="D28" s="572"/>
      <c r="E28" s="572"/>
      <c r="F28" s="572"/>
      <c r="G28" s="572"/>
      <c r="H28" s="61"/>
    </row>
    <row r="30" spans="1:8" ht="21.75" customHeight="1" x14ac:dyDescent="0.2">
      <c r="B30" s="56" t="s">
        <v>945</v>
      </c>
    </row>
    <row r="31" spans="1:8" ht="21.75" customHeight="1" x14ac:dyDescent="0.2">
      <c r="A31" s="568"/>
      <c r="B31" s="224" t="s">
        <v>858</v>
      </c>
      <c r="C31" s="568"/>
      <c r="D31" s="568"/>
      <c r="E31" s="568"/>
      <c r="F31" s="568"/>
      <c r="G31" s="568"/>
      <c r="H31" s="568"/>
    </row>
    <row r="32" spans="1:8" x14ac:dyDescent="0.2">
      <c r="C32" s="56" t="s">
        <v>79</v>
      </c>
    </row>
  </sheetData>
  <customSheetViews>
    <customSheetView guid="{FA98832E-F01A-4598-9960-E27C2FDAB118}" showPageBreaks="1" showGridLines="0" fitToPage="1" printArea="1" view="pageBreakPreview">
      <selection activeCell="J20" sqref="J20"/>
      <pageMargins left="0.70866141732283472" right="0.70866141732283472" top="0.74803149606299213" bottom="0.74803149606299213" header="0.31496062992125984" footer="0.31496062992125984"/>
      <printOptions horizontalCentered="1"/>
      <pageSetup paperSize="9" scale="95" orientation="portrait" r:id="rId1"/>
    </customSheetView>
    <customSheetView guid="{8494577A-77FB-45FD-BD2B-C737BCFAD5B3}" showPageBreaks="1" showGridLines="0" fitToPage="1" printArea="1" view="pageBreakPreview">
      <selection activeCell="J20" sqref="J20"/>
      <pageMargins left="0.70866141732283472" right="0.70866141732283472" top="0.74803149606299213" bottom="0.74803149606299213" header="0.31496062992125984" footer="0.31496062992125984"/>
      <printOptions horizontalCentered="1"/>
      <pageSetup paperSize="9" scale="95" orientation="portrait" r:id="rId2"/>
    </customSheetView>
  </customSheetViews>
  <mergeCells count="4">
    <mergeCell ref="A4:H4"/>
    <mergeCell ref="C6:H6"/>
    <mergeCell ref="C7:H7"/>
    <mergeCell ref="D27:G27"/>
  </mergeCells>
  <phoneticPr fontId="6"/>
  <printOptions horizontalCentered="1"/>
  <pageMargins left="0.70866141732283472" right="0.70866141732283472" top="0.74803149606299213" bottom="0.74803149606299213" header="0.31496062992125984" footer="0.31496062992125984"/>
  <pageSetup paperSize="9" scale="95" orientation="portrait" r:id="rId3"/>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6"/>
  <sheetViews>
    <sheetView showGridLines="0" view="pageBreakPreview" zoomScale="90" zoomScaleNormal="100" zoomScaleSheetLayoutView="90" workbookViewId="0">
      <selection activeCell="J20" sqref="J20"/>
    </sheetView>
  </sheetViews>
  <sheetFormatPr defaultColWidth="9" defaultRowHeight="13.2" x14ac:dyDescent="0.2"/>
  <cols>
    <col min="1" max="1" width="1.44140625" style="56" customWidth="1"/>
    <col min="2" max="2" width="21.44140625" style="56" customWidth="1"/>
    <col min="3" max="3" width="4.6640625" style="56" customWidth="1"/>
    <col min="4" max="4" width="6" style="56" customWidth="1"/>
    <col min="5" max="7" width="17.88671875" style="56" customWidth="1"/>
    <col min="8" max="8" width="4.6640625" style="56" customWidth="1"/>
    <col min="9" max="16384" width="9" style="56"/>
  </cols>
  <sheetData>
    <row r="1" spans="1:8" ht="27.75" customHeight="1" x14ac:dyDescent="0.2">
      <c r="A1" s="55"/>
      <c r="B1" s="532" t="s">
        <v>707</v>
      </c>
    </row>
    <row r="2" spans="1:8" ht="27.75" customHeight="1" x14ac:dyDescent="0.2">
      <c r="A2" s="55"/>
      <c r="H2" s="567" t="s">
        <v>710</v>
      </c>
    </row>
    <row r="3" spans="1:8" ht="36" customHeight="1" x14ac:dyDescent="0.2">
      <c r="A3" s="3011" t="s">
        <v>862</v>
      </c>
      <c r="B3" s="3011"/>
      <c r="C3" s="3011"/>
      <c r="D3" s="3011"/>
      <c r="E3" s="3011"/>
      <c r="F3" s="3011"/>
      <c r="G3" s="3011"/>
      <c r="H3" s="3011"/>
    </row>
    <row r="4" spans="1:8" ht="36" customHeight="1" x14ac:dyDescent="0.2">
      <c r="A4" s="568"/>
      <c r="B4" s="568"/>
      <c r="C4" s="568"/>
      <c r="D4" s="568"/>
      <c r="E4" s="568"/>
      <c r="F4" s="568"/>
      <c r="G4" s="568"/>
      <c r="H4" s="568"/>
    </row>
    <row r="5" spans="1:8" ht="36" customHeight="1" x14ac:dyDescent="0.2">
      <c r="A5" s="568"/>
      <c r="B5" s="575" t="s">
        <v>60</v>
      </c>
      <c r="C5" s="2288"/>
      <c r="D5" s="2289"/>
      <c r="E5" s="2289"/>
      <c r="F5" s="2289"/>
      <c r="G5" s="2289"/>
      <c r="H5" s="2290"/>
    </row>
    <row r="6" spans="1:8" ht="51.75" customHeight="1" x14ac:dyDescent="0.2">
      <c r="B6" s="66" t="s">
        <v>38</v>
      </c>
      <c r="C6" s="3013" t="s">
        <v>946</v>
      </c>
      <c r="D6" s="3014"/>
      <c r="E6" s="3014"/>
      <c r="F6" s="3014"/>
      <c r="G6" s="3014"/>
      <c r="H6" s="3015"/>
    </row>
    <row r="7" spans="1:8" ht="90" customHeight="1" x14ac:dyDescent="0.2">
      <c r="B7" s="66" t="s">
        <v>861</v>
      </c>
      <c r="C7" s="587"/>
      <c r="D7" s="569"/>
      <c r="E7" s="3016" t="s">
        <v>947</v>
      </c>
      <c r="F7" s="3016"/>
      <c r="G7" s="3016"/>
      <c r="H7" s="570"/>
    </row>
    <row r="8" spans="1:8" ht="9" customHeight="1" x14ac:dyDescent="0.2">
      <c r="F8" s="219"/>
      <c r="G8" s="219"/>
      <c r="H8" s="219"/>
    </row>
    <row r="9" spans="1:8" ht="24" customHeight="1" x14ac:dyDescent="0.2">
      <c r="B9" s="56" t="s">
        <v>948</v>
      </c>
      <c r="F9" s="219"/>
      <c r="G9" s="219"/>
      <c r="H9" s="219"/>
    </row>
    <row r="10" spans="1:8" ht="36.75" customHeight="1" x14ac:dyDescent="0.2">
      <c r="B10" s="3017" t="s">
        <v>860</v>
      </c>
      <c r="C10" s="3017"/>
      <c r="D10" s="3017"/>
      <c r="E10" s="3017"/>
      <c r="F10" s="3017"/>
      <c r="G10" s="3017"/>
      <c r="H10" s="3017"/>
    </row>
    <row r="11" spans="1:8" ht="24" customHeight="1" x14ac:dyDescent="0.2">
      <c r="B11" s="224" t="s">
        <v>858</v>
      </c>
      <c r="C11" s="219"/>
      <c r="D11" s="219"/>
      <c r="E11" s="219"/>
      <c r="F11" s="219"/>
      <c r="G11" s="219"/>
      <c r="H11" s="219"/>
    </row>
    <row r="12" spans="1:8" ht="24" customHeight="1" x14ac:dyDescent="0.2"/>
    <row r="13" spans="1:8" ht="24" customHeight="1" x14ac:dyDescent="0.2"/>
    <row r="14" spans="1:8" ht="24" customHeight="1" x14ac:dyDescent="0.2"/>
    <row r="15" spans="1:8" ht="33" customHeight="1" x14ac:dyDescent="0.2">
      <c r="C15" s="56" t="s">
        <v>79</v>
      </c>
    </row>
    <row r="16" spans="1:8" ht="33" customHeight="1" x14ac:dyDescent="0.2"/>
    <row r="17" ht="33" customHeight="1" x14ac:dyDescent="0.2"/>
    <row r="18" ht="33" customHeight="1" x14ac:dyDescent="0.2"/>
    <row r="19" ht="33" customHeight="1" x14ac:dyDescent="0.2"/>
    <row r="20" ht="33" customHeight="1" x14ac:dyDescent="0.2"/>
    <row r="21" ht="33" customHeight="1" x14ac:dyDescent="0.2"/>
    <row r="22" ht="33" customHeight="1" x14ac:dyDescent="0.2"/>
    <row r="23" ht="40.5" customHeight="1" x14ac:dyDescent="0.2"/>
    <row r="24" ht="13.5" customHeight="1" x14ac:dyDescent="0.2"/>
    <row r="26" ht="24.75" customHeight="1" x14ac:dyDescent="0.2"/>
  </sheetData>
  <customSheetViews>
    <customSheetView guid="{FA98832E-F01A-4598-9960-E27C2FDAB118}" scale="90" showPageBreaks="1" showGridLines="0" printArea="1" view="pageBreakPreview">
      <selection activeCell="J20" sqref="J20"/>
      <pageMargins left="0.7" right="0.7" top="0.75" bottom="0.75" header="0.3" footer="0.3"/>
      <pageSetup paperSize="9" scale="94" orientation="portrait" r:id="rId1"/>
    </customSheetView>
    <customSheetView guid="{8494577A-77FB-45FD-BD2B-C737BCFAD5B3}" scale="90" showPageBreaks="1" showGridLines="0" printArea="1" view="pageBreakPreview">
      <selection activeCell="J20" sqref="J20"/>
      <pageMargins left="0.7" right="0.7" top="0.75" bottom="0.75" header="0.3" footer="0.3"/>
      <pageSetup paperSize="9" scale="94" orientation="portrait" r:id="rId2"/>
    </customSheetView>
  </customSheetViews>
  <mergeCells count="5">
    <mergeCell ref="A3:H3"/>
    <mergeCell ref="C5:H5"/>
    <mergeCell ref="C6:H6"/>
    <mergeCell ref="E7:G7"/>
    <mergeCell ref="B10:H10"/>
  </mergeCells>
  <phoneticPr fontId="6"/>
  <pageMargins left="0.7" right="0.7" top="0.75" bottom="0.75" header="0.3" footer="0.3"/>
  <pageSetup paperSize="9" scale="94" orientation="portrait" r:id="rId3"/>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41"/>
  <sheetViews>
    <sheetView showGridLines="0" view="pageBreakPreview" zoomScaleNormal="100" zoomScaleSheetLayoutView="100" workbookViewId="0">
      <selection activeCell="J20" sqref="J20"/>
    </sheetView>
  </sheetViews>
  <sheetFormatPr defaultColWidth="4.77734375" defaultRowHeight="13.2" x14ac:dyDescent="0.2"/>
  <cols>
    <col min="1" max="2" width="4.109375" style="56" customWidth="1"/>
    <col min="3" max="3" width="11.21875" style="56" customWidth="1"/>
    <col min="4" max="4" width="4.88671875" style="56" customWidth="1"/>
    <col min="5" max="36" width="3.33203125" style="56" customWidth="1"/>
    <col min="37" max="16384" width="4.77734375" style="56"/>
  </cols>
  <sheetData>
    <row r="1" spans="1:36" ht="22.5" customHeight="1" x14ac:dyDescent="0.2">
      <c r="A1" s="55"/>
      <c r="I1" s="254"/>
      <c r="J1" s="254"/>
      <c r="K1" s="254"/>
      <c r="Z1" s="551"/>
      <c r="AA1" s="532"/>
      <c r="AB1" s="532"/>
      <c r="AC1" s="532"/>
      <c r="AD1" s="532"/>
      <c r="AE1" s="532"/>
      <c r="AF1" s="532"/>
      <c r="AG1" s="532"/>
      <c r="AH1" s="532"/>
      <c r="AI1" s="532"/>
      <c r="AJ1" s="549" t="s">
        <v>889</v>
      </c>
    </row>
    <row r="2" spans="1:36" ht="36" customHeight="1" x14ac:dyDescent="0.2">
      <c r="A2" s="3011" t="s">
        <v>884</v>
      </c>
      <c r="B2" s="3011"/>
      <c r="C2" s="3011"/>
      <c r="D2" s="3011"/>
      <c r="E2" s="3011"/>
      <c r="F2" s="3011"/>
      <c r="G2" s="3011"/>
      <c r="H2" s="3011"/>
      <c r="I2" s="3011"/>
      <c r="J2" s="3011"/>
      <c r="K2" s="3011"/>
      <c r="L2" s="3011"/>
      <c r="M2" s="3011"/>
      <c r="N2" s="3011"/>
      <c r="O2" s="3011"/>
      <c r="P2" s="3011"/>
      <c r="Q2" s="3011"/>
      <c r="R2" s="3011"/>
      <c r="S2" s="3011"/>
      <c r="T2" s="3011"/>
      <c r="U2" s="3011"/>
      <c r="V2" s="3011"/>
      <c r="W2" s="3011"/>
      <c r="X2" s="3011"/>
      <c r="Y2" s="3011"/>
      <c r="Z2" s="3011"/>
      <c r="AA2" s="3011"/>
      <c r="AB2" s="3011"/>
      <c r="AC2" s="3011"/>
      <c r="AD2" s="3011"/>
      <c r="AE2" s="3011"/>
      <c r="AF2" s="3011"/>
      <c r="AG2" s="3011"/>
      <c r="AH2" s="3011"/>
      <c r="AI2" s="3011"/>
      <c r="AJ2" s="3011"/>
    </row>
    <row r="3" spans="1:36" ht="36" customHeight="1" x14ac:dyDescent="0.2">
      <c r="A3" s="255"/>
      <c r="B3" s="3054" t="s">
        <v>524</v>
      </c>
      <c r="C3" s="3054"/>
      <c r="D3" s="3055" t="s">
        <v>888</v>
      </c>
      <c r="E3" s="3055"/>
      <c r="F3" s="3055"/>
      <c r="G3" s="3055"/>
      <c r="H3" s="3055"/>
      <c r="I3" s="3055"/>
      <c r="J3" s="3055"/>
      <c r="K3" s="3055"/>
      <c r="L3" s="3055"/>
      <c r="M3" s="3055"/>
      <c r="N3" s="3055"/>
      <c r="O3" s="3055"/>
      <c r="P3" s="3055"/>
      <c r="Q3" s="3055"/>
      <c r="R3" s="3055"/>
      <c r="S3" s="3055"/>
      <c r="T3" s="3055"/>
      <c r="U3" s="3055"/>
      <c r="V3" s="3055"/>
      <c r="W3" s="3055"/>
      <c r="X3" s="3055"/>
      <c r="Y3" s="3055"/>
      <c r="Z3" s="3055"/>
      <c r="AA3" s="3055"/>
      <c r="AB3" s="3055"/>
      <c r="AC3" s="3055"/>
      <c r="AD3" s="3055"/>
      <c r="AE3" s="3055"/>
      <c r="AF3" s="3055"/>
      <c r="AG3" s="3055"/>
      <c r="AH3" s="3055"/>
      <c r="AI3" s="255"/>
      <c r="AJ3" s="255"/>
    </row>
    <row r="4" spans="1:36" ht="19.5" customHeight="1" x14ac:dyDescent="0.2">
      <c r="A4" s="255"/>
      <c r="B4" s="255"/>
      <c r="C4" s="255"/>
      <c r="D4" s="255"/>
      <c r="E4" s="255"/>
      <c r="F4" s="255"/>
      <c r="G4" s="255"/>
      <c r="H4" s="255"/>
      <c r="I4" s="255"/>
      <c r="J4" s="255"/>
      <c r="K4" s="255"/>
    </row>
    <row r="5" spans="1:36" ht="18" customHeight="1" x14ac:dyDescent="0.2">
      <c r="A5" s="3030"/>
      <c r="B5" s="3031"/>
      <c r="C5" s="3032"/>
      <c r="D5" s="3039" t="s">
        <v>887</v>
      </c>
      <c r="E5" s="3040"/>
      <c r="F5" s="3040"/>
      <c r="G5" s="3040"/>
      <c r="H5" s="3040"/>
      <c r="I5" s="3040"/>
      <c r="J5" s="3040"/>
      <c r="K5" s="3040"/>
      <c r="L5" s="3040"/>
      <c r="M5" s="3040"/>
      <c r="N5" s="3040"/>
      <c r="O5" s="3040"/>
      <c r="P5" s="3040"/>
      <c r="Q5" s="3040"/>
      <c r="R5" s="3040"/>
      <c r="S5" s="3040"/>
      <c r="T5" s="3040"/>
      <c r="U5" s="3040"/>
      <c r="V5" s="3040"/>
      <c r="W5" s="3040"/>
      <c r="X5" s="3040"/>
      <c r="Y5" s="3040"/>
      <c r="Z5" s="3040"/>
      <c r="AA5" s="3040"/>
      <c r="AB5" s="3040"/>
      <c r="AC5" s="3040"/>
      <c r="AD5" s="3040"/>
      <c r="AE5" s="3040"/>
      <c r="AF5" s="3040"/>
      <c r="AG5" s="3040"/>
      <c r="AH5" s="3040"/>
      <c r="AI5" s="3041"/>
      <c r="AJ5" s="3020" t="s">
        <v>63</v>
      </c>
    </row>
    <row r="6" spans="1:36" ht="18" customHeight="1" x14ac:dyDescent="0.2">
      <c r="A6" s="3033"/>
      <c r="B6" s="3034"/>
      <c r="C6" s="3035"/>
      <c r="D6" s="545" t="s">
        <v>758</v>
      </c>
      <c r="E6" s="535">
        <v>1</v>
      </c>
      <c r="F6" s="535">
        <v>2</v>
      </c>
      <c r="G6" s="535">
        <v>3</v>
      </c>
      <c r="H6" s="535">
        <v>4</v>
      </c>
      <c r="I6" s="535">
        <v>5</v>
      </c>
      <c r="J6" s="535">
        <v>6</v>
      </c>
      <c r="K6" s="535">
        <v>7</v>
      </c>
      <c r="L6" s="535">
        <v>8</v>
      </c>
      <c r="M6" s="535">
        <v>9</v>
      </c>
      <c r="N6" s="535">
        <v>10</v>
      </c>
      <c r="O6" s="535">
        <v>11</v>
      </c>
      <c r="P6" s="535">
        <v>12</v>
      </c>
      <c r="Q6" s="535">
        <v>13</v>
      </c>
      <c r="R6" s="535">
        <v>14</v>
      </c>
      <c r="S6" s="535">
        <v>15</v>
      </c>
      <c r="T6" s="535">
        <v>16</v>
      </c>
      <c r="U6" s="535">
        <v>17</v>
      </c>
      <c r="V6" s="535">
        <v>18</v>
      </c>
      <c r="W6" s="535">
        <v>19</v>
      </c>
      <c r="X6" s="535">
        <v>20</v>
      </c>
      <c r="Y6" s="535">
        <v>21</v>
      </c>
      <c r="Z6" s="535">
        <v>22</v>
      </c>
      <c r="AA6" s="535">
        <v>23</v>
      </c>
      <c r="AB6" s="535">
        <v>24</v>
      </c>
      <c r="AC6" s="535">
        <v>25</v>
      </c>
      <c r="AD6" s="535">
        <v>26</v>
      </c>
      <c r="AE6" s="535">
        <v>27</v>
      </c>
      <c r="AF6" s="535">
        <v>28</v>
      </c>
      <c r="AG6" s="535">
        <v>29</v>
      </c>
      <c r="AH6" s="535">
        <v>30</v>
      </c>
      <c r="AI6" s="535">
        <v>31</v>
      </c>
      <c r="AJ6" s="3021"/>
    </row>
    <row r="7" spans="1:36" ht="18" customHeight="1" x14ac:dyDescent="0.2">
      <c r="A7" s="3036"/>
      <c r="B7" s="3037"/>
      <c r="C7" s="3038"/>
      <c r="D7" s="545" t="s">
        <v>883</v>
      </c>
      <c r="E7" s="544"/>
      <c r="F7" s="544"/>
      <c r="G7" s="544"/>
      <c r="H7" s="544"/>
      <c r="I7" s="544"/>
      <c r="J7" s="544"/>
      <c r="K7" s="544"/>
      <c r="L7" s="544"/>
      <c r="M7" s="544"/>
      <c r="N7" s="544"/>
      <c r="O7" s="544"/>
      <c r="P7" s="544"/>
      <c r="Q7" s="544"/>
      <c r="R7" s="544"/>
      <c r="S7" s="544"/>
      <c r="T7" s="544"/>
      <c r="U7" s="544"/>
      <c r="V7" s="544"/>
      <c r="W7" s="544"/>
      <c r="X7" s="544"/>
      <c r="Y7" s="544"/>
      <c r="Z7" s="544"/>
      <c r="AA7" s="544"/>
      <c r="AB7" s="544"/>
      <c r="AC7" s="544"/>
      <c r="AD7" s="544"/>
      <c r="AE7" s="544"/>
      <c r="AF7" s="544"/>
      <c r="AG7" s="544"/>
      <c r="AH7" s="544"/>
      <c r="AI7" s="544"/>
      <c r="AJ7" s="3022"/>
    </row>
    <row r="8" spans="1:36" ht="28.5" customHeight="1" x14ac:dyDescent="0.2">
      <c r="A8" s="3042" t="s">
        <v>871</v>
      </c>
      <c r="B8" s="3043"/>
      <c r="C8" s="3018" t="s">
        <v>869</v>
      </c>
      <c r="D8" s="3019"/>
      <c r="E8" s="541"/>
      <c r="F8" s="541"/>
      <c r="G8" s="541"/>
      <c r="H8" s="541"/>
      <c r="I8" s="541"/>
      <c r="J8" s="541"/>
      <c r="K8" s="541"/>
      <c r="L8" s="541"/>
      <c r="M8" s="541"/>
      <c r="N8" s="541"/>
      <c r="O8" s="541"/>
      <c r="P8" s="541"/>
      <c r="Q8" s="541"/>
      <c r="R8" s="541"/>
      <c r="S8" s="541"/>
      <c r="T8" s="541"/>
      <c r="U8" s="541"/>
      <c r="V8" s="541"/>
      <c r="W8" s="541"/>
      <c r="X8" s="541"/>
      <c r="Y8" s="541"/>
      <c r="Z8" s="541"/>
      <c r="AA8" s="541"/>
      <c r="AB8" s="541"/>
      <c r="AC8" s="541"/>
      <c r="AD8" s="541"/>
      <c r="AE8" s="541"/>
      <c r="AF8" s="541"/>
      <c r="AG8" s="541"/>
      <c r="AH8" s="541"/>
      <c r="AI8" s="541"/>
      <c r="AJ8" s="540"/>
    </row>
    <row r="9" spans="1:36" ht="28.5" customHeight="1" x14ac:dyDescent="0.2">
      <c r="A9" s="3044"/>
      <c r="B9" s="3045"/>
      <c r="C9" s="3025" t="s">
        <v>868</v>
      </c>
      <c r="D9" s="3026"/>
      <c r="E9" s="538"/>
      <c r="F9" s="538"/>
      <c r="G9" s="538"/>
      <c r="H9" s="538"/>
      <c r="I9" s="538"/>
      <c r="J9" s="538"/>
      <c r="K9" s="538"/>
      <c r="L9" s="538"/>
      <c r="M9" s="538"/>
      <c r="N9" s="538"/>
      <c r="O9" s="538"/>
      <c r="P9" s="538"/>
      <c r="Q9" s="538"/>
      <c r="R9" s="538"/>
      <c r="S9" s="538"/>
      <c r="T9" s="538"/>
      <c r="U9" s="538"/>
      <c r="V9" s="538"/>
      <c r="W9" s="538"/>
      <c r="X9" s="538"/>
      <c r="Y9" s="538"/>
      <c r="Z9" s="538"/>
      <c r="AA9" s="538"/>
      <c r="AB9" s="538"/>
      <c r="AC9" s="538"/>
      <c r="AD9" s="538"/>
      <c r="AE9" s="538"/>
      <c r="AF9" s="538"/>
      <c r="AG9" s="538"/>
      <c r="AH9" s="538"/>
      <c r="AI9" s="538"/>
      <c r="AJ9" s="539"/>
    </row>
    <row r="10" spans="1:36" ht="28.5" customHeight="1" x14ac:dyDescent="0.2">
      <c r="A10" s="3044"/>
      <c r="B10" s="3045"/>
      <c r="C10" s="3025" t="s">
        <v>867</v>
      </c>
      <c r="D10" s="3026"/>
      <c r="E10" s="543"/>
      <c r="F10" s="543"/>
      <c r="G10" s="543"/>
      <c r="H10" s="543"/>
      <c r="I10" s="543"/>
      <c r="J10" s="543"/>
      <c r="K10" s="543"/>
      <c r="L10" s="543"/>
      <c r="M10" s="543"/>
      <c r="N10" s="543"/>
      <c r="O10" s="543"/>
      <c r="P10" s="543"/>
      <c r="Q10" s="543"/>
      <c r="R10" s="543"/>
      <c r="S10" s="543"/>
      <c r="T10" s="543"/>
      <c r="U10" s="543"/>
      <c r="V10" s="543"/>
      <c r="W10" s="543"/>
      <c r="X10" s="543"/>
      <c r="Y10" s="543"/>
      <c r="Z10" s="543"/>
      <c r="AA10" s="543"/>
      <c r="AB10" s="543"/>
      <c r="AC10" s="543"/>
      <c r="AD10" s="543"/>
      <c r="AE10" s="543"/>
      <c r="AF10" s="543"/>
      <c r="AG10" s="543"/>
      <c r="AH10" s="543"/>
      <c r="AI10" s="543"/>
      <c r="AJ10" s="542"/>
    </row>
    <row r="11" spans="1:36" ht="28.5" customHeight="1" x14ac:dyDescent="0.2">
      <c r="A11" s="3046"/>
      <c r="B11" s="3047"/>
      <c r="C11" s="3023" t="s">
        <v>63</v>
      </c>
      <c r="D11" s="3024"/>
      <c r="E11" s="536"/>
      <c r="F11" s="536"/>
      <c r="G11" s="536"/>
      <c r="H11" s="536"/>
      <c r="I11" s="536"/>
      <c r="J11" s="536"/>
      <c r="K11" s="536"/>
      <c r="L11" s="536"/>
      <c r="M11" s="536"/>
      <c r="N11" s="536"/>
      <c r="O11" s="536"/>
      <c r="P11" s="536"/>
      <c r="Q11" s="536"/>
      <c r="R11" s="536"/>
      <c r="S11" s="536"/>
      <c r="T11" s="536"/>
      <c r="U11" s="536"/>
      <c r="V11" s="536"/>
      <c r="W11" s="536"/>
      <c r="X11" s="536"/>
      <c r="Y11" s="536"/>
      <c r="Z11" s="536"/>
      <c r="AA11" s="536"/>
      <c r="AB11" s="536"/>
      <c r="AC11" s="536"/>
      <c r="AD11" s="536"/>
      <c r="AE11" s="536"/>
      <c r="AF11" s="536"/>
      <c r="AG11" s="536"/>
      <c r="AH11" s="536"/>
      <c r="AI11" s="536"/>
      <c r="AJ11" s="533"/>
    </row>
    <row r="12" spans="1:36" ht="28.5" customHeight="1" x14ac:dyDescent="0.2">
      <c r="A12" s="3048" t="s">
        <v>870</v>
      </c>
      <c r="B12" s="3049"/>
      <c r="C12" s="3018" t="s">
        <v>869</v>
      </c>
      <c r="D12" s="3019"/>
      <c r="E12" s="541"/>
      <c r="F12" s="541"/>
      <c r="G12" s="541"/>
      <c r="H12" s="541"/>
      <c r="I12" s="541"/>
      <c r="J12" s="541"/>
      <c r="K12" s="541"/>
      <c r="L12" s="541"/>
      <c r="M12" s="541"/>
      <c r="N12" s="541"/>
      <c r="O12" s="541"/>
      <c r="P12" s="541"/>
      <c r="Q12" s="541"/>
      <c r="R12" s="541"/>
      <c r="S12" s="541"/>
      <c r="T12" s="541"/>
      <c r="U12" s="541"/>
      <c r="V12" s="541"/>
      <c r="W12" s="541"/>
      <c r="X12" s="541"/>
      <c r="Y12" s="541"/>
      <c r="Z12" s="541"/>
      <c r="AA12" s="541"/>
      <c r="AB12" s="541"/>
      <c r="AC12" s="541"/>
      <c r="AD12" s="541"/>
      <c r="AE12" s="541"/>
      <c r="AF12" s="541"/>
      <c r="AG12" s="541"/>
      <c r="AH12" s="541"/>
      <c r="AI12" s="541"/>
      <c r="AJ12" s="540"/>
    </row>
    <row r="13" spans="1:36" ht="28.5" customHeight="1" x14ac:dyDescent="0.2">
      <c r="A13" s="3050"/>
      <c r="B13" s="3051"/>
      <c r="C13" s="3025" t="s">
        <v>868</v>
      </c>
      <c r="D13" s="3026"/>
      <c r="E13" s="538"/>
      <c r="F13" s="538"/>
      <c r="G13" s="538"/>
      <c r="H13" s="538"/>
      <c r="I13" s="538"/>
      <c r="J13" s="538"/>
      <c r="K13" s="538"/>
      <c r="L13" s="538"/>
      <c r="M13" s="538"/>
      <c r="N13" s="538"/>
      <c r="O13" s="538"/>
      <c r="P13" s="538"/>
      <c r="Q13" s="538"/>
      <c r="R13" s="538"/>
      <c r="S13" s="538"/>
      <c r="T13" s="538"/>
      <c r="U13" s="538"/>
      <c r="V13" s="538"/>
      <c r="W13" s="538"/>
      <c r="X13" s="538"/>
      <c r="Y13" s="538"/>
      <c r="Z13" s="538"/>
      <c r="AA13" s="538"/>
      <c r="AB13" s="538"/>
      <c r="AC13" s="538"/>
      <c r="AD13" s="538"/>
      <c r="AE13" s="538"/>
      <c r="AF13" s="538"/>
      <c r="AG13" s="538"/>
      <c r="AH13" s="538"/>
      <c r="AI13" s="538"/>
      <c r="AJ13" s="539"/>
    </row>
    <row r="14" spans="1:36" ht="28.5" customHeight="1" x14ac:dyDescent="0.2">
      <c r="A14" s="3050"/>
      <c r="B14" s="3051"/>
      <c r="C14" s="3025" t="s">
        <v>867</v>
      </c>
      <c r="D14" s="3026"/>
      <c r="E14" s="538"/>
      <c r="F14" s="538"/>
      <c r="G14" s="538"/>
      <c r="H14" s="538"/>
      <c r="I14" s="538"/>
      <c r="J14" s="538"/>
      <c r="K14" s="538"/>
      <c r="L14" s="538"/>
      <c r="M14" s="538"/>
      <c r="N14" s="538"/>
      <c r="O14" s="538"/>
      <c r="P14" s="538"/>
      <c r="Q14" s="538"/>
      <c r="R14" s="538"/>
      <c r="S14" s="538"/>
      <c r="T14" s="538"/>
      <c r="U14" s="538"/>
      <c r="V14" s="538"/>
      <c r="W14" s="538"/>
      <c r="X14" s="538"/>
      <c r="Y14" s="538"/>
      <c r="Z14" s="538"/>
      <c r="AA14" s="538"/>
      <c r="AB14" s="538"/>
      <c r="AC14" s="538"/>
      <c r="AD14" s="538"/>
      <c r="AE14" s="538"/>
      <c r="AF14" s="538"/>
      <c r="AG14" s="538"/>
      <c r="AH14" s="538"/>
      <c r="AI14" s="538"/>
      <c r="AJ14" s="537"/>
    </row>
    <row r="15" spans="1:36" ht="28.5" customHeight="1" x14ac:dyDescent="0.2">
      <c r="A15" s="3052"/>
      <c r="B15" s="3053"/>
      <c r="C15" s="3023" t="s">
        <v>63</v>
      </c>
      <c r="D15" s="3024"/>
      <c r="E15" s="536"/>
      <c r="F15" s="536"/>
      <c r="G15" s="536"/>
      <c r="H15" s="536"/>
      <c r="I15" s="536"/>
      <c r="J15" s="536"/>
      <c r="K15" s="536"/>
      <c r="L15" s="536"/>
      <c r="M15" s="536"/>
      <c r="N15" s="536"/>
      <c r="O15" s="536"/>
      <c r="P15" s="536"/>
      <c r="Q15" s="536"/>
      <c r="R15" s="536"/>
      <c r="S15" s="536"/>
      <c r="T15" s="536"/>
      <c r="U15" s="536"/>
      <c r="V15" s="536"/>
      <c r="W15" s="536"/>
      <c r="X15" s="536"/>
      <c r="Y15" s="536"/>
      <c r="Z15" s="536"/>
      <c r="AA15" s="536"/>
      <c r="AB15" s="536"/>
      <c r="AC15" s="536"/>
      <c r="AD15" s="536"/>
      <c r="AE15" s="536"/>
      <c r="AF15" s="536"/>
      <c r="AG15" s="536"/>
      <c r="AH15" s="536"/>
      <c r="AI15" s="548"/>
      <c r="AJ15" s="547"/>
    </row>
    <row r="16" spans="1:36" ht="28.5" customHeight="1" x14ac:dyDescent="0.2">
      <c r="A16" s="3027" t="s">
        <v>866</v>
      </c>
      <c r="B16" s="3028"/>
      <c r="C16" s="3028"/>
      <c r="D16" s="3029"/>
      <c r="E16" s="535"/>
      <c r="F16" s="535"/>
      <c r="G16" s="535"/>
      <c r="H16" s="535"/>
      <c r="I16" s="535"/>
      <c r="J16" s="535"/>
      <c r="K16" s="535"/>
      <c r="L16" s="535"/>
      <c r="M16" s="535"/>
      <c r="N16" s="535"/>
      <c r="O16" s="535"/>
      <c r="P16" s="535"/>
      <c r="Q16" s="535"/>
      <c r="R16" s="535"/>
      <c r="S16" s="535"/>
      <c r="T16" s="535"/>
      <c r="U16" s="535"/>
      <c r="V16" s="535"/>
      <c r="W16" s="535"/>
      <c r="X16" s="535"/>
      <c r="Y16" s="535"/>
      <c r="Z16" s="535"/>
      <c r="AA16" s="535"/>
      <c r="AB16" s="535"/>
      <c r="AC16" s="535"/>
      <c r="AD16" s="535"/>
      <c r="AE16" s="535"/>
      <c r="AF16" s="535"/>
      <c r="AG16" s="535"/>
      <c r="AH16" s="535"/>
      <c r="AI16" s="534"/>
      <c r="AJ16" s="546"/>
    </row>
    <row r="18" spans="1:36" ht="19.5" customHeight="1" x14ac:dyDescent="0.2">
      <c r="A18" s="2308" t="s">
        <v>865</v>
      </c>
      <c r="B18" s="2308"/>
      <c r="C18" s="2308"/>
      <c r="D18" s="2308"/>
      <c r="E18" s="2308"/>
      <c r="F18" s="2308"/>
      <c r="G18" s="2308"/>
      <c r="H18" s="2308"/>
      <c r="I18" s="2308"/>
      <c r="J18" s="2308"/>
      <c r="K18" s="2308"/>
      <c r="L18" s="56" t="s">
        <v>758</v>
      </c>
      <c r="O18" s="2308" t="s">
        <v>864</v>
      </c>
      <c r="P18" s="2308"/>
      <c r="Q18" s="2308"/>
      <c r="R18" s="2308"/>
      <c r="S18" s="2308"/>
      <c r="T18" s="2308"/>
      <c r="U18" s="2308"/>
      <c r="V18" s="2308"/>
      <c r="W18" s="2308"/>
      <c r="X18" s="2308"/>
      <c r="Y18" s="2308"/>
      <c r="Z18" s="2308"/>
      <c r="AA18" s="2308"/>
      <c r="AB18" s="2308"/>
      <c r="AC18" s="56" t="s">
        <v>69</v>
      </c>
    </row>
    <row r="20" spans="1:36" ht="21.75" customHeight="1" x14ac:dyDescent="0.2">
      <c r="B20" s="56" t="s">
        <v>211</v>
      </c>
      <c r="C20" s="56" t="s">
        <v>863</v>
      </c>
    </row>
    <row r="21" spans="1:36" ht="21.75" customHeight="1" x14ac:dyDescent="0.2">
      <c r="C21" s="56" t="s">
        <v>886</v>
      </c>
    </row>
    <row r="22" spans="1:36" ht="21.75" customHeight="1" x14ac:dyDescent="0.2">
      <c r="C22" s="56" t="s">
        <v>885</v>
      </c>
    </row>
    <row r="23" spans="1:36" ht="21.75" customHeight="1" x14ac:dyDescent="0.2">
      <c r="A23" s="255"/>
      <c r="B23" s="224"/>
      <c r="C23" s="255"/>
      <c r="D23" s="255"/>
      <c r="E23" s="255"/>
      <c r="F23" s="255"/>
      <c r="G23" s="255"/>
      <c r="H23" s="255"/>
      <c r="I23" s="255"/>
      <c r="J23" s="223"/>
      <c r="K23" s="223"/>
    </row>
    <row r="24" spans="1:36" ht="36" customHeight="1" x14ac:dyDescent="0.2">
      <c r="A24" s="3011" t="s">
        <v>884</v>
      </c>
      <c r="B24" s="3011"/>
      <c r="C24" s="3011"/>
      <c r="D24" s="3011"/>
      <c r="E24" s="3011"/>
      <c r="F24" s="3011"/>
      <c r="G24" s="3011"/>
      <c r="H24" s="3011"/>
      <c r="I24" s="3011"/>
      <c r="J24" s="3011"/>
      <c r="K24" s="3011"/>
      <c r="L24" s="3011"/>
      <c r="M24" s="3011"/>
      <c r="N24" s="3011"/>
      <c r="O24" s="3011"/>
      <c r="P24" s="3011"/>
      <c r="Q24" s="3011"/>
      <c r="R24" s="3011"/>
      <c r="S24" s="3011"/>
      <c r="T24" s="3011"/>
      <c r="U24" s="3011"/>
      <c r="V24" s="3011"/>
      <c r="W24" s="3011"/>
      <c r="X24" s="3011"/>
      <c r="Y24" s="3011"/>
      <c r="Z24" s="3011"/>
      <c r="AA24" s="3011"/>
      <c r="AB24" s="3011"/>
      <c r="AC24" s="3011"/>
      <c r="AD24" s="3011"/>
      <c r="AE24" s="3011"/>
      <c r="AF24" s="3011"/>
      <c r="AG24" s="3011"/>
      <c r="AH24" s="3011"/>
      <c r="AI24" s="3011"/>
      <c r="AJ24" s="3011"/>
    </row>
    <row r="25" spans="1:36" ht="19.5" customHeight="1" x14ac:dyDescent="0.2">
      <c r="A25" s="255"/>
      <c r="B25" s="255"/>
      <c r="C25" s="255"/>
      <c r="D25" s="255"/>
      <c r="E25" s="255"/>
      <c r="F25" s="255"/>
      <c r="G25" s="255"/>
      <c r="H25" s="255"/>
      <c r="I25" s="255"/>
      <c r="J25" s="255"/>
      <c r="K25" s="255"/>
    </row>
    <row r="26" spans="1:36" ht="18" customHeight="1" x14ac:dyDescent="0.2">
      <c r="A26" s="3030"/>
      <c r="B26" s="3031"/>
      <c r="C26" s="3032"/>
      <c r="D26" s="3039" t="s">
        <v>564</v>
      </c>
      <c r="E26" s="3040"/>
      <c r="F26" s="3040"/>
      <c r="G26" s="3040"/>
      <c r="H26" s="3040"/>
      <c r="I26" s="3040"/>
      <c r="J26" s="3040"/>
      <c r="K26" s="3040"/>
      <c r="L26" s="3040"/>
      <c r="M26" s="3040"/>
      <c r="N26" s="3040"/>
      <c r="O26" s="3040"/>
      <c r="P26" s="3040"/>
      <c r="Q26" s="3040"/>
      <c r="R26" s="3040"/>
      <c r="S26" s="3040"/>
      <c r="T26" s="3040"/>
      <c r="U26" s="3040"/>
      <c r="V26" s="3040"/>
      <c r="W26" s="3040"/>
      <c r="X26" s="3040"/>
      <c r="Y26" s="3040"/>
      <c r="Z26" s="3040"/>
      <c r="AA26" s="3040"/>
      <c r="AB26" s="3040"/>
      <c r="AC26" s="3040"/>
      <c r="AD26" s="3040"/>
      <c r="AE26" s="3040"/>
      <c r="AF26" s="3040"/>
      <c r="AG26" s="3040"/>
      <c r="AH26" s="3040"/>
      <c r="AI26" s="3041"/>
      <c r="AJ26" s="3020" t="s">
        <v>63</v>
      </c>
    </row>
    <row r="27" spans="1:36" ht="18" customHeight="1" x14ac:dyDescent="0.2">
      <c r="A27" s="3033"/>
      <c r="B27" s="3034"/>
      <c r="C27" s="3035"/>
      <c r="D27" s="545" t="s">
        <v>758</v>
      </c>
      <c r="E27" s="535">
        <v>1</v>
      </c>
      <c r="F27" s="535">
        <v>2</v>
      </c>
      <c r="G27" s="535">
        <v>3</v>
      </c>
      <c r="H27" s="535">
        <v>4</v>
      </c>
      <c r="I27" s="535">
        <v>5</v>
      </c>
      <c r="J27" s="535">
        <v>6</v>
      </c>
      <c r="K27" s="535">
        <v>7</v>
      </c>
      <c r="L27" s="535">
        <v>8</v>
      </c>
      <c r="M27" s="535">
        <v>9</v>
      </c>
      <c r="N27" s="535">
        <v>10</v>
      </c>
      <c r="O27" s="535">
        <v>11</v>
      </c>
      <c r="P27" s="535">
        <v>12</v>
      </c>
      <c r="Q27" s="535">
        <v>13</v>
      </c>
      <c r="R27" s="535">
        <v>14</v>
      </c>
      <c r="S27" s="535">
        <v>15</v>
      </c>
      <c r="T27" s="535">
        <v>16</v>
      </c>
      <c r="U27" s="535">
        <v>17</v>
      </c>
      <c r="V27" s="535">
        <v>18</v>
      </c>
      <c r="W27" s="535">
        <v>19</v>
      </c>
      <c r="X27" s="535">
        <v>20</v>
      </c>
      <c r="Y27" s="535">
        <v>21</v>
      </c>
      <c r="Z27" s="535">
        <v>22</v>
      </c>
      <c r="AA27" s="535">
        <v>23</v>
      </c>
      <c r="AB27" s="535">
        <v>24</v>
      </c>
      <c r="AC27" s="535">
        <v>25</v>
      </c>
      <c r="AD27" s="535">
        <v>26</v>
      </c>
      <c r="AE27" s="535">
        <v>27</v>
      </c>
      <c r="AF27" s="535">
        <v>28</v>
      </c>
      <c r="AG27" s="535">
        <v>29</v>
      </c>
      <c r="AH27" s="535">
        <v>30</v>
      </c>
      <c r="AI27" s="535">
        <v>31</v>
      </c>
      <c r="AJ27" s="3021"/>
    </row>
    <row r="28" spans="1:36" ht="18" customHeight="1" x14ac:dyDescent="0.2">
      <c r="A28" s="3036"/>
      <c r="B28" s="3037"/>
      <c r="C28" s="3038"/>
      <c r="D28" s="545" t="s">
        <v>883</v>
      </c>
      <c r="E28" s="544" t="s">
        <v>882</v>
      </c>
      <c r="F28" s="544" t="s">
        <v>881</v>
      </c>
      <c r="G28" s="544" t="s">
        <v>880</v>
      </c>
      <c r="H28" s="544" t="s">
        <v>879</v>
      </c>
      <c r="I28" s="544" t="s">
        <v>877</v>
      </c>
      <c r="J28" s="544" t="s">
        <v>876</v>
      </c>
      <c r="K28" s="544" t="s">
        <v>875</v>
      </c>
      <c r="L28" s="544" t="s">
        <v>874</v>
      </c>
      <c r="M28" s="544" t="s">
        <v>873</v>
      </c>
      <c r="N28" s="544" t="s">
        <v>872</v>
      </c>
      <c r="O28" s="544" t="s">
        <v>878</v>
      </c>
      <c r="P28" s="544" t="s">
        <v>877</v>
      </c>
      <c r="Q28" s="544" t="s">
        <v>876</v>
      </c>
      <c r="R28" s="544" t="s">
        <v>875</v>
      </c>
      <c r="S28" s="544" t="s">
        <v>874</v>
      </c>
      <c r="T28" s="544" t="s">
        <v>873</v>
      </c>
      <c r="U28" s="544" t="s">
        <v>872</v>
      </c>
      <c r="V28" s="544" t="s">
        <v>878</v>
      </c>
      <c r="W28" s="544" t="s">
        <v>877</v>
      </c>
      <c r="X28" s="544" t="s">
        <v>876</v>
      </c>
      <c r="Y28" s="544" t="s">
        <v>875</v>
      </c>
      <c r="Z28" s="544" t="s">
        <v>874</v>
      </c>
      <c r="AA28" s="544" t="s">
        <v>873</v>
      </c>
      <c r="AB28" s="544" t="s">
        <v>872</v>
      </c>
      <c r="AC28" s="544" t="s">
        <v>878</v>
      </c>
      <c r="AD28" s="544" t="s">
        <v>877</v>
      </c>
      <c r="AE28" s="544" t="s">
        <v>876</v>
      </c>
      <c r="AF28" s="544" t="s">
        <v>875</v>
      </c>
      <c r="AG28" s="544" t="s">
        <v>874</v>
      </c>
      <c r="AH28" s="544" t="s">
        <v>873</v>
      </c>
      <c r="AI28" s="544" t="s">
        <v>872</v>
      </c>
      <c r="AJ28" s="3022"/>
    </row>
    <row r="29" spans="1:36" ht="45" customHeight="1" x14ac:dyDescent="0.2">
      <c r="A29" s="3042" t="s">
        <v>871</v>
      </c>
      <c r="B29" s="3043"/>
      <c r="C29" s="3018" t="s">
        <v>869</v>
      </c>
      <c r="D29" s="3019"/>
      <c r="E29" s="541">
        <v>1</v>
      </c>
      <c r="F29" s="541"/>
      <c r="G29" s="541">
        <v>1</v>
      </c>
      <c r="H29" s="541"/>
      <c r="I29" s="541">
        <v>1</v>
      </c>
      <c r="J29" s="541"/>
      <c r="K29" s="541"/>
      <c r="L29" s="541">
        <v>1</v>
      </c>
      <c r="M29" s="541"/>
      <c r="N29" s="541">
        <v>1</v>
      </c>
      <c r="O29" s="541"/>
      <c r="P29" s="541">
        <v>1</v>
      </c>
      <c r="Q29" s="541"/>
      <c r="R29" s="541"/>
      <c r="S29" s="541">
        <v>1</v>
      </c>
      <c r="T29" s="541"/>
      <c r="U29" s="541">
        <v>1</v>
      </c>
      <c r="V29" s="541"/>
      <c r="W29" s="541">
        <v>1</v>
      </c>
      <c r="X29" s="541"/>
      <c r="Y29" s="541"/>
      <c r="Z29" s="541">
        <v>1</v>
      </c>
      <c r="AA29" s="541"/>
      <c r="AB29" s="541">
        <v>1</v>
      </c>
      <c r="AC29" s="541"/>
      <c r="AD29" s="541">
        <v>1</v>
      </c>
      <c r="AE29" s="541"/>
      <c r="AF29" s="541"/>
      <c r="AG29" s="541">
        <v>1</v>
      </c>
      <c r="AH29" s="541"/>
      <c r="AI29" s="541">
        <v>1</v>
      </c>
      <c r="AJ29" s="540"/>
    </row>
    <row r="30" spans="1:36" ht="33" customHeight="1" x14ac:dyDescent="0.2">
      <c r="A30" s="3044"/>
      <c r="B30" s="3045"/>
      <c r="C30" s="3025" t="s">
        <v>868</v>
      </c>
      <c r="D30" s="3026"/>
      <c r="E30" s="538"/>
      <c r="F30" s="538">
        <v>1</v>
      </c>
      <c r="G30" s="538"/>
      <c r="H30" s="538">
        <v>1</v>
      </c>
      <c r="I30" s="538">
        <v>1</v>
      </c>
      <c r="J30" s="538"/>
      <c r="K30" s="538"/>
      <c r="L30" s="538"/>
      <c r="M30" s="538">
        <v>1</v>
      </c>
      <c r="N30" s="538"/>
      <c r="O30" s="538">
        <v>1</v>
      </c>
      <c r="P30" s="538">
        <v>1</v>
      </c>
      <c r="Q30" s="538"/>
      <c r="R30" s="538"/>
      <c r="S30" s="538"/>
      <c r="T30" s="538">
        <v>1</v>
      </c>
      <c r="U30" s="538"/>
      <c r="V30" s="538">
        <v>1</v>
      </c>
      <c r="W30" s="538">
        <v>1</v>
      </c>
      <c r="X30" s="538"/>
      <c r="Y30" s="538"/>
      <c r="Z30" s="538"/>
      <c r="AA30" s="538">
        <v>1</v>
      </c>
      <c r="AB30" s="538"/>
      <c r="AC30" s="538">
        <v>1</v>
      </c>
      <c r="AD30" s="538">
        <v>1</v>
      </c>
      <c r="AE30" s="538"/>
      <c r="AF30" s="538"/>
      <c r="AG30" s="538"/>
      <c r="AH30" s="538">
        <v>1</v>
      </c>
      <c r="AI30" s="538"/>
      <c r="AJ30" s="539"/>
    </row>
    <row r="31" spans="1:36" ht="33" customHeight="1" x14ac:dyDescent="0.2">
      <c r="A31" s="3044"/>
      <c r="B31" s="3045"/>
      <c r="C31" s="3025" t="s">
        <v>867</v>
      </c>
      <c r="D31" s="3026"/>
      <c r="E31" s="543"/>
      <c r="F31" s="543">
        <v>2</v>
      </c>
      <c r="G31" s="543"/>
      <c r="H31" s="543">
        <v>2</v>
      </c>
      <c r="I31" s="543">
        <v>1</v>
      </c>
      <c r="J31" s="543"/>
      <c r="K31" s="543"/>
      <c r="L31" s="543"/>
      <c r="M31" s="543">
        <v>2</v>
      </c>
      <c r="N31" s="543"/>
      <c r="O31" s="543">
        <v>2</v>
      </c>
      <c r="P31" s="543">
        <v>1</v>
      </c>
      <c r="Q31" s="543"/>
      <c r="R31" s="543"/>
      <c r="S31" s="543"/>
      <c r="T31" s="543">
        <v>2</v>
      </c>
      <c r="U31" s="543"/>
      <c r="V31" s="543">
        <v>2</v>
      </c>
      <c r="W31" s="543">
        <v>1</v>
      </c>
      <c r="X31" s="543"/>
      <c r="Y31" s="543"/>
      <c r="Z31" s="543"/>
      <c r="AA31" s="543">
        <v>2</v>
      </c>
      <c r="AB31" s="543"/>
      <c r="AC31" s="543">
        <v>2</v>
      </c>
      <c r="AD31" s="543">
        <v>1</v>
      </c>
      <c r="AE31" s="543"/>
      <c r="AF31" s="543"/>
      <c r="AG31" s="543"/>
      <c r="AH31" s="543">
        <v>2</v>
      </c>
      <c r="AI31" s="543"/>
      <c r="AJ31" s="542"/>
    </row>
    <row r="32" spans="1:36" ht="33" customHeight="1" x14ac:dyDescent="0.2">
      <c r="A32" s="3046"/>
      <c r="B32" s="3047"/>
      <c r="C32" s="3023" t="s">
        <v>63</v>
      </c>
      <c r="D32" s="3024"/>
      <c r="E32" s="536">
        <f t="shared" ref="E32:AI32" si="0">SUM(E29:E31)</f>
        <v>1</v>
      </c>
      <c r="F32" s="536">
        <f t="shared" si="0"/>
        <v>3</v>
      </c>
      <c r="G32" s="536">
        <f t="shared" si="0"/>
        <v>1</v>
      </c>
      <c r="H32" s="536">
        <f t="shared" si="0"/>
        <v>3</v>
      </c>
      <c r="I32" s="536">
        <f t="shared" si="0"/>
        <v>3</v>
      </c>
      <c r="J32" s="536">
        <f t="shared" si="0"/>
        <v>0</v>
      </c>
      <c r="K32" s="536">
        <f t="shared" si="0"/>
        <v>0</v>
      </c>
      <c r="L32" s="536">
        <f t="shared" si="0"/>
        <v>1</v>
      </c>
      <c r="M32" s="536">
        <f t="shared" si="0"/>
        <v>3</v>
      </c>
      <c r="N32" s="536">
        <f t="shared" si="0"/>
        <v>1</v>
      </c>
      <c r="O32" s="536">
        <f t="shared" si="0"/>
        <v>3</v>
      </c>
      <c r="P32" s="536">
        <f t="shared" si="0"/>
        <v>3</v>
      </c>
      <c r="Q32" s="536">
        <f t="shared" si="0"/>
        <v>0</v>
      </c>
      <c r="R32" s="536">
        <f t="shared" si="0"/>
        <v>0</v>
      </c>
      <c r="S32" s="536">
        <f t="shared" si="0"/>
        <v>1</v>
      </c>
      <c r="T32" s="536">
        <f t="shared" si="0"/>
        <v>3</v>
      </c>
      <c r="U32" s="536">
        <f t="shared" si="0"/>
        <v>1</v>
      </c>
      <c r="V32" s="536">
        <f t="shared" si="0"/>
        <v>3</v>
      </c>
      <c r="W32" s="536">
        <f t="shared" si="0"/>
        <v>3</v>
      </c>
      <c r="X32" s="536">
        <f t="shared" si="0"/>
        <v>0</v>
      </c>
      <c r="Y32" s="536">
        <f t="shared" si="0"/>
        <v>0</v>
      </c>
      <c r="Z32" s="536">
        <f t="shared" si="0"/>
        <v>1</v>
      </c>
      <c r="AA32" s="536">
        <f t="shared" si="0"/>
        <v>3</v>
      </c>
      <c r="AB32" s="536">
        <f t="shared" si="0"/>
        <v>1</v>
      </c>
      <c r="AC32" s="536">
        <f t="shared" si="0"/>
        <v>3</v>
      </c>
      <c r="AD32" s="536">
        <f t="shared" si="0"/>
        <v>3</v>
      </c>
      <c r="AE32" s="536">
        <f t="shared" si="0"/>
        <v>0</v>
      </c>
      <c r="AF32" s="536">
        <f t="shared" si="0"/>
        <v>0</v>
      </c>
      <c r="AG32" s="536">
        <f t="shared" si="0"/>
        <v>1</v>
      </c>
      <c r="AH32" s="536">
        <f t="shared" si="0"/>
        <v>3</v>
      </c>
      <c r="AI32" s="536">
        <f t="shared" si="0"/>
        <v>1</v>
      </c>
      <c r="AJ32" s="533">
        <f>SUM(E32:AI32)</f>
        <v>49</v>
      </c>
    </row>
    <row r="33" spans="1:36" ht="33" customHeight="1" x14ac:dyDescent="0.2">
      <c r="A33" s="3048" t="s">
        <v>870</v>
      </c>
      <c r="B33" s="3049"/>
      <c r="C33" s="3018" t="s">
        <v>869</v>
      </c>
      <c r="D33" s="3019"/>
      <c r="E33" s="541">
        <f t="shared" ref="E33:AI33" si="1">E29*1</f>
        <v>1</v>
      </c>
      <c r="F33" s="541">
        <f t="shared" si="1"/>
        <v>0</v>
      </c>
      <c r="G33" s="541">
        <f t="shared" si="1"/>
        <v>1</v>
      </c>
      <c r="H33" s="541">
        <f t="shared" si="1"/>
        <v>0</v>
      </c>
      <c r="I33" s="541">
        <f t="shared" si="1"/>
        <v>1</v>
      </c>
      <c r="J33" s="541">
        <f t="shared" si="1"/>
        <v>0</v>
      </c>
      <c r="K33" s="541">
        <f t="shared" si="1"/>
        <v>0</v>
      </c>
      <c r="L33" s="541">
        <f t="shared" si="1"/>
        <v>1</v>
      </c>
      <c r="M33" s="541">
        <f t="shared" si="1"/>
        <v>0</v>
      </c>
      <c r="N33" s="541">
        <f t="shared" si="1"/>
        <v>1</v>
      </c>
      <c r="O33" s="541">
        <f t="shared" si="1"/>
        <v>0</v>
      </c>
      <c r="P33" s="541">
        <f t="shared" si="1"/>
        <v>1</v>
      </c>
      <c r="Q33" s="541">
        <f t="shared" si="1"/>
        <v>0</v>
      </c>
      <c r="R33" s="541">
        <f t="shared" si="1"/>
        <v>0</v>
      </c>
      <c r="S33" s="541">
        <f t="shared" si="1"/>
        <v>1</v>
      </c>
      <c r="T33" s="541">
        <f t="shared" si="1"/>
        <v>0</v>
      </c>
      <c r="U33" s="541">
        <f t="shared" si="1"/>
        <v>1</v>
      </c>
      <c r="V33" s="541">
        <f t="shared" si="1"/>
        <v>0</v>
      </c>
      <c r="W33" s="541">
        <f t="shared" si="1"/>
        <v>1</v>
      </c>
      <c r="X33" s="541">
        <f t="shared" si="1"/>
        <v>0</v>
      </c>
      <c r="Y33" s="541">
        <f t="shared" si="1"/>
        <v>0</v>
      </c>
      <c r="Z33" s="541">
        <f t="shared" si="1"/>
        <v>1</v>
      </c>
      <c r="AA33" s="541">
        <f t="shared" si="1"/>
        <v>0</v>
      </c>
      <c r="AB33" s="541">
        <f t="shared" si="1"/>
        <v>1</v>
      </c>
      <c r="AC33" s="541">
        <f t="shared" si="1"/>
        <v>0</v>
      </c>
      <c r="AD33" s="541">
        <f t="shared" si="1"/>
        <v>1</v>
      </c>
      <c r="AE33" s="541">
        <f t="shared" si="1"/>
        <v>0</v>
      </c>
      <c r="AF33" s="541">
        <f t="shared" si="1"/>
        <v>0</v>
      </c>
      <c r="AG33" s="541">
        <f t="shared" si="1"/>
        <v>1</v>
      </c>
      <c r="AH33" s="541">
        <f t="shared" si="1"/>
        <v>0</v>
      </c>
      <c r="AI33" s="541">
        <f t="shared" si="1"/>
        <v>1</v>
      </c>
      <c r="AJ33" s="540"/>
    </row>
    <row r="34" spans="1:36" ht="33" customHeight="1" x14ac:dyDescent="0.2">
      <c r="A34" s="3050"/>
      <c r="B34" s="3051"/>
      <c r="C34" s="3025" t="s">
        <v>868</v>
      </c>
      <c r="D34" s="3026"/>
      <c r="E34" s="538">
        <f t="shared" ref="E34:AI34" si="2">E30*0.5</f>
        <v>0</v>
      </c>
      <c r="F34" s="538">
        <f t="shared" si="2"/>
        <v>0.5</v>
      </c>
      <c r="G34" s="538">
        <f t="shared" si="2"/>
        <v>0</v>
      </c>
      <c r="H34" s="538">
        <f t="shared" si="2"/>
        <v>0.5</v>
      </c>
      <c r="I34" s="538">
        <f t="shared" si="2"/>
        <v>0.5</v>
      </c>
      <c r="J34" s="538">
        <f t="shared" si="2"/>
        <v>0</v>
      </c>
      <c r="K34" s="538">
        <f t="shared" si="2"/>
        <v>0</v>
      </c>
      <c r="L34" s="538">
        <f t="shared" si="2"/>
        <v>0</v>
      </c>
      <c r="M34" s="538">
        <f t="shared" si="2"/>
        <v>0.5</v>
      </c>
      <c r="N34" s="538">
        <f t="shared" si="2"/>
        <v>0</v>
      </c>
      <c r="O34" s="538">
        <f t="shared" si="2"/>
        <v>0.5</v>
      </c>
      <c r="P34" s="538">
        <f t="shared" si="2"/>
        <v>0.5</v>
      </c>
      <c r="Q34" s="538">
        <f t="shared" si="2"/>
        <v>0</v>
      </c>
      <c r="R34" s="538">
        <f t="shared" si="2"/>
        <v>0</v>
      </c>
      <c r="S34" s="538">
        <f t="shared" si="2"/>
        <v>0</v>
      </c>
      <c r="T34" s="538">
        <f t="shared" si="2"/>
        <v>0.5</v>
      </c>
      <c r="U34" s="538">
        <f t="shared" si="2"/>
        <v>0</v>
      </c>
      <c r="V34" s="538">
        <f t="shared" si="2"/>
        <v>0.5</v>
      </c>
      <c r="W34" s="538">
        <f t="shared" si="2"/>
        <v>0.5</v>
      </c>
      <c r="X34" s="538">
        <f t="shared" si="2"/>
        <v>0</v>
      </c>
      <c r="Y34" s="538">
        <f t="shared" si="2"/>
        <v>0</v>
      </c>
      <c r="Z34" s="538">
        <f t="shared" si="2"/>
        <v>0</v>
      </c>
      <c r="AA34" s="538">
        <f t="shared" si="2"/>
        <v>0.5</v>
      </c>
      <c r="AB34" s="538">
        <f t="shared" si="2"/>
        <v>0</v>
      </c>
      <c r="AC34" s="538">
        <f t="shared" si="2"/>
        <v>0.5</v>
      </c>
      <c r="AD34" s="538">
        <f t="shared" si="2"/>
        <v>0.5</v>
      </c>
      <c r="AE34" s="538">
        <f t="shared" si="2"/>
        <v>0</v>
      </c>
      <c r="AF34" s="538">
        <f t="shared" si="2"/>
        <v>0</v>
      </c>
      <c r="AG34" s="538">
        <f t="shared" si="2"/>
        <v>0</v>
      </c>
      <c r="AH34" s="538">
        <f t="shared" si="2"/>
        <v>0.5</v>
      </c>
      <c r="AI34" s="538">
        <f t="shared" si="2"/>
        <v>0</v>
      </c>
      <c r="AJ34" s="539"/>
    </row>
    <row r="35" spans="1:36" ht="33" customHeight="1" x14ac:dyDescent="0.2">
      <c r="A35" s="3050"/>
      <c r="B35" s="3051"/>
      <c r="C35" s="3025" t="s">
        <v>867</v>
      </c>
      <c r="D35" s="3026"/>
      <c r="E35" s="538">
        <f t="shared" ref="E35:AI35" si="3">E31*0.33</f>
        <v>0</v>
      </c>
      <c r="F35" s="538">
        <f t="shared" si="3"/>
        <v>0.66</v>
      </c>
      <c r="G35" s="538">
        <f t="shared" si="3"/>
        <v>0</v>
      </c>
      <c r="H35" s="538">
        <f t="shared" si="3"/>
        <v>0.66</v>
      </c>
      <c r="I35" s="538">
        <f t="shared" si="3"/>
        <v>0.33</v>
      </c>
      <c r="J35" s="538">
        <f t="shared" si="3"/>
        <v>0</v>
      </c>
      <c r="K35" s="538">
        <f t="shared" si="3"/>
        <v>0</v>
      </c>
      <c r="L35" s="538">
        <f t="shared" si="3"/>
        <v>0</v>
      </c>
      <c r="M35" s="538">
        <f t="shared" si="3"/>
        <v>0.66</v>
      </c>
      <c r="N35" s="538">
        <f t="shared" si="3"/>
        <v>0</v>
      </c>
      <c r="O35" s="538">
        <f t="shared" si="3"/>
        <v>0.66</v>
      </c>
      <c r="P35" s="538">
        <f t="shared" si="3"/>
        <v>0.33</v>
      </c>
      <c r="Q35" s="538">
        <f t="shared" si="3"/>
        <v>0</v>
      </c>
      <c r="R35" s="538">
        <f t="shared" si="3"/>
        <v>0</v>
      </c>
      <c r="S35" s="538">
        <f t="shared" si="3"/>
        <v>0</v>
      </c>
      <c r="T35" s="538">
        <f t="shared" si="3"/>
        <v>0.66</v>
      </c>
      <c r="U35" s="538">
        <f t="shared" si="3"/>
        <v>0</v>
      </c>
      <c r="V35" s="538">
        <f t="shared" si="3"/>
        <v>0.66</v>
      </c>
      <c r="W35" s="538">
        <f t="shared" si="3"/>
        <v>0.33</v>
      </c>
      <c r="X35" s="538">
        <f t="shared" si="3"/>
        <v>0</v>
      </c>
      <c r="Y35" s="538">
        <f t="shared" si="3"/>
        <v>0</v>
      </c>
      <c r="Z35" s="538">
        <f t="shared" si="3"/>
        <v>0</v>
      </c>
      <c r="AA35" s="538">
        <f t="shared" si="3"/>
        <v>0.66</v>
      </c>
      <c r="AB35" s="538">
        <f t="shared" si="3"/>
        <v>0</v>
      </c>
      <c r="AC35" s="538">
        <f t="shared" si="3"/>
        <v>0.66</v>
      </c>
      <c r="AD35" s="538">
        <f t="shared" si="3"/>
        <v>0.33</v>
      </c>
      <c r="AE35" s="538">
        <f t="shared" si="3"/>
        <v>0</v>
      </c>
      <c r="AF35" s="538">
        <f t="shared" si="3"/>
        <v>0</v>
      </c>
      <c r="AG35" s="538">
        <f t="shared" si="3"/>
        <v>0</v>
      </c>
      <c r="AH35" s="538">
        <f t="shared" si="3"/>
        <v>0.66</v>
      </c>
      <c r="AI35" s="538">
        <f t="shared" si="3"/>
        <v>0</v>
      </c>
      <c r="AJ35" s="537"/>
    </row>
    <row r="36" spans="1:36" ht="33" customHeight="1" x14ac:dyDescent="0.2">
      <c r="A36" s="3052"/>
      <c r="B36" s="3053"/>
      <c r="C36" s="3023" t="s">
        <v>63</v>
      </c>
      <c r="D36" s="3024"/>
      <c r="E36" s="536">
        <f t="shared" ref="E36:AI36" si="4">SUM(E33:E35)</f>
        <v>1</v>
      </c>
      <c r="F36" s="536">
        <f t="shared" si="4"/>
        <v>1.1600000000000001</v>
      </c>
      <c r="G36" s="536">
        <f t="shared" si="4"/>
        <v>1</v>
      </c>
      <c r="H36" s="536">
        <f t="shared" si="4"/>
        <v>1.1600000000000001</v>
      </c>
      <c r="I36" s="536">
        <f t="shared" si="4"/>
        <v>1.83</v>
      </c>
      <c r="J36" s="536">
        <f t="shared" si="4"/>
        <v>0</v>
      </c>
      <c r="K36" s="536">
        <f t="shared" si="4"/>
        <v>0</v>
      </c>
      <c r="L36" s="536">
        <f t="shared" si="4"/>
        <v>1</v>
      </c>
      <c r="M36" s="536">
        <f t="shared" si="4"/>
        <v>1.1600000000000001</v>
      </c>
      <c r="N36" s="536">
        <f t="shared" si="4"/>
        <v>1</v>
      </c>
      <c r="O36" s="536">
        <f t="shared" si="4"/>
        <v>1.1600000000000001</v>
      </c>
      <c r="P36" s="536">
        <f t="shared" si="4"/>
        <v>1.83</v>
      </c>
      <c r="Q36" s="536">
        <f t="shared" si="4"/>
        <v>0</v>
      </c>
      <c r="R36" s="536">
        <f t="shared" si="4"/>
        <v>0</v>
      </c>
      <c r="S36" s="536">
        <f t="shared" si="4"/>
        <v>1</v>
      </c>
      <c r="T36" s="536">
        <f t="shared" si="4"/>
        <v>1.1600000000000001</v>
      </c>
      <c r="U36" s="536">
        <f t="shared" si="4"/>
        <v>1</v>
      </c>
      <c r="V36" s="536">
        <f t="shared" si="4"/>
        <v>1.1600000000000001</v>
      </c>
      <c r="W36" s="536">
        <f t="shared" si="4"/>
        <v>1.83</v>
      </c>
      <c r="X36" s="536">
        <f t="shared" si="4"/>
        <v>0</v>
      </c>
      <c r="Y36" s="536">
        <f t="shared" si="4"/>
        <v>0</v>
      </c>
      <c r="Z36" s="536">
        <f t="shared" si="4"/>
        <v>1</v>
      </c>
      <c r="AA36" s="536">
        <f t="shared" si="4"/>
        <v>1.1600000000000001</v>
      </c>
      <c r="AB36" s="536">
        <f t="shared" si="4"/>
        <v>1</v>
      </c>
      <c r="AC36" s="536">
        <f t="shared" si="4"/>
        <v>1.1600000000000001</v>
      </c>
      <c r="AD36" s="536">
        <f t="shared" si="4"/>
        <v>1.83</v>
      </c>
      <c r="AE36" s="536">
        <f t="shared" si="4"/>
        <v>0</v>
      </c>
      <c r="AF36" s="536">
        <f t="shared" si="4"/>
        <v>0</v>
      </c>
      <c r="AG36" s="536">
        <f t="shared" si="4"/>
        <v>1</v>
      </c>
      <c r="AH36" s="536">
        <f t="shared" si="4"/>
        <v>1.1600000000000001</v>
      </c>
      <c r="AI36" s="536">
        <f t="shared" si="4"/>
        <v>1</v>
      </c>
      <c r="AJ36" s="533">
        <f>SUM(E36:AI36)</f>
        <v>27.76</v>
      </c>
    </row>
    <row r="37" spans="1:36" ht="33" customHeight="1" x14ac:dyDescent="0.2">
      <c r="A37" s="3027" t="s">
        <v>866</v>
      </c>
      <c r="B37" s="3028"/>
      <c r="C37" s="3028"/>
      <c r="D37" s="3029"/>
      <c r="E37" s="535">
        <v>1</v>
      </c>
      <c r="F37" s="535">
        <v>1</v>
      </c>
      <c r="G37" s="535">
        <v>1</v>
      </c>
      <c r="H37" s="535">
        <v>2</v>
      </c>
      <c r="I37" s="535">
        <v>2</v>
      </c>
      <c r="J37" s="535"/>
      <c r="K37" s="535"/>
      <c r="L37" s="535">
        <v>1</v>
      </c>
      <c r="M37" s="535">
        <v>1</v>
      </c>
      <c r="N37" s="535">
        <v>1</v>
      </c>
      <c r="O37" s="535">
        <v>2</v>
      </c>
      <c r="P37" s="535">
        <v>2</v>
      </c>
      <c r="Q37" s="535"/>
      <c r="R37" s="535"/>
      <c r="S37" s="535">
        <v>1</v>
      </c>
      <c r="T37" s="535">
        <v>1</v>
      </c>
      <c r="U37" s="535">
        <v>1</v>
      </c>
      <c r="V37" s="535">
        <v>2</v>
      </c>
      <c r="W37" s="535">
        <v>2</v>
      </c>
      <c r="X37" s="535"/>
      <c r="Y37" s="535"/>
      <c r="Z37" s="535">
        <v>1</v>
      </c>
      <c r="AA37" s="535">
        <v>1</v>
      </c>
      <c r="AB37" s="535">
        <v>1</v>
      </c>
      <c r="AC37" s="535">
        <v>2</v>
      </c>
      <c r="AD37" s="535">
        <v>2</v>
      </c>
      <c r="AE37" s="535"/>
      <c r="AF37" s="535"/>
      <c r="AG37" s="535">
        <v>1</v>
      </c>
      <c r="AH37" s="535">
        <v>1</v>
      </c>
      <c r="AI37" s="534">
        <v>1</v>
      </c>
      <c r="AJ37" s="533">
        <f>SUM(E37:AI37)</f>
        <v>31</v>
      </c>
    </row>
    <row r="39" spans="1:36" x14ac:dyDescent="0.2">
      <c r="A39" s="2308" t="s">
        <v>865</v>
      </c>
      <c r="B39" s="2308"/>
      <c r="C39" s="2308"/>
      <c r="D39" s="2308"/>
      <c r="E39" s="2308"/>
      <c r="F39" s="2308"/>
      <c r="G39" s="2308"/>
      <c r="H39" s="2308"/>
      <c r="I39" s="2308">
        <f>COUNTIF(E32:AI32,"&gt;0")</f>
        <v>23</v>
      </c>
      <c r="J39" s="2308"/>
      <c r="K39" s="2308"/>
      <c r="L39" s="56" t="s">
        <v>758</v>
      </c>
      <c r="O39" s="2308" t="s">
        <v>864</v>
      </c>
      <c r="P39" s="2308"/>
      <c r="Q39" s="2308"/>
      <c r="R39" s="2308"/>
      <c r="S39" s="2308"/>
      <c r="T39" s="2308"/>
      <c r="U39" s="2308"/>
      <c r="V39" s="2308"/>
      <c r="W39" s="2308"/>
      <c r="X39" s="2308"/>
      <c r="Y39" s="2308"/>
      <c r="Z39" s="3056">
        <f>AJ32/I39</f>
        <v>2.1304347826086958</v>
      </c>
      <c r="AA39" s="3056"/>
      <c r="AB39" s="3056"/>
      <c r="AC39" s="56" t="s">
        <v>69</v>
      </c>
    </row>
    <row r="41" spans="1:36" ht="21.75" customHeight="1" x14ac:dyDescent="0.2">
      <c r="B41" s="56" t="s">
        <v>211</v>
      </c>
      <c r="C41" s="56" t="s">
        <v>863</v>
      </c>
    </row>
  </sheetData>
  <customSheetViews>
    <customSheetView guid="{FA98832E-F01A-4598-9960-E27C2FDAB118}" showPageBreaks="1" showGridLines="0" printArea="1" view="pageBreakPreview">
      <selection activeCell="J20" sqref="J20"/>
      <pageMargins left="0.31496062992125984" right="0.31496062992125984" top="0.74803149606299213" bottom="0.74803149606299213" header="0.31496062992125984" footer="0.31496062992125984"/>
      <printOptions horizontalCentered="1"/>
      <pageSetup paperSize="9" orientation="landscape" r:id="rId1"/>
    </customSheetView>
    <customSheetView guid="{8494577A-77FB-45FD-BD2B-C737BCFAD5B3}" showPageBreaks="1" showGridLines="0" printArea="1" view="pageBreakPreview">
      <selection activeCell="J20" sqref="J20"/>
      <pageMargins left="0.31496062992125984" right="0.31496062992125984" top="0.74803149606299213" bottom="0.74803149606299213" header="0.31496062992125984" footer="0.31496062992125984"/>
      <printOptions horizontalCentered="1"/>
      <pageSetup paperSize="9" orientation="landscape" r:id="rId2"/>
    </customSheetView>
  </customSheetViews>
  <mergeCells count="40">
    <mergeCell ref="A37:D37"/>
    <mergeCell ref="A39:H39"/>
    <mergeCell ref="I39:K39"/>
    <mergeCell ref="O18:Y18"/>
    <mergeCell ref="Z18:AB18"/>
    <mergeCell ref="O39:Y39"/>
    <mergeCell ref="Z39:AB39"/>
    <mergeCell ref="A29:B32"/>
    <mergeCell ref="C29:D29"/>
    <mergeCell ref="C30:D30"/>
    <mergeCell ref="C31:D31"/>
    <mergeCell ref="C32:D32"/>
    <mergeCell ref="A33:B36"/>
    <mergeCell ref="C33:D33"/>
    <mergeCell ref="C34:D34"/>
    <mergeCell ref="C35:D35"/>
    <mergeCell ref="C36:D36"/>
    <mergeCell ref="A2:AJ2"/>
    <mergeCell ref="A18:H18"/>
    <mergeCell ref="I18:K18"/>
    <mergeCell ref="A24:AJ24"/>
    <mergeCell ref="AJ5:AJ7"/>
    <mergeCell ref="A8:B11"/>
    <mergeCell ref="A12:B15"/>
    <mergeCell ref="D5:AI5"/>
    <mergeCell ref="C12:D12"/>
    <mergeCell ref="C11:D11"/>
    <mergeCell ref="B3:C3"/>
    <mergeCell ref="D3:AH3"/>
    <mergeCell ref="A5:C7"/>
    <mergeCell ref="C10:D10"/>
    <mergeCell ref="C9:D9"/>
    <mergeCell ref="C8:D8"/>
    <mergeCell ref="AJ26:AJ28"/>
    <mergeCell ref="C15:D15"/>
    <mergeCell ref="C14:D14"/>
    <mergeCell ref="C13:D13"/>
    <mergeCell ref="A16:D16"/>
    <mergeCell ref="A26:C28"/>
    <mergeCell ref="D26:AI26"/>
  </mergeCells>
  <phoneticPr fontId="6"/>
  <printOptions horizontalCentered="1"/>
  <pageMargins left="0.31496062992125984" right="0.31496062992125984" top="0.74803149606299213" bottom="0.74803149606299213" header="0.31496062992125984" footer="0.31496062992125984"/>
  <pageSetup paperSize="9" orientation="landscape" r:id="rId3"/>
  <drawing r:id="rId4"/>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0"/>
  <sheetViews>
    <sheetView view="pageBreakPreview" zoomScaleSheetLayoutView="100" workbookViewId="0">
      <selection activeCell="L6" sqref="L6:AJ6"/>
    </sheetView>
  </sheetViews>
  <sheetFormatPr defaultColWidth="9.88671875" defaultRowHeight="21" customHeight="1" x14ac:dyDescent="0.2"/>
  <cols>
    <col min="1" max="1" width="9" style="724" customWidth="1"/>
    <col min="2" max="23" width="3" style="724" customWidth="1"/>
    <col min="24" max="24" width="6.33203125" style="724" customWidth="1"/>
    <col min="25" max="25" width="5" style="724" customWidth="1"/>
    <col min="26" max="37" width="3" style="724" customWidth="1"/>
    <col min="38" max="38" width="2.88671875" style="724" customWidth="1"/>
    <col min="39" max="39" width="10.33203125" style="724" customWidth="1"/>
    <col min="40" max="40" width="2.88671875" style="724" customWidth="1"/>
    <col min="41" max="16384" width="9.88671875" style="724"/>
  </cols>
  <sheetData>
    <row r="1" spans="1:39" s="723" customFormat="1" ht="20.100000000000001" customHeight="1" x14ac:dyDescent="0.2">
      <c r="B1" s="496" t="s">
        <v>1266</v>
      </c>
      <c r="C1" s="748"/>
      <c r="D1" s="748"/>
      <c r="E1" s="748"/>
    </row>
    <row r="2" spans="1:39" s="723" customFormat="1" ht="20.100000000000001" customHeight="1" x14ac:dyDescent="0.2">
      <c r="AA2" s="1395" t="s">
        <v>1220</v>
      </c>
      <c r="AB2" s="1395"/>
      <c r="AC2" s="1395"/>
      <c r="AD2" s="1395"/>
      <c r="AE2" s="1395"/>
      <c r="AF2" s="1395"/>
      <c r="AG2" s="1395"/>
      <c r="AH2" s="1395"/>
      <c r="AI2" s="1395"/>
      <c r="AJ2" s="1395"/>
    </row>
    <row r="3" spans="1:39" s="723" customFormat="1" ht="20.100000000000001" customHeight="1" x14ac:dyDescent="0.2"/>
    <row r="4" spans="1:39" ht="21" customHeight="1" x14ac:dyDescent="0.2">
      <c r="B4" s="1396" t="s">
        <v>1221</v>
      </c>
      <c r="C4" s="1396"/>
      <c r="D4" s="1396"/>
      <c r="E4" s="1396"/>
      <c r="F4" s="1396"/>
      <c r="G4" s="1396"/>
      <c r="H4" s="1396"/>
      <c r="I4" s="1396"/>
      <c r="J4" s="1396"/>
      <c r="K4" s="1396"/>
      <c r="L4" s="1396"/>
      <c r="M4" s="1396"/>
      <c r="N4" s="1396"/>
      <c r="O4" s="1396"/>
      <c r="P4" s="1396"/>
      <c r="Q4" s="1396"/>
      <c r="R4" s="1396"/>
      <c r="S4" s="1396"/>
      <c r="T4" s="1396"/>
      <c r="U4" s="1396"/>
      <c r="V4" s="1396"/>
      <c r="W4" s="1396"/>
      <c r="X4" s="1396"/>
      <c r="Y4" s="1396"/>
      <c r="Z4" s="1396"/>
      <c r="AA4" s="1396"/>
      <c r="AB4" s="1396"/>
      <c r="AC4" s="1396"/>
      <c r="AD4" s="1396"/>
      <c r="AE4" s="1396"/>
      <c r="AF4" s="1396"/>
      <c r="AG4" s="1396"/>
      <c r="AH4" s="1396"/>
      <c r="AI4" s="1396"/>
      <c r="AJ4" s="1396"/>
    </row>
    <row r="5" spans="1:39" s="726" customFormat="1" ht="18" customHeight="1" x14ac:dyDescent="0.2">
      <c r="A5" s="725"/>
      <c r="B5" s="725"/>
      <c r="C5" s="725"/>
      <c r="D5" s="725"/>
      <c r="E5" s="725"/>
      <c r="F5" s="725"/>
      <c r="G5" s="725"/>
      <c r="H5" s="725"/>
    </row>
    <row r="6" spans="1:39" s="726" customFormat="1" ht="29.25" customHeight="1" x14ac:dyDescent="0.2">
      <c r="A6" s="725"/>
      <c r="B6" s="1397" t="s">
        <v>1222</v>
      </c>
      <c r="C6" s="1397"/>
      <c r="D6" s="1397"/>
      <c r="E6" s="1397"/>
      <c r="F6" s="1397"/>
      <c r="G6" s="1397"/>
      <c r="H6" s="1397"/>
      <c r="I6" s="1397"/>
      <c r="J6" s="1397"/>
      <c r="K6" s="1397"/>
      <c r="L6" s="1398"/>
      <c r="M6" s="1398"/>
      <c r="N6" s="1398"/>
      <c r="O6" s="1398"/>
      <c r="P6" s="1398"/>
      <c r="Q6" s="1398"/>
      <c r="R6" s="1398"/>
      <c r="S6" s="1398"/>
      <c r="T6" s="1398"/>
      <c r="U6" s="1398"/>
      <c r="V6" s="1398"/>
      <c r="W6" s="1398"/>
      <c r="X6" s="1398"/>
      <c r="Y6" s="1398"/>
      <c r="Z6" s="1398"/>
      <c r="AA6" s="1398"/>
      <c r="AB6" s="1398"/>
      <c r="AC6" s="1398"/>
      <c r="AD6" s="1398"/>
      <c r="AE6" s="1398"/>
      <c r="AF6" s="1398"/>
      <c r="AG6" s="1398"/>
      <c r="AH6" s="1398"/>
      <c r="AI6" s="1398"/>
      <c r="AJ6" s="1398"/>
    </row>
    <row r="7" spans="1:39" s="726" customFormat="1" ht="31.5" customHeight="1" x14ac:dyDescent="0.2">
      <c r="A7" s="725"/>
      <c r="B7" s="1397" t="s">
        <v>1223</v>
      </c>
      <c r="C7" s="1397"/>
      <c r="D7" s="1397"/>
      <c r="E7" s="1397"/>
      <c r="F7" s="1397"/>
      <c r="G7" s="1397"/>
      <c r="H7" s="1397"/>
      <c r="I7" s="1397"/>
      <c r="J7" s="1397"/>
      <c r="K7" s="1397"/>
      <c r="L7" s="1399"/>
      <c r="M7" s="1399"/>
      <c r="N7" s="1399"/>
      <c r="O7" s="1399"/>
      <c r="P7" s="1399"/>
      <c r="Q7" s="1399"/>
      <c r="R7" s="1399"/>
      <c r="S7" s="1399"/>
      <c r="T7" s="1399"/>
      <c r="U7" s="1399"/>
      <c r="V7" s="1399"/>
      <c r="W7" s="1399"/>
      <c r="X7" s="1399"/>
      <c r="Y7" s="1399"/>
      <c r="Z7" s="1400" t="s">
        <v>1224</v>
      </c>
      <c r="AA7" s="1400"/>
      <c r="AB7" s="1400"/>
      <c r="AC7" s="1400"/>
      <c r="AD7" s="1400"/>
      <c r="AE7" s="1400"/>
      <c r="AF7" s="1400"/>
      <c r="AG7" s="1401" t="s">
        <v>1225</v>
      </c>
      <c r="AH7" s="1401"/>
      <c r="AI7" s="1401"/>
      <c r="AJ7" s="1401"/>
    </row>
    <row r="8" spans="1:39" s="726" customFormat="1" ht="29.25" customHeight="1" x14ac:dyDescent="0.2">
      <c r="B8" s="1402" t="s">
        <v>1226</v>
      </c>
      <c r="C8" s="1402"/>
      <c r="D8" s="1402"/>
      <c r="E8" s="1402"/>
      <c r="F8" s="1402"/>
      <c r="G8" s="1402"/>
      <c r="H8" s="1402"/>
      <c r="I8" s="1402"/>
      <c r="J8" s="1402"/>
      <c r="K8" s="1402"/>
      <c r="L8" s="1398" t="s">
        <v>1227</v>
      </c>
      <c r="M8" s="1398"/>
      <c r="N8" s="1398"/>
      <c r="O8" s="1398"/>
      <c r="P8" s="1398"/>
      <c r="Q8" s="1398"/>
      <c r="R8" s="1398"/>
      <c r="S8" s="1398"/>
      <c r="T8" s="1398"/>
      <c r="U8" s="1398"/>
      <c r="V8" s="1398"/>
      <c r="W8" s="1398"/>
      <c r="X8" s="1398"/>
      <c r="Y8" s="1398"/>
      <c r="Z8" s="1398"/>
      <c r="AA8" s="1398"/>
      <c r="AB8" s="1398"/>
      <c r="AC8" s="1398"/>
      <c r="AD8" s="1398"/>
      <c r="AE8" s="1398"/>
      <c r="AF8" s="1398"/>
      <c r="AG8" s="1398"/>
      <c r="AH8" s="1398"/>
      <c r="AI8" s="1398"/>
      <c r="AJ8" s="1398"/>
    </row>
    <row r="9" spans="1:39" ht="9.75" customHeight="1" x14ac:dyDescent="0.2"/>
    <row r="10" spans="1:39" ht="21" customHeight="1" x14ac:dyDescent="0.2">
      <c r="B10" s="1403" t="s">
        <v>1228</v>
      </c>
      <c r="C10" s="1403"/>
      <c r="D10" s="1403"/>
      <c r="E10" s="1403"/>
      <c r="F10" s="1403"/>
      <c r="G10" s="1403"/>
      <c r="H10" s="1403"/>
      <c r="I10" s="1403"/>
      <c r="J10" s="1403"/>
      <c r="K10" s="1403"/>
      <c r="L10" s="1403"/>
      <c r="M10" s="1403"/>
      <c r="N10" s="1403"/>
      <c r="O10" s="1403"/>
      <c r="P10" s="1403"/>
      <c r="Q10" s="1403"/>
      <c r="R10" s="1403"/>
      <c r="S10" s="1403"/>
      <c r="T10" s="1403"/>
      <c r="U10" s="1403"/>
      <c r="V10" s="1403"/>
      <c r="W10" s="1403"/>
      <c r="X10" s="1403"/>
      <c r="Y10" s="1403"/>
      <c r="Z10" s="1403"/>
      <c r="AA10" s="1403"/>
      <c r="AB10" s="1403"/>
      <c r="AC10" s="1403"/>
      <c r="AD10" s="1403"/>
      <c r="AE10" s="1403"/>
      <c r="AF10" s="1403"/>
      <c r="AG10" s="1403"/>
      <c r="AH10" s="1403"/>
      <c r="AI10" s="1403"/>
      <c r="AJ10" s="1403"/>
    </row>
    <row r="11" spans="1:39" ht="21" customHeight="1" x14ac:dyDescent="0.2">
      <c r="B11" s="1404" t="s">
        <v>1229</v>
      </c>
      <c r="C11" s="1404"/>
      <c r="D11" s="1404"/>
      <c r="E11" s="1404"/>
      <c r="F11" s="1404"/>
      <c r="G11" s="1404"/>
      <c r="H11" s="1404"/>
      <c r="I11" s="1404"/>
      <c r="J11" s="1404"/>
      <c r="K11" s="1404"/>
      <c r="L11" s="1404"/>
      <c r="M11" s="1404"/>
      <c r="N11" s="1404"/>
      <c r="O11" s="1404"/>
      <c r="P11" s="1404"/>
      <c r="Q11" s="1404"/>
      <c r="R11" s="1404"/>
      <c r="S11" s="1405"/>
      <c r="T11" s="1405"/>
      <c r="U11" s="1405"/>
      <c r="V11" s="1405"/>
      <c r="W11" s="1405"/>
      <c r="X11" s="1405"/>
      <c r="Y11" s="1405"/>
      <c r="Z11" s="1405"/>
      <c r="AA11" s="1405"/>
      <c r="AB11" s="1405"/>
      <c r="AC11" s="727" t="s">
        <v>1230</v>
      </c>
      <c r="AD11" s="728"/>
      <c r="AE11" s="1406"/>
      <c r="AF11" s="1406"/>
      <c r="AG11" s="1406"/>
      <c r="AH11" s="1406"/>
      <c r="AI11" s="1406"/>
      <c r="AJ11" s="1406"/>
      <c r="AM11" s="729"/>
    </row>
    <row r="12" spans="1:39" ht="21" customHeight="1" thickBot="1" x14ac:dyDescent="0.25">
      <c r="B12" s="730"/>
      <c r="C12" s="1407" t="s">
        <v>1231</v>
      </c>
      <c r="D12" s="1407"/>
      <c r="E12" s="1407"/>
      <c r="F12" s="1407"/>
      <c r="G12" s="1407"/>
      <c r="H12" s="1407"/>
      <c r="I12" s="1407"/>
      <c r="J12" s="1407"/>
      <c r="K12" s="1407"/>
      <c r="L12" s="1407"/>
      <c r="M12" s="1407"/>
      <c r="N12" s="1407"/>
      <c r="O12" s="1407"/>
      <c r="P12" s="1407"/>
      <c r="Q12" s="1407"/>
      <c r="R12" s="1407"/>
      <c r="S12" s="1408">
        <f>ROUNDUP(S11*50%,1)</f>
        <v>0</v>
      </c>
      <c r="T12" s="1408"/>
      <c r="U12" s="1408"/>
      <c r="V12" s="1408"/>
      <c r="W12" s="1408"/>
      <c r="X12" s="1408"/>
      <c r="Y12" s="1408"/>
      <c r="Z12" s="1408"/>
      <c r="AA12" s="1408"/>
      <c r="AB12" s="1408"/>
      <c r="AC12" s="731" t="s">
        <v>1230</v>
      </c>
      <c r="AD12" s="731"/>
      <c r="AE12" s="1409"/>
      <c r="AF12" s="1409"/>
      <c r="AG12" s="1409"/>
      <c r="AH12" s="1409"/>
      <c r="AI12" s="1409"/>
      <c r="AJ12" s="1409"/>
    </row>
    <row r="13" spans="1:39" ht="21" customHeight="1" thickTop="1" x14ac:dyDescent="0.2">
      <c r="B13" s="1410" t="s">
        <v>1232</v>
      </c>
      <c r="C13" s="1410"/>
      <c r="D13" s="1410"/>
      <c r="E13" s="1410"/>
      <c r="F13" s="1410"/>
      <c r="G13" s="1410"/>
      <c r="H13" s="1410"/>
      <c r="I13" s="1410"/>
      <c r="J13" s="1410"/>
      <c r="K13" s="1410"/>
      <c r="L13" s="1410"/>
      <c r="M13" s="1410"/>
      <c r="N13" s="1410"/>
      <c r="O13" s="1410"/>
      <c r="P13" s="1410"/>
      <c r="Q13" s="1410"/>
      <c r="R13" s="1410"/>
      <c r="S13" s="1411" t="e">
        <f>ROUNDUP(AE25/L25,1)</f>
        <v>#DIV/0!</v>
      </c>
      <c r="T13" s="1411"/>
      <c r="U13" s="1411"/>
      <c r="V13" s="1411"/>
      <c r="W13" s="1411"/>
      <c r="X13" s="1411"/>
      <c r="Y13" s="1411"/>
      <c r="Z13" s="1411"/>
      <c r="AA13" s="1411"/>
      <c r="AB13" s="1411"/>
      <c r="AC13" s="732" t="s">
        <v>1230</v>
      </c>
      <c r="AD13" s="732"/>
      <c r="AE13" s="1412" t="s">
        <v>1233</v>
      </c>
      <c r="AF13" s="1412"/>
      <c r="AG13" s="1412"/>
      <c r="AH13" s="1412"/>
      <c r="AI13" s="1412"/>
      <c r="AJ13" s="1412"/>
    </row>
    <row r="14" spans="1:39" ht="21" customHeight="1" x14ac:dyDescent="0.2">
      <c r="B14" s="1413" t="s">
        <v>1234</v>
      </c>
      <c r="C14" s="1413"/>
      <c r="D14" s="1413"/>
      <c r="E14" s="1413"/>
      <c r="F14" s="1413"/>
      <c r="G14" s="1413"/>
      <c r="H14" s="1413"/>
      <c r="I14" s="1413"/>
      <c r="J14" s="1413"/>
      <c r="K14" s="1413"/>
      <c r="L14" s="1413" t="s">
        <v>1235</v>
      </c>
      <c r="M14" s="1413"/>
      <c r="N14" s="1413"/>
      <c r="O14" s="1413"/>
      <c r="P14" s="1413"/>
      <c r="Q14" s="1413"/>
      <c r="R14" s="1413"/>
      <c r="S14" s="1413"/>
      <c r="T14" s="1413"/>
      <c r="U14" s="1413"/>
      <c r="V14" s="1413"/>
      <c r="W14" s="1413"/>
      <c r="X14" s="1413"/>
      <c r="Y14" s="1413" t="s">
        <v>1236</v>
      </c>
      <c r="Z14" s="1413"/>
      <c r="AA14" s="1413"/>
      <c r="AB14" s="1413"/>
      <c r="AC14" s="1413"/>
      <c r="AD14" s="1413"/>
      <c r="AE14" s="1413" t="s">
        <v>1237</v>
      </c>
      <c r="AF14" s="1413"/>
      <c r="AG14" s="1413"/>
      <c r="AH14" s="1413"/>
      <c r="AI14" s="1413"/>
      <c r="AJ14" s="1413"/>
    </row>
    <row r="15" spans="1:39" ht="21" customHeight="1" x14ac:dyDescent="0.2">
      <c r="B15" s="733">
        <v>1</v>
      </c>
      <c r="C15" s="1414"/>
      <c r="D15" s="1414"/>
      <c r="E15" s="1414"/>
      <c r="F15" s="1414"/>
      <c r="G15" s="1414"/>
      <c r="H15" s="1414"/>
      <c r="I15" s="1414"/>
      <c r="J15" s="1414"/>
      <c r="K15" s="1414"/>
      <c r="L15" s="1414"/>
      <c r="M15" s="1414"/>
      <c r="N15" s="1414"/>
      <c r="O15" s="1414"/>
      <c r="P15" s="1414"/>
      <c r="Q15" s="1414"/>
      <c r="R15" s="1414"/>
      <c r="S15" s="1414"/>
      <c r="T15" s="1414"/>
      <c r="U15" s="1414"/>
      <c r="V15" s="1414"/>
      <c r="W15" s="1414"/>
      <c r="X15" s="1414"/>
      <c r="Y15" s="1414"/>
      <c r="Z15" s="1414"/>
      <c r="AA15" s="1414"/>
      <c r="AB15" s="1414"/>
      <c r="AC15" s="1414"/>
      <c r="AD15" s="1414"/>
      <c r="AE15" s="1414"/>
      <c r="AF15" s="1414"/>
      <c r="AG15" s="1414"/>
      <c r="AH15" s="1414"/>
      <c r="AI15" s="1414"/>
      <c r="AJ15" s="1414"/>
    </row>
    <row r="16" spans="1:39" ht="21" customHeight="1" x14ac:dyDescent="0.2">
      <c r="B16" s="733">
        <v>2</v>
      </c>
      <c r="C16" s="1414"/>
      <c r="D16" s="1414"/>
      <c r="E16" s="1414"/>
      <c r="F16" s="1414"/>
      <c r="G16" s="1414"/>
      <c r="H16" s="1414"/>
      <c r="I16" s="1414"/>
      <c r="J16" s="1414"/>
      <c r="K16" s="1414"/>
      <c r="L16" s="1414"/>
      <c r="M16" s="1414"/>
      <c r="N16" s="1414"/>
      <c r="O16" s="1414"/>
      <c r="P16" s="1414"/>
      <c r="Q16" s="1414"/>
      <c r="R16" s="1414"/>
      <c r="S16" s="1414"/>
      <c r="T16" s="1414"/>
      <c r="U16" s="1414"/>
      <c r="V16" s="1414"/>
      <c r="W16" s="1414"/>
      <c r="X16" s="1414"/>
      <c r="Y16" s="1414"/>
      <c r="Z16" s="1414"/>
      <c r="AA16" s="1414"/>
      <c r="AB16" s="1414"/>
      <c r="AC16" s="1414"/>
      <c r="AD16" s="1414"/>
      <c r="AE16" s="1414"/>
      <c r="AF16" s="1414"/>
      <c r="AG16" s="1414"/>
      <c r="AH16" s="1414"/>
      <c r="AI16" s="1414"/>
      <c r="AJ16" s="1414"/>
    </row>
    <row r="17" spans="2:36" ht="21" customHeight="1" x14ac:dyDescent="0.2">
      <c r="B17" s="733">
        <v>3</v>
      </c>
      <c r="C17" s="1414"/>
      <c r="D17" s="1414"/>
      <c r="E17" s="1414"/>
      <c r="F17" s="1414"/>
      <c r="G17" s="1414"/>
      <c r="H17" s="1414"/>
      <c r="I17" s="1414"/>
      <c r="J17" s="1414"/>
      <c r="K17" s="1414"/>
      <c r="L17" s="1414"/>
      <c r="M17" s="1414"/>
      <c r="N17" s="1414"/>
      <c r="O17" s="1414"/>
      <c r="P17" s="1414"/>
      <c r="Q17" s="1414"/>
      <c r="R17" s="1414"/>
      <c r="S17" s="1414"/>
      <c r="T17" s="1414"/>
      <c r="U17" s="1414"/>
      <c r="V17" s="1414"/>
      <c r="W17" s="1414"/>
      <c r="X17" s="1414"/>
      <c r="Y17" s="1414"/>
      <c r="Z17" s="1414"/>
      <c r="AA17" s="1414"/>
      <c r="AB17" s="1414"/>
      <c r="AC17" s="1414"/>
      <c r="AD17" s="1414"/>
      <c r="AE17" s="1414"/>
      <c r="AF17" s="1414"/>
      <c r="AG17" s="1414"/>
      <c r="AH17" s="1414"/>
      <c r="AI17" s="1414"/>
      <c r="AJ17" s="1414"/>
    </row>
    <row r="18" spans="2:36" ht="21" customHeight="1" x14ac:dyDescent="0.2">
      <c r="B18" s="733">
        <v>4</v>
      </c>
      <c r="C18" s="1414"/>
      <c r="D18" s="1414"/>
      <c r="E18" s="1414"/>
      <c r="F18" s="1414"/>
      <c r="G18" s="1414"/>
      <c r="H18" s="1414"/>
      <c r="I18" s="1414"/>
      <c r="J18" s="1414"/>
      <c r="K18" s="1414"/>
      <c r="L18" s="1414"/>
      <c r="M18" s="1414"/>
      <c r="N18" s="1414"/>
      <c r="O18" s="1414"/>
      <c r="P18" s="1414"/>
      <c r="Q18" s="1414"/>
      <c r="R18" s="1414"/>
      <c r="S18" s="1414"/>
      <c r="T18" s="1414"/>
      <c r="U18" s="1414"/>
      <c r="V18" s="1414"/>
      <c r="W18" s="1414"/>
      <c r="X18" s="1414"/>
      <c r="Y18" s="1414"/>
      <c r="Z18" s="1414"/>
      <c r="AA18" s="1414"/>
      <c r="AB18" s="1414"/>
      <c r="AC18" s="1414"/>
      <c r="AD18" s="1414"/>
      <c r="AE18" s="1414"/>
      <c r="AF18" s="1414"/>
      <c r="AG18" s="1414"/>
      <c r="AH18" s="1414"/>
      <c r="AI18" s="1414"/>
      <c r="AJ18" s="1414"/>
    </row>
    <row r="19" spans="2:36" ht="21" customHeight="1" x14ac:dyDescent="0.2">
      <c r="B19" s="733">
        <v>5</v>
      </c>
      <c r="C19" s="1414"/>
      <c r="D19" s="1414"/>
      <c r="E19" s="1414"/>
      <c r="F19" s="1414"/>
      <c r="G19" s="1414"/>
      <c r="H19" s="1414"/>
      <c r="I19" s="1414"/>
      <c r="J19" s="1414"/>
      <c r="K19" s="1414"/>
      <c r="L19" s="1414"/>
      <c r="M19" s="1414"/>
      <c r="N19" s="1414"/>
      <c r="O19" s="1414"/>
      <c r="P19" s="1414"/>
      <c r="Q19" s="1414"/>
      <c r="R19" s="1414"/>
      <c r="S19" s="1414"/>
      <c r="T19" s="1414"/>
      <c r="U19" s="1414"/>
      <c r="V19" s="1414"/>
      <c r="W19" s="1414"/>
      <c r="X19" s="1414"/>
      <c r="Y19" s="1414"/>
      <c r="Z19" s="1414"/>
      <c r="AA19" s="1414"/>
      <c r="AB19" s="1414"/>
      <c r="AC19" s="1414"/>
      <c r="AD19" s="1414"/>
      <c r="AE19" s="1414"/>
      <c r="AF19" s="1414"/>
      <c r="AG19" s="1414"/>
      <c r="AH19" s="1414"/>
      <c r="AI19" s="1414"/>
      <c r="AJ19" s="1414"/>
    </row>
    <row r="20" spans="2:36" ht="21" customHeight="1" x14ac:dyDescent="0.2">
      <c r="B20" s="733">
        <v>6</v>
      </c>
      <c r="C20" s="1414"/>
      <c r="D20" s="1414"/>
      <c r="E20" s="1414"/>
      <c r="F20" s="1414"/>
      <c r="G20" s="1414"/>
      <c r="H20" s="1414"/>
      <c r="I20" s="1414"/>
      <c r="J20" s="1414"/>
      <c r="K20" s="1414"/>
      <c r="L20" s="1414"/>
      <c r="M20" s="1414"/>
      <c r="N20" s="1414"/>
      <c r="O20" s="1414"/>
      <c r="P20" s="1414"/>
      <c r="Q20" s="1414"/>
      <c r="R20" s="1414"/>
      <c r="S20" s="1414"/>
      <c r="T20" s="1414"/>
      <c r="U20" s="1414"/>
      <c r="V20" s="1414"/>
      <c r="W20" s="1414"/>
      <c r="X20" s="1414"/>
      <c r="Y20" s="1414"/>
      <c r="Z20" s="1414"/>
      <c r="AA20" s="1414"/>
      <c r="AB20" s="1414"/>
      <c r="AC20" s="1414"/>
      <c r="AD20" s="1414"/>
      <c r="AE20" s="1414"/>
      <c r="AF20" s="1414"/>
      <c r="AG20" s="1414"/>
      <c r="AH20" s="1414"/>
      <c r="AI20" s="1414"/>
      <c r="AJ20" s="1414"/>
    </row>
    <row r="21" spans="2:36" ht="21" customHeight="1" x14ac:dyDescent="0.2">
      <c r="B21" s="733">
        <v>7</v>
      </c>
      <c r="C21" s="1414"/>
      <c r="D21" s="1414"/>
      <c r="E21" s="1414"/>
      <c r="F21" s="1414"/>
      <c r="G21" s="1414"/>
      <c r="H21" s="1414"/>
      <c r="I21" s="1414"/>
      <c r="J21" s="1414"/>
      <c r="K21" s="1414"/>
      <c r="L21" s="1414"/>
      <c r="M21" s="1414"/>
      <c r="N21" s="1414"/>
      <c r="O21" s="1414"/>
      <c r="P21" s="1414"/>
      <c r="Q21" s="1414"/>
      <c r="R21" s="1414"/>
      <c r="S21" s="1414"/>
      <c r="T21" s="1414"/>
      <c r="U21" s="1414"/>
      <c r="V21" s="1414"/>
      <c r="W21" s="1414"/>
      <c r="X21" s="1414"/>
      <c r="Y21" s="1414"/>
      <c r="Z21" s="1414"/>
      <c r="AA21" s="1414"/>
      <c r="AB21" s="1414"/>
      <c r="AC21" s="1414"/>
      <c r="AD21" s="1414"/>
      <c r="AE21" s="1414"/>
      <c r="AF21" s="1414"/>
      <c r="AG21" s="1414"/>
      <c r="AH21" s="1414"/>
      <c r="AI21" s="1414"/>
      <c r="AJ21" s="1414"/>
    </row>
    <row r="22" spans="2:36" ht="21" customHeight="1" x14ac:dyDescent="0.2">
      <c r="B22" s="733">
        <v>8</v>
      </c>
      <c r="C22" s="1414"/>
      <c r="D22" s="1414"/>
      <c r="E22" s="1414"/>
      <c r="F22" s="1414"/>
      <c r="G22" s="1414"/>
      <c r="H22" s="1414"/>
      <c r="I22" s="1414"/>
      <c r="J22" s="1414"/>
      <c r="K22" s="1414"/>
      <c r="L22" s="1414"/>
      <c r="M22" s="1414"/>
      <c r="N22" s="1414"/>
      <c r="O22" s="1414"/>
      <c r="P22" s="1414"/>
      <c r="Q22" s="1414"/>
      <c r="R22" s="1414"/>
      <c r="S22" s="1414"/>
      <c r="T22" s="1414"/>
      <c r="U22" s="1414"/>
      <c r="V22" s="1414"/>
      <c r="W22" s="1414"/>
      <c r="X22" s="1414"/>
      <c r="Y22" s="1414"/>
      <c r="Z22" s="1414"/>
      <c r="AA22" s="1414"/>
      <c r="AB22" s="1414"/>
      <c r="AC22" s="1414"/>
      <c r="AD22" s="1414"/>
      <c r="AE22" s="1414"/>
      <c r="AF22" s="1414"/>
      <c r="AG22" s="1414"/>
      <c r="AH22" s="1414"/>
      <c r="AI22" s="1414"/>
      <c r="AJ22" s="1414"/>
    </row>
    <row r="23" spans="2:36" ht="21" customHeight="1" x14ac:dyDescent="0.2">
      <c r="B23" s="733">
        <v>9</v>
      </c>
      <c r="C23" s="1414"/>
      <c r="D23" s="1414"/>
      <c r="E23" s="1414"/>
      <c r="F23" s="1414"/>
      <c r="G23" s="1414"/>
      <c r="H23" s="1414"/>
      <c r="I23" s="1414"/>
      <c r="J23" s="1414"/>
      <c r="K23" s="1414"/>
      <c r="L23" s="1414"/>
      <c r="M23" s="1414"/>
      <c r="N23" s="1414"/>
      <c r="O23" s="1414"/>
      <c r="P23" s="1414"/>
      <c r="Q23" s="1414"/>
      <c r="R23" s="1414"/>
      <c r="S23" s="1414"/>
      <c r="T23" s="1414"/>
      <c r="U23" s="1414"/>
      <c r="V23" s="1414"/>
      <c r="W23" s="1414"/>
      <c r="X23" s="1414"/>
      <c r="Y23" s="1414"/>
      <c r="Z23" s="1414"/>
      <c r="AA23" s="1414"/>
      <c r="AB23" s="1414"/>
      <c r="AC23" s="1414"/>
      <c r="AD23" s="1414"/>
      <c r="AE23" s="1414"/>
      <c r="AF23" s="1414"/>
      <c r="AG23" s="1414"/>
      <c r="AH23" s="1414"/>
      <c r="AI23" s="1414"/>
      <c r="AJ23" s="1414"/>
    </row>
    <row r="24" spans="2:36" ht="21" customHeight="1" x14ac:dyDescent="0.2">
      <c r="B24" s="733">
        <v>10</v>
      </c>
      <c r="C24" s="1414"/>
      <c r="D24" s="1414"/>
      <c r="E24" s="1414"/>
      <c r="F24" s="1414"/>
      <c r="G24" s="1414"/>
      <c r="H24" s="1414"/>
      <c r="I24" s="1414"/>
      <c r="J24" s="1414"/>
      <c r="K24" s="1414"/>
      <c r="L24" s="1414"/>
      <c r="M24" s="1414"/>
      <c r="N24" s="1414"/>
      <c r="O24" s="1414"/>
      <c r="P24" s="1414"/>
      <c r="Q24" s="1414"/>
      <c r="R24" s="1414"/>
      <c r="S24" s="1414"/>
      <c r="T24" s="1414"/>
      <c r="U24" s="1414"/>
      <c r="V24" s="1414"/>
      <c r="W24" s="1414"/>
      <c r="X24" s="1414"/>
      <c r="Y24" s="1414"/>
      <c r="Z24" s="1414"/>
      <c r="AA24" s="1414"/>
      <c r="AB24" s="1414"/>
      <c r="AC24" s="1414"/>
      <c r="AD24" s="1414"/>
      <c r="AE24" s="1414"/>
      <c r="AF24" s="1414"/>
      <c r="AG24" s="1414"/>
      <c r="AH24" s="1414"/>
      <c r="AI24" s="1414"/>
      <c r="AJ24" s="1414"/>
    </row>
    <row r="25" spans="2:36" ht="21" customHeight="1" x14ac:dyDescent="0.2">
      <c r="B25" s="1415" t="s">
        <v>1238</v>
      </c>
      <c r="C25" s="1415"/>
      <c r="D25" s="1415"/>
      <c r="E25" s="1415"/>
      <c r="F25" s="1415"/>
      <c r="G25" s="1415"/>
      <c r="H25" s="1415"/>
      <c r="I25" s="1415"/>
      <c r="J25" s="1415"/>
      <c r="K25" s="1415"/>
      <c r="L25" s="1416"/>
      <c r="M25" s="1416"/>
      <c r="N25" s="1416"/>
      <c r="O25" s="1416"/>
      <c r="P25" s="1416"/>
      <c r="Q25" s="1417" t="s">
        <v>875</v>
      </c>
      <c r="R25" s="1417"/>
      <c r="S25" s="1413" t="s">
        <v>1239</v>
      </c>
      <c r="T25" s="1413"/>
      <c r="U25" s="1413"/>
      <c r="V25" s="1413"/>
      <c r="W25" s="1413"/>
      <c r="X25" s="1413"/>
      <c r="Y25" s="1413"/>
      <c r="Z25" s="1413"/>
      <c r="AA25" s="1413"/>
      <c r="AB25" s="1413"/>
      <c r="AC25" s="1413"/>
      <c r="AD25" s="1413"/>
      <c r="AE25" s="1418">
        <f>SUM(AE15:AJ24)</f>
        <v>0</v>
      </c>
      <c r="AF25" s="1418"/>
      <c r="AG25" s="1418"/>
      <c r="AH25" s="1418"/>
      <c r="AI25" s="1418"/>
      <c r="AJ25" s="1418"/>
    </row>
    <row r="26" spans="2:36" ht="9" customHeight="1" x14ac:dyDescent="0.2">
      <c r="B26" s="734"/>
      <c r="C26" s="735"/>
      <c r="D26" s="735"/>
      <c r="E26" s="735"/>
      <c r="F26" s="735"/>
      <c r="G26" s="735"/>
      <c r="H26" s="735"/>
      <c r="I26" s="735"/>
      <c r="J26" s="735"/>
      <c r="K26" s="735"/>
      <c r="L26" s="735"/>
      <c r="M26" s="735"/>
      <c r="N26" s="735"/>
      <c r="O26" s="735"/>
      <c r="P26" s="735"/>
      <c r="Q26" s="735"/>
      <c r="R26" s="735"/>
      <c r="S26" s="735"/>
      <c r="T26" s="735"/>
      <c r="U26" s="735"/>
      <c r="V26" s="735"/>
      <c r="W26" s="735"/>
      <c r="X26" s="735"/>
      <c r="Y26" s="735"/>
      <c r="Z26" s="735"/>
      <c r="AA26" s="735"/>
      <c r="AB26" s="735"/>
      <c r="AC26" s="735"/>
      <c r="AD26" s="735"/>
      <c r="AE26" s="735"/>
      <c r="AF26" s="735"/>
      <c r="AG26" s="735"/>
      <c r="AH26" s="735"/>
      <c r="AI26" s="735"/>
      <c r="AJ26" s="735"/>
    </row>
    <row r="27" spans="2:36" ht="21" customHeight="1" x14ac:dyDescent="0.2">
      <c r="B27" s="1403" t="s">
        <v>1240</v>
      </c>
      <c r="C27" s="1403"/>
      <c r="D27" s="1403"/>
      <c r="E27" s="1403"/>
      <c r="F27" s="1403"/>
      <c r="G27" s="1403"/>
      <c r="H27" s="1403"/>
      <c r="I27" s="1403"/>
      <c r="J27" s="1403"/>
      <c r="K27" s="1403"/>
      <c r="L27" s="1403"/>
      <c r="M27" s="1403"/>
      <c r="N27" s="1403"/>
      <c r="O27" s="1403"/>
      <c r="P27" s="1403"/>
      <c r="Q27" s="1403"/>
      <c r="R27" s="1403"/>
      <c r="S27" s="1403"/>
      <c r="T27" s="1403"/>
      <c r="U27" s="1403"/>
      <c r="V27" s="1403"/>
      <c r="W27" s="1403"/>
      <c r="X27" s="1403"/>
      <c r="Y27" s="1403"/>
      <c r="Z27" s="1403"/>
      <c r="AA27" s="1403"/>
      <c r="AB27" s="1403"/>
      <c r="AC27" s="1403"/>
      <c r="AD27" s="1403"/>
      <c r="AE27" s="1403"/>
      <c r="AF27" s="1403"/>
      <c r="AG27" s="1403"/>
      <c r="AH27" s="1403"/>
      <c r="AI27" s="1403"/>
      <c r="AJ27" s="1403"/>
    </row>
    <row r="28" spans="2:36" ht="21" customHeight="1" thickBot="1" x14ac:dyDescent="0.25">
      <c r="B28" s="1419" t="s">
        <v>1241</v>
      </c>
      <c r="C28" s="1419"/>
      <c r="D28" s="1419"/>
      <c r="E28" s="1419"/>
      <c r="F28" s="1419"/>
      <c r="G28" s="1419"/>
      <c r="H28" s="1419"/>
      <c r="I28" s="1419"/>
      <c r="J28" s="1419"/>
      <c r="K28" s="1419"/>
      <c r="L28" s="1419"/>
      <c r="M28" s="1419"/>
      <c r="N28" s="1419"/>
      <c r="O28" s="1419"/>
      <c r="P28" s="1419"/>
      <c r="Q28" s="1419"/>
      <c r="R28" s="1419"/>
      <c r="S28" s="1408">
        <f>ROUNDUP(S11/40,1)</f>
        <v>0</v>
      </c>
      <c r="T28" s="1408"/>
      <c r="U28" s="1408"/>
      <c r="V28" s="1408"/>
      <c r="W28" s="1408"/>
      <c r="X28" s="1408"/>
      <c r="Y28" s="1408"/>
      <c r="Z28" s="1408"/>
      <c r="AA28" s="1408"/>
      <c r="AB28" s="1408"/>
      <c r="AC28" s="736" t="s">
        <v>1230</v>
      </c>
      <c r="AD28" s="737"/>
      <c r="AE28" s="1409"/>
      <c r="AF28" s="1409"/>
      <c r="AG28" s="1409"/>
      <c r="AH28" s="1409"/>
      <c r="AI28" s="1409"/>
      <c r="AJ28" s="1409"/>
    </row>
    <row r="29" spans="2:36" ht="21" customHeight="1" thickTop="1" x14ac:dyDescent="0.2">
      <c r="B29" s="1410" t="s">
        <v>1242</v>
      </c>
      <c r="C29" s="1410"/>
      <c r="D29" s="1410"/>
      <c r="E29" s="1410"/>
      <c r="F29" s="1410"/>
      <c r="G29" s="1410"/>
      <c r="H29" s="1410"/>
      <c r="I29" s="1410"/>
      <c r="J29" s="1410"/>
      <c r="K29" s="1410"/>
      <c r="L29" s="1410"/>
      <c r="M29" s="1410"/>
      <c r="N29" s="1410"/>
      <c r="O29" s="1410"/>
      <c r="P29" s="1410"/>
      <c r="Q29" s="1410"/>
      <c r="R29" s="1410"/>
      <c r="S29" s="1420"/>
      <c r="T29" s="1420"/>
      <c r="U29" s="1420"/>
      <c r="V29" s="1420"/>
      <c r="W29" s="1420"/>
      <c r="X29" s="1420"/>
      <c r="Y29" s="1420"/>
      <c r="Z29" s="1420"/>
      <c r="AA29" s="1420"/>
      <c r="AB29" s="1420"/>
      <c r="AC29" s="738" t="s">
        <v>1230</v>
      </c>
      <c r="AD29" s="739"/>
      <c r="AE29" s="1412" t="s">
        <v>1243</v>
      </c>
      <c r="AF29" s="1412"/>
      <c r="AG29" s="1412"/>
      <c r="AH29" s="1412"/>
      <c r="AI29" s="1412"/>
      <c r="AJ29" s="1412"/>
    </row>
    <row r="30" spans="2:36" ht="21" customHeight="1" x14ac:dyDescent="0.2">
      <c r="B30" s="1421" t="s">
        <v>1244</v>
      </c>
      <c r="C30" s="1421"/>
      <c r="D30" s="1421"/>
      <c r="E30" s="1421"/>
      <c r="F30" s="1421"/>
      <c r="G30" s="1421"/>
      <c r="H30" s="1421"/>
      <c r="I30" s="1421"/>
      <c r="J30" s="1421"/>
      <c r="K30" s="1421"/>
      <c r="L30" s="1421"/>
      <c r="M30" s="1421"/>
      <c r="N30" s="1421"/>
      <c r="O30" s="1421"/>
      <c r="P30" s="1421"/>
      <c r="Q30" s="1421"/>
      <c r="R30" s="1421"/>
      <c r="S30" s="1421" t="s">
        <v>1245</v>
      </c>
      <c r="T30" s="1421"/>
      <c r="U30" s="1421"/>
      <c r="V30" s="1421"/>
      <c r="W30" s="1421"/>
      <c r="X30" s="1421"/>
      <c r="Y30" s="1421"/>
      <c r="Z30" s="1421"/>
      <c r="AA30" s="1421"/>
      <c r="AB30" s="1421"/>
      <c r="AC30" s="1421"/>
      <c r="AD30" s="1421"/>
      <c r="AE30" s="1421"/>
      <c r="AF30" s="1421"/>
      <c r="AG30" s="1421"/>
      <c r="AH30" s="1421"/>
      <c r="AI30" s="1421"/>
      <c r="AJ30" s="1421"/>
    </row>
    <row r="31" spans="2:36" ht="21" customHeight="1" x14ac:dyDescent="0.2">
      <c r="B31" s="733">
        <v>1</v>
      </c>
      <c r="C31" s="1414"/>
      <c r="D31" s="1414"/>
      <c r="E31" s="1414"/>
      <c r="F31" s="1414"/>
      <c r="G31" s="1414"/>
      <c r="H31" s="1414"/>
      <c r="I31" s="1414"/>
      <c r="J31" s="1414"/>
      <c r="K31" s="1414"/>
      <c r="L31" s="1414"/>
      <c r="M31" s="1414"/>
      <c r="N31" s="1414"/>
      <c r="O31" s="1414"/>
      <c r="P31" s="1414"/>
      <c r="Q31" s="1414"/>
      <c r="R31" s="1414"/>
      <c r="S31" s="1414"/>
      <c r="T31" s="1414"/>
      <c r="U31" s="1414"/>
      <c r="V31" s="1414"/>
      <c r="W31" s="1414"/>
      <c r="X31" s="1414"/>
      <c r="Y31" s="1414"/>
      <c r="Z31" s="1414"/>
      <c r="AA31" s="1414"/>
      <c r="AB31" s="1414"/>
      <c r="AC31" s="1414"/>
      <c r="AD31" s="1414"/>
      <c r="AE31" s="1414"/>
      <c r="AF31" s="1414"/>
      <c r="AG31" s="1414"/>
      <c r="AH31" s="1414"/>
      <c r="AI31" s="1414"/>
      <c r="AJ31" s="1414"/>
    </row>
    <row r="32" spans="2:36" ht="21" customHeight="1" x14ac:dyDescent="0.2">
      <c r="B32" s="733">
        <v>2</v>
      </c>
      <c r="C32" s="1414"/>
      <c r="D32" s="1414"/>
      <c r="E32" s="1414"/>
      <c r="F32" s="1414"/>
      <c r="G32" s="1414"/>
      <c r="H32" s="1414"/>
      <c r="I32" s="1414"/>
      <c r="J32" s="1414"/>
      <c r="K32" s="1414"/>
      <c r="L32" s="1414"/>
      <c r="M32" s="1414"/>
      <c r="N32" s="1414"/>
      <c r="O32" s="1414"/>
      <c r="P32" s="1414"/>
      <c r="Q32" s="1414"/>
      <c r="R32" s="1414"/>
      <c r="S32" s="1414"/>
      <c r="T32" s="1414"/>
      <c r="U32" s="1414"/>
      <c r="V32" s="1414"/>
      <c r="W32" s="1414"/>
      <c r="X32" s="1414"/>
      <c r="Y32" s="1414"/>
      <c r="Z32" s="1414"/>
      <c r="AA32" s="1414"/>
      <c r="AB32" s="1414"/>
      <c r="AC32" s="1414"/>
      <c r="AD32" s="1414"/>
      <c r="AE32" s="1414"/>
      <c r="AF32" s="1414"/>
      <c r="AG32" s="1414"/>
      <c r="AH32" s="1414"/>
      <c r="AI32" s="1414"/>
      <c r="AJ32" s="1414"/>
    </row>
    <row r="33" spans="2:38" ht="21" customHeight="1" x14ac:dyDescent="0.2">
      <c r="B33" s="733">
        <v>3</v>
      </c>
      <c r="C33" s="1414"/>
      <c r="D33" s="1414"/>
      <c r="E33" s="1414"/>
      <c r="F33" s="1414"/>
      <c r="G33" s="1414"/>
      <c r="H33" s="1414"/>
      <c r="I33" s="1414"/>
      <c r="J33" s="1414"/>
      <c r="K33" s="1414"/>
      <c r="L33" s="1414"/>
      <c r="M33" s="1414"/>
      <c r="N33" s="1414"/>
      <c r="O33" s="1414"/>
      <c r="P33" s="1414"/>
      <c r="Q33" s="1414"/>
      <c r="R33" s="1414"/>
      <c r="S33" s="1414"/>
      <c r="T33" s="1414"/>
      <c r="U33" s="1414"/>
      <c r="V33" s="1414"/>
      <c r="W33" s="1414"/>
      <c r="X33" s="1414"/>
      <c r="Y33" s="1414"/>
      <c r="Z33" s="1414"/>
      <c r="AA33" s="1414"/>
      <c r="AB33" s="1414"/>
      <c r="AC33" s="1414"/>
      <c r="AD33" s="1414"/>
      <c r="AE33" s="1414"/>
      <c r="AF33" s="1414"/>
      <c r="AG33" s="1414"/>
      <c r="AH33" s="1414"/>
      <c r="AI33" s="1414"/>
      <c r="AJ33" s="1414"/>
    </row>
    <row r="34" spans="2:38" ht="8.25" customHeight="1" x14ac:dyDescent="0.2">
      <c r="B34" s="734"/>
      <c r="C34" s="735"/>
      <c r="D34" s="735"/>
      <c r="E34" s="735"/>
      <c r="F34" s="735"/>
      <c r="G34" s="735"/>
      <c r="H34" s="735"/>
      <c r="I34" s="735"/>
      <c r="J34" s="735"/>
      <c r="K34" s="735"/>
      <c r="L34" s="735"/>
      <c r="M34" s="735"/>
      <c r="N34" s="735"/>
      <c r="O34" s="735"/>
      <c r="P34" s="735"/>
      <c r="Q34" s="735"/>
      <c r="R34" s="735"/>
      <c r="S34" s="735"/>
      <c r="T34" s="735"/>
      <c r="U34" s="735"/>
      <c r="V34" s="735"/>
      <c r="W34" s="735"/>
      <c r="X34" s="735"/>
      <c r="Y34" s="735"/>
      <c r="Z34" s="735"/>
      <c r="AA34" s="735"/>
      <c r="AB34" s="735"/>
      <c r="AC34" s="735"/>
      <c r="AD34" s="735"/>
      <c r="AE34" s="735"/>
      <c r="AF34" s="735"/>
      <c r="AG34" s="735"/>
      <c r="AH34" s="735"/>
      <c r="AI34" s="735"/>
      <c r="AJ34" s="735"/>
    </row>
    <row r="35" spans="2:38" ht="22.5" customHeight="1" x14ac:dyDescent="0.2">
      <c r="B35" s="1424" t="s">
        <v>1246</v>
      </c>
      <c r="C35" s="1424"/>
      <c r="D35" s="1424"/>
      <c r="E35" s="1424"/>
      <c r="F35" s="1424"/>
      <c r="G35" s="1424"/>
      <c r="H35" s="1425" t="s">
        <v>1247</v>
      </c>
      <c r="I35" s="1425"/>
      <c r="J35" s="1425"/>
      <c r="K35" s="1425"/>
      <c r="L35" s="1425"/>
      <c r="M35" s="1425"/>
      <c r="N35" s="1425"/>
      <c r="O35" s="1425"/>
      <c r="P35" s="1425"/>
      <c r="Q35" s="1425"/>
      <c r="R35" s="1425"/>
      <c r="S35" s="1425"/>
      <c r="T35" s="1425"/>
      <c r="U35" s="1425"/>
      <c r="V35" s="1425"/>
      <c r="W35" s="1425"/>
      <c r="X35" s="1425"/>
      <c r="Y35" s="1425"/>
      <c r="Z35" s="1425"/>
      <c r="AA35" s="1425"/>
      <c r="AB35" s="1425"/>
      <c r="AC35" s="1425"/>
      <c r="AD35" s="1425"/>
      <c r="AE35" s="1425"/>
      <c r="AF35" s="1425"/>
      <c r="AG35" s="1425"/>
      <c r="AH35" s="1425"/>
      <c r="AI35" s="1425"/>
      <c r="AJ35" s="1425"/>
    </row>
    <row r="36" spans="2:38" ht="8.25" customHeight="1" x14ac:dyDescent="0.2">
      <c r="B36" s="734"/>
      <c r="C36" s="735"/>
      <c r="D36" s="735"/>
      <c r="E36" s="735"/>
      <c r="F36" s="735"/>
      <c r="G36" s="735"/>
      <c r="H36" s="735"/>
      <c r="I36" s="735"/>
      <c r="J36" s="735"/>
      <c r="K36" s="735"/>
      <c r="L36" s="735"/>
      <c r="M36" s="735"/>
      <c r="N36" s="735"/>
      <c r="O36" s="735"/>
      <c r="P36" s="735"/>
      <c r="Q36" s="735"/>
      <c r="R36" s="735"/>
      <c r="S36" s="735"/>
      <c r="T36" s="735"/>
      <c r="U36" s="735"/>
      <c r="V36" s="735"/>
      <c r="W36" s="735"/>
      <c r="X36" s="735"/>
      <c r="Y36" s="735"/>
      <c r="Z36" s="735"/>
      <c r="AA36" s="735"/>
      <c r="AB36" s="735"/>
      <c r="AC36" s="735"/>
      <c r="AD36" s="735"/>
      <c r="AE36" s="735"/>
      <c r="AF36" s="735"/>
      <c r="AG36" s="735"/>
      <c r="AH36" s="735"/>
      <c r="AI36" s="735"/>
      <c r="AJ36" s="735"/>
    </row>
    <row r="37" spans="2:38" ht="18.75" customHeight="1" x14ac:dyDescent="0.2">
      <c r="B37" s="1426" t="s">
        <v>1248</v>
      </c>
      <c r="C37" s="1426"/>
      <c r="D37" s="1426"/>
      <c r="E37" s="1426"/>
      <c r="F37" s="1426"/>
      <c r="G37" s="1426"/>
      <c r="H37" s="1426"/>
      <c r="I37" s="1426"/>
      <c r="J37" s="1426"/>
      <c r="K37" s="1426"/>
      <c r="L37" s="1426"/>
      <c r="M37" s="1426"/>
      <c r="N37" s="1426"/>
      <c r="O37" s="1426"/>
      <c r="P37" s="1426"/>
      <c r="Q37" s="1426"/>
      <c r="R37" s="1426"/>
      <c r="S37" s="1426"/>
      <c r="T37" s="1426"/>
      <c r="U37" s="1426"/>
      <c r="V37" s="1426"/>
      <c r="W37" s="1426"/>
      <c r="X37" s="1426"/>
      <c r="Y37" s="1426"/>
      <c r="Z37" s="1426"/>
      <c r="AA37" s="1426"/>
      <c r="AB37" s="1426"/>
      <c r="AC37" s="1426"/>
      <c r="AD37" s="1426"/>
      <c r="AE37" s="1426"/>
      <c r="AF37" s="1426"/>
      <c r="AG37" s="1426"/>
      <c r="AH37" s="1426"/>
      <c r="AI37" s="1426"/>
      <c r="AJ37" s="1426"/>
      <c r="AK37" s="1426"/>
      <c r="AL37" s="740"/>
    </row>
    <row r="38" spans="2:38" ht="18.75" customHeight="1" x14ac:dyDescent="0.2">
      <c r="B38" s="1426"/>
      <c r="C38" s="1426"/>
      <c r="D38" s="1426"/>
      <c r="E38" s="1426"/>
      <c r="F38" s="1426"/>
      <c r="G38" s="1426"/>
      <c r="H38" s="1426"/>
      <c r="I38" s="1426"/>
      <c r="J38" s="1426"/>
      <c r="K38" s="1426"/>
      <c r="L38" s="1426"/>
      <c r="M38" s="1426"/>
      <c r="N38" s="1426"/>
      <c r="O38" s="1426"/>
      <c r="P38" s="1426"/>
      <c r="Q38" s="1426"/>
      <c r="R38" s="1426"/>
      <c r="S38" s="1426"/>
      <c r="T38" s="1426"/>
      <c r="U38" s="1426"/>
      <c r="V38" s="1426"/>
      <c r="W38" s="1426"/>
      <c r="X38" s="1426"/>
      <c r="Y38" s="1426"/>
      <c r="Z38" s="1426"/>
      <c r="AA38" s="1426"/>
      <c r="AB38" s="1426"/>
      <c r="AC38" s="1426"/>
      <c r="AD38" s="1426"/>
      <c r="AE38" s="1426"/>
      <c r="AF38" s="1426"/>
      <c r="AG38" s="1426"/>
      <c r="AH38" s="1426"/>
      <c r="AI38" s="1426"/>
      <c r="AJ38" s="1426"/>
      <c r="AK38" s="1426"/>
      <c r="AL38" s="740"/>
    </row>
    <row r="39" spans="2:38" ht="18.75" customHeight="1" x14ac:dyDescent="0.2">
      <c r="B39" s="1426"/>
      <c r="C39" s="1426"/>
      <c r="D39" s="1426"/>
      <c r="E39" s="1426"/>
      <c r="F39" s="1426"/>
      <c r="G39" s="1426"/>
      <c r="H39" s="1426"/>
      <c r="I39" s="1426"/>
      <c r="J39" s="1426"/>
      <c r="K39" s="1426"/>
      <c r="L39" s="1426"/>
      <c r="M39" s="1426"/>
      <c r="N39" s="1426"/>
      <c r="O39" s="1426"/>
      <c r="P39" s="1426"/>
      <c r="Q39" s="1426"/>
      <c r="R39" s="1426"/>
      <c r="S39" s="1426"/>
      <c r="T39" s="1426"/>
      <c r="U39" s="1426"/>
      <c r="V39" s="1426"/>
      <c r="W39" s="1426"/>
      <c r="X39" s="1426"/>
      <c r="Y39" s="1426"/>
      <c r="Z39" s="1426"/>
      <c r="AA39" s="1426"/>
      <c r="AB39" s="1426"/>
      <c r="AC39" s="1426"/>
      <c r="AD39" s="1426"/>
      <c r="AE39" s="1426"/>
      <c r="AF39" s="1426"/>
      <c r="AG39" s="1426"/>
      <c r="AH39" s="1426"/>
      <c r="AI39" s="1426"/>
      <c r="AJ39" s="1426"/>
      <c r="AK39" s="1426"/>
      <c r="AL39" s="740"/>
    </row>
    <row r="40" spans="2:38" ht="18.75" customHeight="1" x14ac:dyDescent="0.2">
      <c r="B40" s="1426"/>
      <c r="C40" s="1426"/>
      <c r="D40" s="1426"/>
      <c r="E40" s="1426"/>
      <c r="F40" s="1426"/>
      <c r="G40" s="1426"/>
      <c r="H40" s="1426"/>
      <c r="I40" s="1426"/>
      <c r="J40" s="1426"/>
      <c r="K40" s="1426"/>
      <c r="L40" s="1426"/>
      <c r="M40" s="1426"/>
      <c r="N40" s="1426"/>
      <c r="O40" s="1426"/>
      <c r="P40" s="1426"/>
      <c r="Q40" s="1426"/>
      <c r="R40" s="1426"/>
      <c r="S40" s="1426"/>
      <c r="T40" s="1426"/>
      <c r="U40" s="1426"/>
      <c r="V40" s="1426"/>
      <c r="W40" s="1426"/>
      <c r="X40" s="1426"/>
      <c r="Y40" s="1426"/>
      <c r="Z40" s="1426"/>
      <c r="AA40" s="1426"/>
      <c r="AB40" s="1426"/>
      <c r="AC40" s="1426"/>
      <c r="AD40" s="1426"/>
      <c r="AE40" s="1426"/>
      <c r="AF40" s="1426"/>
      <c r="AG40" s="1426"/>
      <c r="AH40" s="1426"/>
      <c r="AI40" s="1426"/>
      <c r="AJ40" s="1426"/>
      <c r="AK40" s="1426"/>
      <c r="AL40" s="740"/>
    </row>
    <row r="41" spans="2:38" ht="80.25" customHeight="1" x14ac:dyDescent="0.2">
      <c r="B41" s="1426"/>
      <c r="C41" s="1426"/>
      <c r="D41" s="1426"/>
      <c r="E41" s="1426"/>
      <c r="F41" s="1426"/>
      <c r="G41" s="1426"/>
      <c r="H41" s="1426"/>
      <c r="I41" s="1426"/>
      <c r="J41" s="1426"/>
      <c r="K41" s="1426"/>
      <c r="L41" s="1426"/>
      <c r="M41" s="1426"/>
      <c r="N41" s="1426"/>
      <c r="O41" s="1426"/>
      <c r="P41" s="1426"/>
      <c r="Q41" s="1426"/>
      <c r="R41" s="1426"/>
      <c r="S41" s="1426"/>
      <c r="T41" s="1426"/>
      <c r="U41" s="1426"/>
      <c r="V41" s="1426"/>
      <c r="W41" s="1426"/>
      <c r="X41" s="1426"/>
      <c r="Y41" s="1426"/>
      <c r="Z41" s="1426"/>
      <c r="AA41" s="1426"/>
      <c r="AB41" s="1426"/>
      <c r="AC41" s="1426"/>
      <c r="AD41" s="1426"/>
      <c r="AE41" s="1426"/>
      <c r="AF41" s="1426"/>
      <c r="AG41" s="1426"/>
      <c r="AH41" s="1426"/>
      <c r="AI41" s="1426"/>
      <c r="AJ41" s="1426"/>
      <c r="AK41" s="1426"/>
      <c r="AL41" s="740"/>
    </row>
    <row r="42" spans="2:38" ht="15" customHeight="1" x14ac:dyDescent="0.2">
      <c r="B42" s="1423" t="s">
        <v>1249</v>
      </c>
      <c r="C42" s="1423"/>
      <c r="D42" s="1423"/>
      <c r="E42" s="1423"/>
      <c r="F42" s="1423"/>
      <c r="G42" s="1423"/>
      <c r="H42" s="1423"/>
      <c r="I42" s="1423"/>
      <c r="J42" s="1423"/>
      <c r="K42" s="1423"/>
      <c r="L42" s="1423"/>
      <c r="M42" s="1423"/>
      <c r="N42" s="1423"/>
      <c r="O42" s="1423"/>
      <c r="P42" s="1423"/>
      <c r="Q42" s="1423"/>
      <c r="R42" s="1423"/>
      <c r="S42" s="1423"/>
      <c r="T42" s="1423"/>
      <c r="U42" s="1423"/>
      <c r="V42" s="1423"/>
      <c r="W42" s="1423"/>
      <c r="X42" s="1423"/>
      <c r="Y42" s="1423"/>
      <c r="Z42" s="1423"/>
      <c r="AA42" s="1423"/>
      <c r="AB42" s="1423"/>
      <c r="AC42" s="1423"/>
      <c r="AD42" s="1423"/>
      <c r="AE42" s="1423"/>
      <c r="AF42" s="1423"/>
      <c r="AG42" s="1423"/>
      <c r="AH42" s="1423"/>
      <c r="AI42" s="1423"/>
      <c r="AJ42" s="1423"/>
      <c r="AK42" s="1423"/>
      <c r="AL42" s="740"/>
    </row>
    <row r="43" spans="2:38" ht="15" customHeight="1" x14ac:dyDescent="0.2">
      <c r="B43" s="1423"/>
      <c r="C43" s="1423"/>
      <c r="D43" s="1423"/>
      <c r="E43" s="1423"/>
      <c r="F43" s="1423"/>
      <c r="G43" s="1423"/>
      <c r="H43" s="1423"/>
      <c r="I43" s="1423"/>
      <c r="J43" s="1423"/>
      <c r="K43" s="1423"/>
      <c r="L43" s="1423"/>
      <c r="M43" s="1423"/>
      <c r="N43" s="1423"/>
      <c r="O43" s="1423"/>
      <c r="P43" s="1423"/>
      <c r="Q43" s="1423"/>
      <c r="R43" s="1423"/>
      <c r="S43" s="1423"/>
      <c r="T43" s="1423"/>
      <c r="U43" s="1423"/>
      <c r="V43" s="1423"/>
      <c r="W43" s="1423"/>
      <c r="X43" s="1423"/>
      <c r="Y43" s="1423"/>
      <c r="Z43" s="1423"/>
      <c r="AA43" s="1423"/>
      <c r="AB43" s="1423"/>
      <c r="AC43" s="1423"/>
      <c r="AD43" s="1423"/>
      <c r="AE43" s="1423"/>
      <c r="AF43" s="1423"/>
      <c r="AG43" s="1423"/>
      <c r="AH43" s="1423"/>
      <c r="AI43" s="1423"/>
      <c r="AJ43" s="1423"/>
      <c r="AK43" s="1423"/>
      <c r="AL43" s="740"/>
    </row>
    <row r="44" spans="2:38" ht="15" customHeight="1" x14ac:dyDescent="0.2">
      <c r="B44" s="1423"/>
      <c r="C44" s="1423"/>
      <c r="D44" s="1423"/>
      <c r="E44" s="1423"/>
      <c r="F44" s="1423"/>
      <c r="G44" s="1423"/>
      <c r="H44" s="1423"/>
      <c r="I44" s="1423"/>
      <c r="J44" s="1423"/>
      <c r="K44" s="1423"/>
      <c r="L44" s="1423"/>
      <c r="M44" s="1423"/>
      <c r="N44" s="1423"/>
      <c r="O44" s="1423"/>
      <c r="P44" s="1423"/>
      <c r="Q44" s="1423"/>
      <c r="R44" s="1423"/>
      <c r="S44" s="1423"/>
      <c r="T44" s="1423"/>
      <c r="U44" s="1423"/>
      <c r="V44" s="1423"/>
      <c r="W44" s="1423"/>
      <c r="X44" s="1423"/>
      <c r="Y44" s="1423"/>
      <c r="Z44" s="1423"/>
      <c r="AA44" s="1423"/>
      <c r="AB44" s="1423"/>
      <c r="AC44" s="1423"/>
      <c r="AD44" s="1423"/>
      <c r="AE44" s="1423"/>
      <c r="AF44" s="1423"/>
      <c r="AG44" s="1423"/>
      <c r="AH44" s="1423"/>
      <c r="AI44" s="1423"/>
      <c r="AJ44" s="1423"/>
      <c r="AK44" s="1423"/>
      <c r="AL44" s="740"/>
    </row>
    <row r="45" spans="2:38" ht="15" customHeight="1" x14ac:dyDescent="0.2">
      <c r="B45" s="1423"/>
      <c r="C45" s="1423"/>
      <c r="D45" s="1423"/>
      <c r="E45" s="1423"/>
      <c r="F45" s="1423"/>
      <c r="G45" s="1423"/>
      <c r="H45" s="1423"/>
      <c r="I45" s="1423"/>
      <c r="J45" s="1423"/>
      <c r="K45" s="1423"/>
      <c r="L45" s="1423"/>
      <c r="M45" s="1423"/>
      <c r="N45" s="1423"/>
      <c r="O45" s="1423"/>
      <c r="P45" s="1423"/>
      <c r="Q45" s="1423"/>
      <c r="R45" s="1423"/>
      <c r="S45" s="1423"/>
      <c r="T45" s="1423"/>
      <c r="U45" s="1423"/>
      <c r="V45" s="1423"/>
      <c r="W45" s="1423"/>
      <c r="X45" s="1423"/>
      <c r="Y45" s="1423"/>
      <c r="Z45" s="1423"/>
      <c r="AA45" s="1423"/>
      <c r="AB45" s="1423"/>
      <c r="AC45" s="1423"/>
      <c r="AD45" s="1423"/>
      <c r="AE45" s="1423"/>
      <c r="AF45" s="1423"/>
      <c r="AG45" s="1423"/>
      <c r="AH45" s="1423"/>
      <c r="AI45" s="1423"/>
      <c r="AJ45" s="1423"/>
      <c r="AK45" s="1423"/>
      <c r="AL45" s="740"/>
    </row>
    <row r="46" spans="2:38" ht="37.5" customHeight="1" x14ac:dyDescent="0.2">
      <c r="B46" s="1423"/>
      <c r="C46" s="1423"/>
      <c r="D46" s="1423"/>
      <c r="E46" s="1423"/>
      <c r="F46" s="1423"/>
      <c r="G46" s="1423"/>
      <c r="H46" s="1423"/>
      <c r="I46" s="1423"/>
      <c r="J46" s="1423"/>
      <c r="K46" s="1423"/>
      <c r="L46" s="1423"/>
      <c r="M46" s="1423"/>
      <c r="N46" s="1423"/>
      <c r="O46" s="1423"/>
      <c r="P46" s="1423"/>
      <c r="Q46" s="1423"/>
      <c r="R46" s="1423"/>
      <c r="S46" s="1423"/>
      <c r="T46" s="1423"/>
      <c r="U46" s="1423"/>
      <c r="V46" s="1423"/>
      <c r="W46" s="1423"/>
      <c r="X46" s="1423"/>
      <c r="Y46" s="1423"/>
      <c r="Z46" s="1423"/>
      <c r="AA46" s="1423"/>
      <c r="AB46" s="1423"/>
      <c r="AC46" s="1423"/>
      <c r="AD46" s="1423"/>
      <c r="AE46" s="1423"/>
      <c r="AF46" s="1423"/>
      <c r="AG46" s="1423"/>
      <c r="AH46" s="1423"/>
      <c r="AI46" s="1423"/>
      <c r="AJ46" s="1423"/>
      <c r="AK46" s="1423"/>
      <c r="AL46" s="740"/>
    </row>
    <row r="47" spans="2:38" s="741" customFormat="1" ht="36.75" customHeight="1" x14ac:dyDescent="0.2">
      <c r="B47" s="1422" t="s">
        <v>1250</v>
      </c>
      <c r="C47" s="1422"/>
      <c r="D47" s="1422"/>
      <c r="E47" s="1422"/>
      <c r="F47" s="1422"/>
      <c r="G47" s="1422"/>
      <c r="H47" s="1422"/>
      <c r="I47" s="1422"/>
      <c r="J47" s="1422"/>
      <c r="K47" s="1422"/>
      <c r="L47" s="1422"/>
      <c r="M47" s="1422"/>
      <c r="N47" s="1422"/>
      <c r="O47" s="1422"/>
      <c r="P47" s="1422"/>
      <c r="Q47" s="1422"/>
      <c r="R47" s="1422"/>
      <c r="S47" s="1422"/>
      <c r="T47" s="1422"/>
      <c r="U47" s="1422"/>
      <c r="V47" s="1422"/>
      <c r="W47" s="1422"/>
      <c r="X47" s="1422"/>
      <c r="Y47" s="1422"/>
      <c r="Z47" s="1422"/>
      <c r="AA47" s="1422"/>
      <c r="AB47" s="1422"/>
      <c r="AC47" s="1422"/>
      <c r="AD47" s="1422"/>
      <c r="AE47" s="1422"/>
      <c r="AF47" s="1422"/>
      <c r="AG47" s="1422"/>
      <c r="AH47" s="1422"/>
      <c r="AI47" s="1422"/>
      <c r="AJ47" s="1422"/>
      <c r="AK47" s="1422"/>
    </row>
    <row r="48" spans="2:38" s="741" customFormat="1" ht="36" customHeight="1" x14ac:dyDescent="0.2">
      <c r="B48" s="1423" t="s">
        <v>1251</v>
      </c>
      <c r="C48" s="1423"/>
      <c r="D48" s="1423"/>
      <c r="E48" s="1423"/>
      <c r="F48" s="1423"/>
      <c r="G48" s="1423"/>
      <c r="H48" s="1423"/>
      <c r="I48" s="1423"/>
      <c r="J48" s="1423"/>
      <c r="K48" s="1423"/>
      <c r="L48" s="1423"/>
      <c r="M48" s="1423"/>
      <c r="N48" s="1423"/>
      <c r="O48" s="1423"/>
      <c r="P48" s="1423"/>
      <c r="Q48" s="1423"/>
      <c r="R48" s="1423"/>
      <c r="S48" s="1423"/>
      <c r="T48" s="1423"/>
      <c r="U48" s="1423"/>
      <c r="V48" s="1423"/>
      <c r="W48" s="1423"/>
      <c r="X48" s="1423"/>
      <c r="Y48" s="1423"/>
      <c r="Z48" s="1423"/>
      <c r="AA48" s="1423"/>
      <c r="AB48" s="1423"/>
      <c r="AC48" s="1423"/>
      <c r="AD48" s="1423"/>
      <c r="AE48" s="1423"/>
      <c r="AF48" s="1423"/>
      <c r="AG48" s="1423"/>
      <c r="AH48" s="1423"/>
      <c r="AI48" s="1423"/>
      <c r="AJ48" s="1423"/>
      <c r="AK48" s="1423"/>
    </row>
    <row r="49" spans="2:37" s="741" customFormat="1" ht="21" customHeight="1" x14ac:dyDescent="0.2">
      <c r="B49" s="741" t="s">
        <v>1252</v>
      </c>
      <c r="AK49" s="742"/>
    </row>
    <row r="50" spans="2:37" s="741" customFormat="1" ht="21" customHeight="1" x14ac:dyDescent="0.2">
      <c r="B50" s="741" t="s">
        <v>1252</v>
      </c>
      <c r="AK50" s="742"/>
    </row>
  </sheetData>
  <protectedRanges>
    <protectedRange sqref="L7:Y7 AG7:AJ7 L6:AJ6 L8:AJ8" name="範囲1"/>
  </protectedRanges>
  <mergeCells count="90">
    <mergeCell ref="B47:AK47"/>
    <mergeCell ref="B48:AK48"/>
    <mergeCell ref="C33:R33"/>
    <mergeCell ref="S33:AJ33"/>
    <mergeCell ref="B35:G35"/>
    <mergeCell ref="H35:AJ35"/>
    <mergeCell ref="B37:AK41"/>
    <mergeCell ref="B42:AK46"/>
    <mergeCell ref="B30:R30"/>
    <mergeCell ref="S30:AJ30"/>
    <mergeCell ref="C31:R31"/>
    <mergeCell ref="S31:AJ31"/>
    <mergeCell ref="C32:R32"/>
    <mergeCell ref="S32:AJ32"/>
    <mergeCell ref="B27:AJ27"/>
    <mergeCell ref="B28:R28"/>
    <mergeCell ref="S28:AB28"/>
    <mergeCell ref="AE28:AJ28"/>
    <mergeCell ref="B29:R29"/>
    <mergeCell ref="S29:AB29"/>
    <mergeCell ref="AE29:AJ29"/>
    <mergeCell ref="C24:K24"/>
    <mergeCell ref="L24:X24"/>
    <mergeCell ref="Y24:AD24"/>
    <mergeCell ref="AE24:AJ24"/>
    <mergeCell ref="B25:K25"/>
    <mergeCell ref="L25:P25"/>
    <mergeCell ref="Q25:R25"/>
    <mergeCell ref="S25:AD25"/>
    <mergeCell ref="AE25:AJ25"/>
    <mergeCell ref="C22:K22"/>
    <mergeCell ref="L22:X22"/>
    <mergeCell ref="Y22:AD22"/>
    <mergeCell ref="AE22:AJ22"/>
    <mergeCell ref="C23:K23"/>
    <mergeCell ref="L23:X23"/>
    <mergeCell ref="Y23:AD23"/>
    <mergeCell ref="AE23:AJ23"/>
    <mergeCell ref="C20:K20"/>
    <mergeCell ref="L20:X20"/>
    <mergeCell ref="Y20:AD20"/>
    <mergeCell ref="AE20:AJ20"/>
    <mergeCell ref="C21:K21"/>
    <mergeCell ref="L21:X21"/>
    <mergeCell ref="Y21:AD21"/>
    <mergeCell ref="AE21:AJ21"/>
    <mergeCell ref="C18:K18"/>
    <mergeCell ref="L18:X18"/>
    <mergeCell ref="Y18:AD18"/>
    <mergeCell ref="AE18:AJ18"/>
    <mergeCell ref="C19:K19"/>
    <mergeCell ref="L19:X19"/>
    <mergeCell ref="Y19:AD19"/>
    <mergeCell ref="AE19:AJ19"/>
    <mergeCell ref="C16:K16"/>
    <mergeCell ref="L16:X16"/>
    <mergeCell ref="Y16:AD16"/>
    <mergeCell ref="AE16:AJ16"/>
    <mergeCell ref="C17:K17"/>
    <mergeCell ref="L17:X17"/>
    <mergeCell ref="Y17:AD17"/>
    <mergeCell ref="AE17:AJ17"/>
    <mergeCell ref="B14:K14"/>
    <mergeCell ref="L14:X14"/>
    <mergeCell ref="Y14:AD14"/>
    <mergeCell ref="AE14:AJ14"/>
    <mergeCell ref="C15:K15"/>
    <mergeCell ref="L15:X15"/>
    <mergeCell ref="Y15:AD15"/>
    <mergeCell ref="AE15:AJ15"/>
    <mergeCell ref="C12:R12"/>
    <mergeCell ref="S12:AB12"/>
    <mergeCell ref="AE12:AJ12"/>
    <mergeCell ref="B13:R13"/>
    <mergeCell ref="S13:AB13"/>
    <mergeCell ref="AE13:AJ13"/>
    <mergeCell ref="B8:K8"/>
    <mergeCell ref="L8:AJ8"/>
    <mergeCell ref="B10:AJ10"/>
    <mergeCell ref="B11:R11"/>
    <mergeCell ref="S11:AB11"/>
    <mergeCell ref="AE11:AJ11"/>
    <mergeCell ref="AA2:AJ2"/>
    <mergeCell ref="B4:AJ4"/>
    <mergeCell ref="B6:K6"/>
    <mergeCell ref="L6:AJ6"/>
    <mergeCell ref="B7:K7"/>
    <mergeCell ref="L7:Y7"/>
    <mergeCell ref="Z7:AF7"/>
    <mergeCell ref="AG7:AJ7"/>
  </mergeCells>
  <phoneticPr fontId="6"/>
  <pageMargins left="0.62986111111111109" right="0.62986111111111109" top="0.55138888888888893" bottom="0.31527777777777777" header="0.51180555555555551" footer="0.51180555555555551"/>
  <pageSetup paperSize="9" scale="77" firstPageNumber="0" orientation="portrait" cellComments="atEnd" horizontalDpi="300" verticalDpi="300" r:id="rId1"/>
  <headerFooter alignWithMargins="0"/>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pageSetUpPr fitToPage="1"/>
  </sheetPr>
  <dimension ref="A1:M29"/>
  <sheetViews>
    <sheetView showGridLines="0" view="pageBreakPreview" zoomScaleNormal="100" zoomScaleSheetLayoutView="100" workbookViewId="0">
      <selection activeCell="B2" sqref="B2:I2"/>
    </sheetView>
  </sheetViews>
  <sheetFormatPr defaultColWidth="9" defaultRowHeight="13.2" x14ac:dyDescent="0.2"/>
  <cols>
    <col min="1" max="1" width="1.6640625" style="56" customWidth="1"/>
    <col min="2" max="3" width="10.109375" style="56" customWidth="1"/>
    <col min="4" max="4" width="3.44140625" style="56" customWidth="1"/>
    <col min="5" max="7" width="2.88671875" style="56" customWidth="1"/>
    <col min="8" max="8" width="20.44140625" style="56" customWidth="1"/>
    <col min="9" max="9" width="4.6640625" style="56" customWidth="1"/>
    <col min="10" max="10" width="20.6640625" style="56" customWidth="1"/>
    <col min="11" max="11" width="4.6640625" style="56" customWidth="1"/>
    <col min="12" max="12" width="20.6640625" style="56" customWidth="1"/>
    <col min="13" max="13" width="3.44140625" style="56" customWidth="1"/>
    <col min="14" max="14" width="1.88671875" style="56" customWidth="1"/>
    <col min="15" max="16384" width="9" style="56"/>
  </cols>
  <sheetData>
    <row r="1" spans="1:13" ht="17.25" customHeight="1" x14ac:dyDescent="0.2">
      <c r="A1" s="817"/>
      <c r="B1" s="1071" t="s">
        <v>1788</v>
      </c>
      <c r="C1" s="792"/>
      <c r="D1" s="792"/>
      <c r="E1" s="792"/>
      <c r="F1" s="792"/>
      <c r="G1" s="792"/>
      <c r="H1" s="792"/>
      <c r="I1" s="792"/>
      <c r="J1" s="792"/>
      <c r="K1" s="792"/>
      <c r="L1" s="1042"/>
      <c r="M1" s="792"/>
    </row>
    <row r="2" spans="1:13" ht="19.5" customHeight="1" x14ac:dyDescent="0.2">
      <c r="A2" s="817"/>
      <c r="B2" s="792"/>
      <c r="C2" s="792"/>
      <c r="D2" s="792"/>
      <c r="E2" s="792"/>
      <c r="F2" s="792"/>
      <c r="G2" s="792"/>
      <c r="H2" s="792"/>
      <c r="I2" s="792"/>
      <c r="J2" s="792"/>
      <c r="K2" s="792"/>
      <c r="L2" s="1304" t="s">
        <v>723</v>
      </c>
      <c r="M2" s="1304"/>
    </row>
    <row r="3" spans="1:13" ht="24" customHeight="1" x14ac:dyDescent="0.2">
      <c r="A3" s="3057" t="s">
        <v>1789</v>
      </c>
      <c r="B3" s="3057"/>
      <c r="C3" s="3057"/>
      <c r="D3" s="3057"/>
      <c r="E3" s="3057"/>
      <c r="F3" s="3057"/>
      <c r="G3" s="3057"/>
      <c r="H3" s="3057"/>
      <c r="I3" s="3057"/>
      <c r="J3" s="3057"/>
      <c r="K3" s="3057"/>
      <c r="L3" s="3057"/>
      <c r="M3" s="3057"/>
    </row>
    <row r="4" spans="1:13" ht="17.25" customHeight="1" x14ac:dyDescent="0.2">
      <c r="A4" s="819"/>
      <c r="B4" s="819"/>
      <c r="C4" s="819"/>
      <c r="D4" s="819"/>
      <c r="E4" s="819"/>
      <c r="F4" s="819"/>
      <c r="G4" s="819"/>
      <c r="H4" s="819"/>
      <c r="I4" s="819"/>
      <c r="J4" s="819"/>
      <c r="K4" s="819"/>
      <c r="L4" s="819"/>
      <c r="M4" s="819"/>
    </row>
    <row r="5" spans="1:13" ht="36" customHeight="1" x14ac:dyDescent="0.2">
      <c r="A5" s="819"/>
      <c r="B5" s="3058" t="s">
        <v>60</v>
      </c>
      <c r="C5" s="3059"/>
      <c r="D5" s="3060"/>
      <c r="E5" s="3060"/>
      <c r="F5" s="3060"/>
      <c r="G5" s="3060"/>
      <c r="H5" s="3060"/>
      <c r="I5" s="3060"/>
      <c r="J5" s="3060"/>
      <c r="K5" s="3060"/>
      <c r="L5" s="3060"/>
      <c r="M5" s="3060"/>
    </row>
    <row r="6" spans="1:13" ht="36" customHeight="1" x14ac:dyDescent="0.2">
      <c r="A6" s="819"/>
      <c r="B6" s="3058" t="s">
        <v>1790</v>
      </c>
      <c r="C6" s="3059"/>
      <c r="D6" s="3061" t="s">
        <v>1791</v>
      </c>
      <c r="E6" s="3062"/>
      <c r="F6" s="3062"/>
      <c r="G6" s="3062"/>
      <c r="H6" s="3062"/>
      <c r="I6" s="3062"/>
      <c r="J6" s="3062"/>
      <c r="K6" s="3062"/>
      <c r="L6" s="3062"/>
      <c r="M6" s="3063"/>
    </row>
    <row r="7" spans="1:13" ht="46.5" customHeight="1" x14ac:dyDescent="0.2">
      <c r="A7" s="792"/>
      <c r="B7" s="3068" t="s">
        <v>38</v>
      </c>
      <c r="C7" s="3068"/>
      <c r="D7" s="3069" t="s">
        <v>1792</v>
      </c>
      <c r="E7" s="3069"/>
      <c r="F7" s="3069"/>
      <c r="G7" s="3069"/>
      <c r="H7" s="3069"/>
      <c r="I7" s="3069"/>
      <c r="J7" s="3069"/>
      <c r="K7" s="3069"/>
      <c r="L7" s="3069"/>
      <c r="M7" s="3070"/>
    </row>
    <row r="8" spans="1:13" ht="15" customHeight="1" x14ac:dyDescent="0.2">
      <c r="A8" s="792"/>
      <c r="B8" s="3071" t="s">
        <v>526</v>
      </c>
      <c r="C8" s="3072"/>
      <c r="D8" s="1072"/>
      <c r="E8" s="1073"/>
      <c r="F8" s="1073"/>
      <c r="G8" s="1073"/>
      <c r="H8" s="1073"/>
      <c r="I8" s="1073"/>
      <c r="J8" s="1073"/>
      <c r="K8" s="1073"/>
      <c r="L8" s="1073"/>
      <c r="M8" s="1074"/>
    </row>
    <row r="9" spans="1:13" ht="33" customHeight="1" x14ac:dyDescent="0.2">
      <c r="A9" s="792"/>
      <c r="B9" s="3073"/>
      <c r="C9" s="3074"/>
      <c r="D9" s="1075"/>
      <c r="E9" s="3077"/>
      <c r="F9" s="3062"/>
      <c r="G9" s="3062"/>
      <c r="H9" s="3063"/>
      <c r="I9" s="3078" t="s">
        <v>442</v>
      </c>
      <c r="J9" s="3078"/>
      <c r="K9" s="3078" t="s">
        <v>443</v>
      </c>
      <c r="L9" s="3078"/>
      <c r="M9" s="824"/>
    </row>
    <row r="10" spans="1:13" ht="32.25" customHeight="1" x14ac:dyDescent="0.2">
      <c r="A10" s="792"/>
      <c r="B10" s="3073"/>
      <c r="C10" s="3074"/>
      <c r="D10" s="1075"/>
      <c r="E10" s="3079" t="s">
        <v>444</v>
      </c>
      <c r="F10" s="3080"/>
      <c r="G10" s="3080"/>
      <c r="H10" s="3081"/>
      <c r="I10" s="3067" t="s">
        <v>445</v>
      </c>
      <c r="J10" s="3067"/>
      <c r="K10" s="3067" t="s">
        <v>445</v>
      </c>
      <c r="L10" s="3067"/>
      <c r="M10" s="824"/>
    </row>
    <row r="11" spans="1:13" ht="32.25" customHeight="1" x14ac:dyDescent="0.2">
      <c r="A11" s="792"/>
      <c r="B11" s="3073"/>
      <c r="C11" s="3074"/>
      <c r="D11" s="1075"/>
      <c r="E11" s="3082" t="s">
        <v>903</v>
      </c>
      <c r="F11" s="3083"/>
      <c r="G11" s="3083"/>
      <c r="H11" s="3084"/>
      <c r="I11" s="3067" t="s">
        <v>445</v>
      </c>
      <c r="J11" s="3067"/>
      <c r="K11" s="3067" t="s">
        <v>445</v>
      </c>
      <c r="L11" s="3067"/>
      <c r="M11" s="824"/>
    </row>
    <row r="12" spans="1:13" ht="43.5" customHeight="1" x14ac:dyDescent="0.2">
      <c r="A12" s="792"/>
      <c r="B12" s="3073"/>
      <c r="C12" s="3074"/>
      <c r="D12" s="1075"/>
      <c r="E12" s="1076"/>
      <c r="F12" s="3085" t="s">
        <v>1793</v>
      </c>
      <c r="G12" s="3085"/>
      <c r="H12" s="3085"/>
      <c r="I12" s="3067" t="s">
        <v>445</v>
      </c>
      <c r="J12" s="3067"/>
      <c r="K12" s="3067" t="s">
        <v>445</v>
      </c>
      <c r="L12" s="3067"/>
      <c r="M12" s="824"/>
    </row>
    <row r="13" spans="1:13" ht="32.25" customHeight="1" x14ac:dyDescent="0.2">
      <c r="A13" s="792"/>
      <c r="B13" s="3073"/>
      <c r="C13" s="3074"/>
      <c r="D13" s="1075"/>
      <c r="E13" s="1076"/>
      <c r="F13" s="3064" t="s">
        <v>1794</v>
      </c>
      <c r="G13" s="3065"/>
      <c r="H13" s="3066"/>
      <c r="I13" s="3067" t="s">
        <v>445</v>
      </c>
      <c r="J13" s="3067"/>
      <c r="K13" s="3067" t="s">
        <v>445</v>
      </c>
      <c r="L13" s="3067"/>
      <c r="M13" s="824"/>
    </row>
    <row r="14" spans="1:13" ht="48.75" customHeight="1" x14ac:dyDescent="0.2">
      <c r="A14" s="792"/>
      <c r="B14" s="3073"/>
      <c r="C14" s="3074"/>
      <c r="D14" s="1075"/>
      <c r="E14" s="1077"/>
      <c r="F14" s="3086" t="s">
        <v>1795</v>
      </c>
      <c r="G14" s="3085"/>
      <c r="H14" s="3085"/>
      <c r="I14" s="3067" t="s">
        <v>445</v>
      </c>
      <c r="J14" s="3067"/>
      <c r="K14" s="3067" t="s">
        <v>445</v>
      </c>
      <c r="L14" s="3067"/>
      <c r="M14" s="824"/>
    </row>
    <row r="15" spans="1:13" ht="32.25" customHeight="1" x14ac:dyDescent="0.2">
      <c r="A15" s="792"/>
      <c r="B15" s="3073"/>
      <c r="C15" s="3074"/>
      <c r="D15" s="1075"/>
      <c r="E15" s="3087" t="s">
        <v>901</v>
      </c>
      <c r="F15" s="3088"/>
      <c r="G15" s="3088"/>
      <c r="H15" s="3089"/>
      <c r="I15" s="3067" t="s">
        <v>445</v>
      </c>
      <c r="J15" s="3067"/>
      <c r="K15" s="3067" t="s">
        <v>445</v>
      </c>
      <c r="L15" s="3067"/>
      <c r="M15" s="824"/>
    </row>
    <row r="16" spans="1:13" ht="54.75" customHeight="1" x14ac:dyDescent="0.2">
      <c r="A16" s="792"/>
      <c r="B16" s="3073"/>
      <c r="C16" s="3074"/>
      <c r="D16" s="1075"/>
      <c r="E16" s="3087" t="s">
        <v>1796</v>
      </c>
      <c r="F16" s="3088"/>
      <c r="G16" s="3088"/>
      <c r="H16" s="3089"/>
      <c r="I16" s="3091" t="s">
        <v>1797</v>
      </c>
      <c r="J16" s="3092"/>
      <c r="K16" s="3091" t="s">
        <v>1797</v>
      </c>
      <c r="L16" s="3092"/>
      <c r="M16" s="824"/>
    </row>
    <row r="17" spans="1:13" ht="15" customHeight="1" x14ac:dyDescent="0.2">
      <c r="A17" s="792"/>
      <c r="B17" s="3075"/>
      <c r="C17" s="3076"/>
      <c r="D17" s="1078"/>
      <c r="E17" s="1079"/>
      <c r="F17" s="1079"/>
      <c r="G17" s="1079"/>
      <c r="H17" s="1079"/>
      <c r="I17" s="1079"/>
      <c r="J17" s="1079"/>
      <c r="K17" s="1079"/>
      <c r="L17" s="1079"/>
      <c r="M17" s="1080"/>
    </row>
    <row r="18" spans="1:13" ht="13.5" customHeight="1" x14ac:dyDescent="0.2">
      <c r="A18" s="792"/>
      <c r="B18" s="792"/>
      <c r="C18" s="792"/>
      <c r="D18" s="792"/>
      <c r="E18" s="792"/>
      <c r="F18" s="792"/>
      <c r="G18" s="792"/>
      <c r="H18" s="792"/>
      <c r="I18" s="792"/>
      <c r="J18" s="792"/>
      <c r="K18" s="792"/>
      <c r="L18" s="792"/>
      <c r="M18" s="792"/>
    </row>
    <row r="19" spans="1:13" ht="18.75" customHeight="1" x14ac:dyDescent="0.2">
      <c r="A19" s="792"/>
      <c r="B19" s="1081" t="s">
        <v>1798</v>
      </c>
      <c r="C19" s="3090" t="s">
        <v>900</v>
      </c>
      <c r="D19" s="3090"/>
      <c r="E19" s="3090"/>
      <c r="F19" s="3090"/>
      <c r="G19" s="3090"/>
      <c r="H19" s="3090"/>
      <c r="I19" s="3090"/>
      <c r="J19" s="3090"/>
      <c r="K19" s="3090"/>
      <c r="L19" s="3090"/>
      <c r="M19" s="3090"/>
    </row>
    <row r="20" spans="1:13" ht="31.5" customHeight="1" x14ac:dyDescent="0.2">
      <c r="A20" s="792"/>
      <c r="B20" s="1081" t="s">
        <v>899</v>
      </c>
      <c r="C20" s="3090" t="s">
        <v>1799</v>
      </c>
      <c r="D20" s="3090"/>
      <c r="E20" s="3090"/>
      <c r="F20" s="3090"/>
      <c r="G20" s="3090"/>
      <c r="H20" s="3090"/>
      <c r="I20" s="3090"/>
      <c r="J20" s="3090"/>
      <c r="K20" s="3090"/>
      <c r="L20" s="3090"/>
      <c r="M20" s="3090"/>
    </row>
    <row r="21" spans="1:13" ht="36" customHeight="1" x14ac:dyDescent="0.2">
      <c r="A21" s="792"/>
      <c r="B21" s="1081" t="s">
        <v>897</v>
      </c>
      <c r="C21" s="3090" t="s">
        <v>1800</v>
      </c>
      <c r="D21" s="3090"/>
      <c r="E21" s="3090"/>
      <c r="F21" s="3090"/>
      <c r="G21" s="3090"/>
      <c r="H21" s="3090"/>
      <c r="I21" s="3090"/>
      <c r="J21" s="3090"/>
      <c r="K21" s="3090"/>
      <c r="L21" s="3090"/>
      <c r="M21" s="3090"/>
    </row>
    <row r="22" spans="1:13" ht="48" customHeight="1" x14ac:dyDescent="0.2">
      <c r="A22" s="792"/>
      <c r="B22" s="1081" t="s">
        <v>895</v>
      </c>
      <c r="C22" s="3090" t="s">
        <v>1801</v>
      </c>
      <c r="D22" s="3090"/>
      <c r="E22" s="3090"/>
      <c r="F22" s="3090"/>
      <c r="G22" s="3090"/>
      <c r="H22" s="3090"/>
      <c r="I22" s="3090"/>
      <c r="J22" s="3090"/>
      <c r="K22" s="3090"/>
      <c r="L22" s="3090"/>
      <c r="M22" s="3090"/>
    </row>
    <row r="23" spans="1:13" ht="36" customHeight="1" x14ac:dyDescent="0.2">
      <c r="A23" s="792"/>
      <c r="B23" s="1081" t="s">
        <v>1802</v>
      </c>
      <c r="C23" s="3090" t="s">
        <v>1803</v>
      </c>
      <c r="D23" s="3090"/>
      <c r="E23" s="3090"/>
      <c r="F23" s="3090"/>
      <c r="G23" s="3090"/>
      <c r="H23" s="3090"/>
      <c r="I23" s="3090"/>
      <c r="J23" s="3090"/>
      <c r="K23" s="3090"/>
      <c r="L23" s="3090"/>
      <c r="M23" s="3090"/>
    </row>
    <row r="24" spans="1:13" ht="36.75" customHeight="1" x14ac:dyDescent="0.2">
      <c r="A24" s="792"/>
      <c r="B24" s="1081" t="s">
        <v>1804</v>
      </c>
      <c r="C24" s="3090" t="s">
        <v>1805</v>
      </c>
      <c r="D24" s="3090"/>
      <c r="E24" s="3090"/>
      <c r="F24" s="3090"/>
      <c r="G24" s="3090"/>
      <c r="H24" s="3090"/>
      <c r="I24" s="3090"/>
      <c r="J24" s="3090"/>
      <c r="K24" s="3090"/>
      <c r="L24" s="3090"/>
      <c r="M24" s="3090"/>
    </row>
    <row r="25" spans="1:13" ht="21.75" customHeight="1" x14ac:dyDescent="0.2">
      <c r="A25" s="792"/>
      <c r="B25" s="1081" t="s">
        <v>892</v>
      </c>
      <c r="C25" s="3093" t="s">
        <v>1806</v>
      </c>
      <c r="D25" s="3093"/>
      <c r="E25" s="3093"/>
      <c r="F25" s="3093"/>
      <c r="G25" s="3093"/>
      <c r="H25" s="3093"/>
      <c r="I25" s="3093"/>
      <c r="J25" s="3093"/>
      <c r="K25" s="3093"/>
      <c r="L25" s="3093"/>
      <c r="M25" s="3093"/>
    </row>
    <row r="26" spans="1:13" ht="22.5" customHeight="1" x14ac:dyDescent="0.2">
      <c r="A26" s="792"/>
      <c r="B26" s="1081" t="s">
        <v>891</v>
      </c>
      <c r="C26" s="3093" t="s">
        <v>1807</v>
      </c>
      <c r="D26" s="3093"/>
      <c r="E26" s="3093"/>
      <c r="F26" s="3093"/>
      <c r="G26" s="3093"/>
      <c r="H26" s="3093"/>
      <c r="I26" s="3093"/>
      <c r="J26" s="3093"/>
      <c r="K26" s="3093"/>
      <c r="L26" s="3093"/>
      <c r="M26" s="3093"/>
    </row>
    <row r="27" spans="1:13" ht="14.25" customHeight="1" x14ac:dyDescent="0.2">
      <c r="A27" s="792"/>
      <c r="B27" s="1081" t="s">
        <v>890</v>
      </c>
      <c r="C27" s="3090" t="s">
        <v>1808</v>
      </c>
      <c r="D27" s="3090"/>
      <c r="E27" s="3090"/>
      <c r="F27" s="3090"/>
      <c r="G27" s="3090"/>
      <c r="H27" s="3090"/>
      <c r="I27" s="3090"/>
      <c r="J27" s="3090"/>
      <c r="K27" s="3090"/>
      <c r="L27" s="3090"/>
      <c r="M27" s="3090"/>
    </row>
    <row r="29" spans="1:13" x14ac:dyDescent="0.2">
      <c r="D29" s="56" t="s">
        <v>1809</v>
      </c>
    </row>
  </sheetData>
  <mergeCells count="42">
    <mergeCell ref="E15:H15"/>
    <mergeCell ref="I15:J15"/>
    <mergeCell ref="K15:L15"/>
    <mergeCell ref="C27:M27"/>
    <mergeCell ref="E16:H16"/>
    <mergeCell ref="I16:J16"/>
    <mergeCell ref="K16:L16"/>
    <mergeCell ref="C19:M19"/>
    <mergeCell ref="C20:M20"/>
    <mergeCell ref="C21:M21"/>
    <mergeCell ref="C22:M22"/>
    <mergeCell ref="C23:M23"/>
    <mergeCell ref="C24:M24"/>
    <mergeCell ref="C25:M25"/>
    <mergeCell ref="C26:M26"/>
    <mergeCell ref="I12:J12"/>
    <mergeCell ref="K12:L12"/>
    <mergeCell ref="F14:H14"/>
    <mergeCell ref="I14:J14"/>
    <mergeCell ref="K14:L14"/>
    <mergeCell ref="F13:H13"/>
    <mergeCell ref="I13:J13"/>
    <mergeCell ref="K13:L13"/>
    <mergeCell ref="B7:C7"/>
    <mergeCell ref="D7:M7"/>
    <mergeCell ref="B8:C17"/>
    <mergeCell ref="E9:H9"/>
    <mergeCell ref="I9:J9"/>
    <mergeCell ref="K9:L9"/>
    <mergeCell ref="E10:H10"/>
    <mergeCell ref="I10:J10"/>
    <mergeCell ref="K10:L10"/>
    <mergeCell ref="E11:H11"/>
    <mergeCell ref="I11:J11"/>
    <mergeCell ref="K11:L11"/>
    <mergeCell ref="F12:H12"/>
    <mergeCell ref="L2:M2"/>
    <mergeCell ref="A3:M3"/>
    <mergeCell ref="B5:C5"/>
    <mergeCell ref="D5:M5"/>
    <mergeCell ref="B6:C6"/>
    <mergeCell ref="D6:M6"/>
  </mergeCells>
  <phoneticPr fontId="6"/>
  <pageMargins left="0.7" right="0.7" top="0.75" bottom="0.75" header="0.3" footer="0.3"/>
  <pageSetup paperSize="9" scale="80" orientation="portrait" r:id="rId1"/>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B1:K50"/>
  <sheetViews>
    <sheetView showGridLines="0" view="pageBreakPreview" zoomScaleNormal="100" zoomScaleSheetLayoutView="100" workbookViewId="0">
      <selection activeCell="B2" sqref="B2:I2"/>
    </sheetView>
  </sheetViews>
  <sheetFormatPr defaultRowHeight="13.2" x14ac:dyDescent="0.2"/>
  <cols>
    <col min="1" max="1" width="1.44140625" style="1050" customWidth="1"/>
    <col min="2" max="2" width="9" style="1050"/>
    <col min="3" max="3" width="13.109375" style="1050" customWidth="1"/>
    <col min="4" max="8" width="10.6640625" style="1050" customWidth="1"/>
    <col min="9" max="9" width="12" style="1050" customWidth="1"/>
    <col min="10" max="10" width="2.109375" style="1050" customWidth="1"/>
    <col min="11" max="11" width="9" style="1050"/>
    <col min="12" max="12" width="1.44140625" style="1050" customWidth="1"/>
    <col min="13" max="256" width="9" style="1050"/>
    <col min="257" max="263" width="10.6640625" style="1050" customWidth="1"/>
    <col min="264" max="512" width="9" style="1050"/>
    <col min="513" max="519" width="10.6640625" style="1050" customWidth="1"/>
    <col min="520" max="768" width="9" style="1050"/>
    <col min="769" max="775" width="10.6640625" style="1050" customWidth="1"/>
    <col min="776" max="1024" width="9" style="1050"/>
    <col min="1025" max="1031" width="10.6640625" style="1050" customWidth="1"/>
    <col min="1032" max="1280" width="9" style="1050"/>
    <col min="1281" max="1287" width="10.6640625" style="1050" customWidth="1"/>
    <col min="1288" max="1536" width="9" style="1050"/>
    <col min="1537" max="1543" width="10.6640625" style="1050" customWidth="1"/>
    <col min="1544" max="1792" width="9" style="1050"/>
    <col min="1793" max="1799" width="10.6640625" style="1050" customWidth="1"/>
    <col min="1800" max="2048" width="9" style="1050"/>
    <col min="2049" max="2055" width="10.6640625" style="1050" customWidth="1"/>
    <col min="2056" max="2304" width="9" style="1050"/>
    <col min="2305" max="2311" width="10.6640625" style="1050" customWidth="1"/>
    <col min="2312" max="2560" width="9" style="1050"/>
    <col min="2561" max="2567" width="10.6640625" style="1050" customWidth="1"/>
    <col min="2568" max="2816" width="9" style="1050"/>
    <col min="2817" max="2823" width="10.6640625" style="1050" customWidth="1"/>
    <col min="2824" max="3072" width="9" style="1050"/>
    <col min="3073" max="3079" width="10.6640625" style="1050" customWidth="1"/>
    <col min="3080" max="3328" width="9" style="1050"/>
    <col min="3329" max="3335" width="10.6640625" style="1050" customWidth="1"/>
    <col min="3336" max="3584" width="9" style="1050"/>
    <col min="3585" max="3591" width="10.6640625" style="1050" customWidth="1"/>
    <col min="3592" max="3840" width="9" style="1050"/>
    <col min="3841" max="3847" width="10.6640625" style="1050" customWidth="1"/>
    <col min="3848" max="4096" width="9" style="1050"/>
    <col min="4097" max="4103" width="10.6640625" style="1050" customWidth="1"/>
    <col min="4104" max="4352" width="9" style="1050"/>
    <col min="4353" max="4359" width="10.6640625" style="1050" customWidth="1"/>
    <col min="4360" max="4608" width="9" style="1050"/>
    <col min="4609" max="4615" width="10.6640625" style="1050" customWidth="1"/>
    <col min="4616" max="4864" width="9" style="1050"/>
    <col min="4865" max="4871" width="10.6640625" style="1050" customWidth="1"/>
    <col min="4872" max="5120" width="9" style="1050"/>
    <col min="5121" max="5127" width="10.6640625" style="1050" customWidth="1"/>
    <col min="5128" max="5376" width="9" style="1050"/>
    <col min="5377" max="5383" width="10.6640625" style="1050" customWidth="1"/>
    <col min="5384" max="5632" width="9" style="1050"/>
    <col min="5633" max="5639" width="10.6640625" style="1050" customWidth="1"/>
    <col min="5640" max="5888" width="9" style="1050"/>
    <col min="5889" max="5895" width="10.6640625" style="1050" customWidth="1"/>
    <col min="5896" max="6144" width="9" style="1050"/>
    <col min="6145" max="6151" width="10.6640625" style="1050" customWidth="1"/>
    <col min="6152" max="6400" width="9" style="1050"/>
    <col min="6401" max="6407" width="10.6640625" style="1050" customWidth="1"/>
    <col min="6408" max="6656" width="9" style="1050"/>
    <col min="6657" max="6663" width="10.6640625" style="1050" customWidth="1"/>
    <col min="6664" max="6912" width="9" style="1050"/>
    <col min="6913" max="6919" width="10.6640625" style="1050" customWidth="1"/>
    <col min="6920" max="7168" width="9" style="1050"/>
    <col min="7169" max="7175" width="10.6640625" style="1050" customWidth="1"/>
    <col min="7176" max="7424" width="9" style="1050"/>
    <col min="7425" max="7431" width="10.6640625" style="1050" customWidth="1"/>
    <col min="7432" max="7680" width="9" style="1050"/>
    <col min="7681" max="7687" width="10.6640625" style="1050" customWidth="1"/>
    <col min="7688" max="7936" width="9" style="1050"/>
    <col min="7937" max="7943" width="10.6640625" style="1050" customWidth="1"/>
    <col min="7944" max="8192" width="9" style="1050"/>
    <col min="8193" max="8199" width="10.6640625" style="1050" customWidth="1"/>
    <col min="8200" max="8448" width="9" style="1050"/>
    <col min="8449" max="8455" width="10.6640625" style="1050" customWidth="1"/>
    <col min="8456" max="8704" width="9" style="1050"/>
    <col min="8705" max="8711" width="10.6640625" style="1050" customWidth="1"/>
    <col min="8712" max="8960" width="9" style="1050"/>
    <col min="8961" max="8967" width="10.6640625" style="1050" customWidth="1"/>
    <col min="8968" max="9216" width="9" style="1050"/>
    <col min="9217" max="9223" width="10.6640625" style="1050" customWidth="1"/>
    <col min="9224" max="9472" width="9" style="1050"/>
    <col min="9473" max="9479" width="10.6640625" style="1050" customWidth="1"/>
    <col min="9480" max="9728" width="9" style="1050"/>
    <col min="9729" max="9735" width="10.6640625" style="1050" customWidth="1"/>
    <col min="9736" max="9984" width="9" style="1050"/>
    <col min="9985" max="9991" width="10.6640625" style="1050" customWidth="1"/>
    <col min="9992" max="10240" width="9" style="1050"/>
    <col min="10241" max="10247" width="10.6640625" style="1050" customWidth="1"/>
    <col min="10248" max="10496" width="9" style="1050"/>
    <col min="10497" max="10503" width="10.6640625" style="1050" customWidth="1"/>
    <col min="10504" max="10752" width="9" style="1050"/>
    <col min="10753" max="10759" width="10.6640625" style="1050" customWidth="1"/>
    <col min="10760" max="11008" width="9" style="1050"/>
    <col min="11009" max="11015" width="10.6640625" style="1050" customWidth="1"/>
    <col min="11016" max="11264" width="9" style="1050"/>
    <col min="11265" max="11271" width="10.6640625" style="1050" customWidth="1"/>
    <col min="11272" max="11520" width="9" style="1050"/>
    <col min="11521" max="11527" width="10.6640625" style="1050" customWidth="1"/>
    <col min="11528" max="11776" width="9" style="1050"/>
    <col min="11777" max="11783" width="10.6640625" style="1050" customWidth="1"/>
    <col min="11784" max="12032" width="9" style="1050"/>
    <col min="12033" max="12039" width="10.6640625" style="1050" customWidth="1"/>
    <col min="12040" max="12288" width="9" style="1050"/>
    <col min="12289" max="12295" width="10.6640625" style="1050" customWidth="1"/>
    <col min="12296" max="12544" width="9" style="1050"/>
    <col min="12545" max="12551" width="10.6640625" style="1050" customWidth="1"/>
    <col min="12552" max="12800" width="9" style="1050"/>
    <col min="12801" max="12807" width="10.6640625" style="1050" customWidth="1"/>
    <col min="12808" max="13056" width="9" style="1050"/>
    <col min="13057" max="13063" width="10.6640625" style="1050" customWidth="1"/>
    <col min="13064" max="13312" width="9" style="1050"/>
    <col min="13313" max="13319" width="10.6640625" style="1050" customWidth="1"/>
    <col min="13320" max="13568" width="9" style="1050"/>
    <col min="13569" max="13575" width="10.6640625" style="1050" customWidth="1"/>
    <col min="13576" max="13824" width="9" style="1050"/>
    <col min="13825" max="13831" width="10.6640625" style="1050" customWidth="1"/>
    <col min="13832" max="14080" width="9" style="1050"/>
    <col min="14081" max="14087" width="10.6640625" style="1050" customWidth="1"/>
    <col min="14088" max="14336" width="9" style="1050"/>
    <col min="14337" max="14343" width="10.6640625" style="1050" customWidth="1"/>
    <col min="14344" max="14592" width="9" style="1050"/>
    <col min="14593" max="14599" width="10.6640625" style="1050" customWidth="1"/>
    <col min="14600" max="14848" width="9" style="1050"/>
    <col min="14849" max="14855" width="10.6640625" style="1050" customWidth="1"/>
    <col min="14856" max="15104" width="9" style="1050"/>
    <col min="15105" max="15111" width="10.6640625" style="1050" customWidth="1"/>
    <col min="15112" max="15360" width="9" style="1050"/>
    <col min="15361" max="15367" width="10.6640625" style="1050" customWidth="1"/>
    <col min="15368" max="15616" width="9" style="1050"/>
    <col min="15617" max="15623" width="10.6640625" style="1050" customWidth="1"/>
    <col min="15624" max="15872" width="9" style="1050"/>
    <col min="15873" max="15879" width="10.6640625" style="1050" customWidth="1"/>
    <col min="15880" max="16128" width="9" style="1050"/>
    <col min="16129" max="16135" width="10.6640625" style="1050" customWidth="1"/>
    <col min="16136" max="16384" width="9" style="1050"/>
  </cols>
  <sheetData>
    <row r="1" spans="2:11" ht="30.9" customHeight="1" x14ac:dyDescent="0.2">
      <c r="B1" s="1082" t="s">
        <v>1810</v>
      </c>
      <c r="C1" s="1049"/>
      <c r="D1" s="1049"/>
      <c r="E1" s="1049"/>
      <c r="F1" s="1049"/>
      <c r="G1" s="1049"/>
      <c r="H1" s="3094" t="s">
        <v>723</v>
      </c>
      <c r="I1" s="3094"/>
    </row>
    <row r="2" spans="2:11" ht="30.9" customHeight="1" x14ac:dyDescent="0.2">
      <c r="B2" s="1378" t="s">
        <v>1811</v>
      </c>
      <c r="C2" s="1378"/>
      <c r="D2" s="1378"/>
      <c r="E2" s="1378"/>
      <c r="F2" s="1378"/>
      <c r="G2" s="1378"/>
      <c r="H2" s="1378"/>
      <c r="I2" s="1378"/>
      <c r="J2" s="1052"/>
      <c r="K2" s="1052"/>
    </row>
    <row r="3" spans="2:11" ht="12.75" customHeight="1" x14ac:dyDescent="0.2">
      <c r="B3" s="1053"/>
      <c r="C3" s="1053"/>
      <c r="D3" s="1053"/>
      <c r="E3" s="1053"/>
      <c r="F3" s="1053"/>
      <c r="G3" s="1053"/>
      <c r="H3" s="1053"/>
      <c r="I3" s="1053"/>
      <c r="J3" s="1052"/>
      <c r="K3" s="1052"/>
    </row>
    <row r="4" spans="2:11" s="1083" customFormat="1" ht="38.25" customHeight="1" x14ac:dyDescent="0.2">
      <c r="B4" s="3095" t="s">
        <v>1812</v>
      </c>
      <c r="C4" s="3095"/>
      <c r="D4" s="3096"/>
      <c r="E4" s="3096"/>
      <c r="F4" s="3096"/>
      <c r="G4" s="3096"/>
      <c r="H4" s="3096"/>
      <c r="I4" s="3097"/>
    </row>
    <row r="5" spans="2:11" s="1083" customFormat="1" ht="38.25" customHeight="1" x14ac:dyDescent="0.2">
      <c r="B5" s="3095" t="s">
        <v>1813</v>
      </c>
      <c r="C5" s="3095"/>
      <c r="D5" s="3098" t="s">
        <v>1814</v>
      </c>
      <c r="E5" s="3098"/>
      <c r="F5" s="3098"/>
      <c r="G5" s="3098"/>
      <c r="H5" s="3098"/>
      <c r="I5" s="3099"/>
    </row>
    <row r="6" spans="2:11" s="1083" customFormat="1" ht="25.5" customHeight="1" x14ac:dyDescent="0.2">
      <c r="B6" s="1084"/>
      <c r="C6" s="1085"/>
      <c r="D6" s="1085"/>
      <c r="E6" s="1085"/>
      <c r="F6" s="1085"/>
      <c r="G6" s="1085"/>
      <c r="H6" s="1085"/>
      <c r="I6" s="1085"/>
    </row>
    <row r="7" spans="2:11" s="1083" customFormat="1" ht="25.5" customHeight="1" x14ac:dyDescent="0.2">
      <c r="B7" s="3100" t="s">
        <v>1815</v>
      </c>
      <c r="C7" s="3101"/>
      <c r="D7" s="3106" t="s">
        <v>1816</v>
      </c>
      <c r="E7" s="3106"/>
      <c r="F7" s="3106"/>
      <c r="G7" s="3106"/>
      <c r="H7" s="1086"/>
      <c r="I7" s="1087" t="s">
        <v>1817</v>
      </c>
    </row>
    <row r="8" spans="2:11" s="1083" customFormat="1" ht="25.5" customHeight="1" x14ac:dyDescent="0.2">
      <c r="B8" s="3102"/>
      <c r="C8" s="3103"/>
      <c r="D8" s="3106" t="s">
        <v>1818</v>
      </c>
      <c r="E8" s="3106"/>
      <c r="F8" s="3106"/>
      <c r="G8" s="3106"/>
      <c r="H8" s="1086"/>
      <c r="I8" s="1087" t="s">
        <v>1817</v>
      </c>
    </row>
    <row r="9" spans="2:11" s="1083" customFormat="1" ht="25.5" customHeight="1" x14ac:dyDescent="0.2">
      <c r="B9" s="3102"/>
      <c r="C9" s="3103"/>
      <c r="D9" s="3106" t="s">
        <v>1819</v>
      </c>
      <c r="E9" s="3106"/>
      <c r="F9" s="3106"/>
      <c r="G9" s="3106"/>
      <c r="H9" s="1086"/>
      <c r="I9" s="1087" t="s">
        <v>1817</v>
      </c>
    </row>
    <row r="10" spans="2:11" s="1083" customFormat="1" ht="25.5" customHeight="1" x14ac:dyDescent="0.2">
      <c r="B10" s="3102"/>
      <c r="C10" s="3103"/>
      <c r="D10" s="3106" t="s">
        <v>1820</v>
      </c>
      <c r="E10" s="3106"/>
      <c r="F10" s="3106"/>
      <c r="G10" s="3106"/>
      <c r="H10" s="1086"/>
      <c r="I10" s="1087" t="s">
        <v>1817</v>
      </c>
    </row>
    <row r="11" spans="2:11" s="1083" customFormat="1" ht="25.5" customHeight="1" x14ac:dyDescent="0.2">
      <c r="B11" s="3102"/>
      <c r="C11" s="3103"/>
      <c r="D11" s="3106" t="s">
        <v>1821</v>
      </c>
      <c r="E11" s="3106"/>
      <c r="F11" s="3106"/>
      <c r="G11" s="3106"/>
      <c r="H11" s="1086"/>
      <c r="I11" s="1087" t="s">
        <v>1817</v>
      </c>
    </row>
    <row r="12" spans="2:11" s="1083" customFormat="1" ht="25.5" customHeight="1" x14ac:dyDescent="0.2">
      <c r="B12" s="3102"/>
      <c r="C12" s="3103"/>
      <c r="D12" s="3106" t="s">
        <v>1822</v>
      </c>
      <c r="E12" s="3106"/>
      <c r="F12" s="3106"/>
      <c r="G12" s="3106"/>
      <c r="H12" s="1086"/>
      <c r="I12" s="1087" t="s">
        <v>1817</v>
      </c>
    </row>
    <row r="13" spans="2:11" s="1083" customFormat="1" ht="35.25" customHeight="1" x14ac:dyDescent="0.2">
      <c r="B13" s="3104"/>
      <c r="C13" s="3105"/>
      <c r="D13" s="3107" t="s">
        <v>1823</v>
      </c>
      <c r="E13" s="3107"/>
      <c r="F13" s="3107"/>
      <c r="G13" s="3107"/>
      <c r="H13" s="1086"/>
      <c r="I13" s="1087" t="s">
        <v>1817</v>
      </c>
    </row>
    <row r="14" spans="2:11" ht="12.75" customHeight="1" x14ac:dyDescent="0.2">
      <c r="B14" s="1049"/>
      <c r="C14" s="1049"/>
      <c r="D14" s="1049"/>
      <c r="E14" s="1049"/>
      <c r="F14" s="1049"/>
      <c r="G14" s="1049"/>
      <c r="H14" s="1049"/>
      <c r="I14" s="1049"/>
    </row>
    <row r="15" spans="2:11" s="1083" customFormat="1" ht="20.100000000000001" customHeight="1" x14ac:dyDescent="0.2">
      <c r="B15" s="3108" t="s">
        <v>204</v>
      </c>
      <c r="C15" s="3108"/>
      <c r="D15" s="3108"/>
      <c r="E15" s="3108"/>
      <c r="F15" s="3108"/>
      <c r="G15" s="3108"/>
      <c r="H15" s="3108"/>
      <c r="I15" s="3108"/>
    </row>
    <row r="16" spans="2:11" s="1083" customFormat="1" ht="20.100000000000001" customHeight="1" x14ac:dyDescent="0.2">
      <c r="B16" s="3108" t="s">
        <v>1824</v>
      </c>
      <c r="C16" s="3108"/>
      <c r="D16" s="3108"/>
      <c r="E16" s="3108"/>
      <c r="F16" s="3108"/>
      <c r="G16" s="3108"/>
      <c r="H16" s="3108"/>
      <c r="I16" s="3108"/>
    </row>
    <row r="17" spans="2:11" s="1083" customFormat="1" ht="20.100000000000001" customHeight="1" x14ac:dyDescent="0.2">
      <c r="B17" s="3108" t="s">
        <v>1825</v>
      </c>
      <c r="C17" s="3108"/>
      <c r="D17" s="3108"/>
      <c r="E17" s="3108"/>
      <c r="F17" s="3108"/>
      <c r="G17" s="3108"/>
      <c r="H17" s="3108"/>
      <c r="I17" s="3108"/>
    </row>
    <row r="18" spans="2:11" s="1083" customFormat="1" ht="38.25" customHeight="1" x14ac:dyDescent="0.2">
      <c r="B18" s="3109" t="s">
        <v>1826</v>
      </c>
      <c r="C18" s="3108"/>
      <c r="D18" s="3108"/>
      <c r="E18" s="3108"/>
      <c r="F18" s="3108"/>
      <c r="G18" s="3108"/>
      <c r="H18" s="3108"/>
      <c r="I18" s="3108"/>
    </row>
    <row r="19" spans="2:11" ht="26.25" customHeight="1" x14ac:dyDescent="0.2">
      <c r="B19" s="3110" t="s">
        <v>1827</v>
      </c>
      <c r="C19" s="3110"/>
      <c r="D19" s="3110"/>
      <c r="E19" s="3110"/>
      <c r="F19" s="3110"/>
      <c r="G19" s="3110"/>
      <c r="H19" s="3110"/>
      <c r="I19" s="3110"/>
      <c r="J19" s="1088"/>
      <c r="K19" s="1088"/>
    </row>
    <row r="20" spans="2:11" ht="12.75" customHeight="1" x14ac:dyDescent="0.2"/>
    <row r="50" spans="2:2" x14ac:dyDescent="0.2">
      <c r="B50" s="1056"/>
    </row>
  </sheetData>
  <mergeCells count="19">
    <mergeCell ref="B15:I15"/>
    <mergeCell ref="B16:I16"/>
    <mergeCell ref="B17:I17"/>
    <mergeCell ref="B18:I18"/>
    <mergeCell ref="B19:I19"/>
    <mergeCell ref="B7:C13"/>
    <mergeCell ref="D7:G7"/>
    <mergeCell ref="D8:G8"/>
    <mergeCell ref="D9:G9"/>
    <mergeCell ref="D10:G10"/>
    <mergeCell ref="D11:G11"/>
    <mergeCell ref="D12:G12"/>
    <mergeCell ref="D13:G13"/>
    <mergeCell ref="H1:I1"/>
    <mergeCell ref="B2:I2"/>
    <mergeCell ref="B4:C4"/>
    <mergeCell ref="D4:I4"/>
    <mergeCell ref="B5:C5"/>
    <mergeCell ref="D5:I5"/>
  </mergeCells>
  <phoneticPr fontId="6"/>
  <pageMargins left="0.7" right="0.7" top="0.75" bottom="0.75" header="0.3" footer="0.3"/>
  <pageSetup paperSize="9" scale="98" orientation="portrait" r:id="rId1"/>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T40"/>
  <sheetViews>
    <sheetView showGridLines="0" view="pageBreakPreview" zoomScaleNormal="100" zoomScaleSheetLayoutView="100" workbookViewId="0">
      <selection activeCell="B2" sqref="B2"/>
    </sheetView>
  </sheetViews>
  <sheetFormatPr defaultColWidth="9" defaultRowHeight="13.2" x14ac:dyDescent="0.2"/>
  <cols>
    <col min="1" max="1" width="1.6640625" style="56" customWidth="1"/>
    <col min="2" max="3" width="10.109375" style="56" customWidth="1"/>
    <col min="4" max="4" width="3.44140625" style="56" customWidth="1"/>
    <col min="5" max="7" width="2.88671875" style="56" customWidth="1"/>
    <col min="8" max="8" width="25.88671875" style="56" customWidth="1"/>
    <col min="9" max="9" width="4.6640625" style="56" customWidth="1"/>
    <col min="10" max="10" width="20.6640625" style="56" customWidth="1"/>
    <col min="11" max="11" width="4.6640625" style="56" customWidth="1"/>
    <col min="12" max="12" width="20.6640625" style="56" customWidth="1"/>
    <col min="13" max="13" width="3.44140625" style="56" customWidth="1"/>
    <col min="14" max="14" width="1.88671875" style="56" customWidth="1"/>
    <col min="15" max="16384" width="9" style="56"/>
  </cols>
  <sheetData>
    <row r="1" spans="1:13" ht="17.25" customHeight="1" x14ac:dyDescent="0.2">
      <c r="A1" s="817"/>
      <c r="B1" s="1071" t="s">
        <v>1828</v>
      </c>
      <c r="C1" s="792"/>
      <c r="D1" s="792"/>
      <c r="E1" s="792"/>
      <c r="F1" s="792"/>
      <c r="G1" s="792"/>
      <c r="H1" s="792"/>
      <c r="I1" s="792"/>
      <c r="J1" s="792"/>
      <c r="K1" s="792"/>
      <c r="L1" s="1042"/>
      <c r="M1" s="792"/>
    </row>
    <row r="2" spans="1:13" ht="17.25" customHeight="1" x14ac:dyDescent="0.2">
      <c r="A2" s="817"/>
      <c r="B2" s="792"/>
      <c r="C2" s="792"/>
      <c r="D2" s="792"/>
      <c r="E2" s="792"/>
      <c r="F2" s="792"/>
      <c r="G2" s="792"/>
      <c r="H2" s="792"/>
      <c r="I2" s="792"/>
      <c r="J2" s="792"/>
      <c r="K2" s="792"/>
      <c r="L2" s="1304" t="s">
        <v>723</v>
      </c>
      <c r="M2" s="1304"/>
    </row>
    <row r="3" spans="1:13" ht="31.5" customHeight="1" x14ac:dyDescent="0.2">
      <c r="A3" s="3057" t="s">
        <v>527</v>
      </c>
      <c r="B3" s="3057"/>
      <c r="C3" s="3057"/>
      <c r="D3" s="3057"/>
      <c r="E3" s="3057"/>
      <c r="F3" s="3057"/>
      <c r="G3" s="3057"/>
      <c r="H3" s="3057"/>
      <c r="I3" s="3057"/>
      <c r="J3" s="3057"/>
      <c r="K3" s="3057"/>
      <c r="L3" s="3057"/>
      <c r="M3" s="3057"/>
    </row>
    <row r="4" spans="1:13" ht="11.25" customHeight="1" x14ac:dyDescent="0.2">
      <c r="A4" s="819"/>
      <c r="B4" s="819"/>
      <c r="C4" s="819"/>
      <c r="D4" s="819"/>
      <c r="E4" s="819"/>
      <c r="F4" s="819"/>
      <c r="G4" s="819"/>
      <c r="H4" s="819"/>
      <c r="I4" s="819"/>
      <c r="J4" s="819"/>
      <c r="K4" s="819"/>
      <c r="L4" s="819"/>
      <c r="M4" s="819"/>
    </row>
    <row r="5" spans="1:13" ht="36" customHeight="1" x14ac:dyDescent="0.2">
      <c r="A5" s="819"/>
      <c r="B5" s="3058" t="s">
        <v>60</v>
      </c>
      <c r="C5" s="3059"/>
      <c r="D5" s="3060"/>
      <c r="E5" s="3060"/>
      <c r="F5" s="3060"/>
      <c r="G5" s="3060"/>
      <c r="H5" s="3060"/>
      <c r="I5" s="3060"/>
      <c r="J5" s="3060"/>
      <c r="K5" s="3060"/>
      <c r="L5" s="3060"/>
      <c r="M5" s="3060"/>
    </row>
    <row r="6" spans="1:13" ht="36" customHeight="1" x14ac:dyDescent="0.2">
      <c r="A6" s="819"/>
      <c r="B6" s="3058" t="s">
        <v>1790</v>
      </c>
      <c r="C6" s="3059"/>
      <c r="D6" s="3111" t="s">
        <v>904</v>
      </c>
      <c r="E6" s="3112"/>
      <c r="F6" s="3112"/>
      <c r="G6" s="3112"/>
      <c r="H6" s="3112"/>
      <c r="I6" s="3112"/>
      <c r="J6" s="3112"/>
      <c r="K6" s="3112"/>
      <c r="L6" s="3112"/>
      <c r="M6" s="3113"/>
    </row>
    <row r="7" spans="1:13" ht="46.5" customHeight="1" x14ac:dyDescent="0.2">
      <c r="A7" s="792"/>
      <c r="B7" s="3068" t="s">
        <v>38</v>
      </c>
      <c r="C7" s="3068"/>
      <c r="D7" s="3069" t="s">
        <v>47</v>
      </c>
      <c r="E7" s="3069"/>
      <c r="F7" s="3069"/>
      <c r="G7" s="3069"/>
      <c r="H7" s="3069"/>
      <c r="I7" s="3069"/>
      <c r="J7" s="3069"/>
      <c r="K7" s="3069"/>
      <c r="L7" s="3069"/>
      <c r="M7" s="3070"/>
    </row>
    <row r="8" spans="1:13" ht="15" customHeight="1" x14ac:dyDescent="0.2">
      <c r="A8" s="792"/>
      <c r="B8" s="3071" t="s">
        <v>526</v>
      </c>
      <c r="C8" s="3072"/>
      <c r="D8" s="1072"/>
      <c r="E8" s="1073"/>
      <c r="F8" s="1073"/>
      <c r="G8" s="1073"/>
      <c r="H8" s="1073"/>
      <c r="I8" s="1073"/>
      <c r="J8" s="1073"/>
      <c r="K8" s="1073"/>
      <c r="L8" s="1073"/>
      <c r="M8" s="1074"/>
    </row>
    <row r="9" spans="1:13" ht="30.75" customHeight="1" x14ac:dyDescent="0.2">
      <c r="A9" s="792"/>
      <c r="B9" s="3073"/>
      <c r="C9" s="3074"/>
      <c r="D9" s="1075"/>
      <c r="E9" s="3114" t="s">
        <v>1829</v>
      </c>
      <c r="F9" s="3115"/>
      <c r="G9" s="3115"/>
      <c r="H9" s="3115"/>
      <c r="I9" s="3077" t="s">
        <v>1830</v>
      </c>
      <c r="J9" s="3063"/>
      <c r="K9" s="3062" t="s">
        <v>443</v>
      </c>
      <c r="L9" s="3062"/>
      <c r="M9" s="1077"/>
    </row>
    <row r="10" spans="1:13" ht="30.75" customHeight="1" x14ac:dyDescent="0.2">
      <c r="A10" s="792"/>
      <c r="B10" s="3073"/>
      <c r="C10" s="3074"/>
      <c r="D10" s="1075"/>
      <c r="E10" s="3118" t="s">
        <v>1849</v>
      </c>
      <c r="F10" s="3119"/>
      <c r="G10" s="3119"/>
      <c r="H10" s="3120"/>
      <c r="I10" s="3116" t="s">
        <v>49</v>
      </c>
      <c r="J10" s="3117"/>
      <c r="K10" s="3116" t="s">
        <v>49</v>
      </c>
      <c r="L10" s="3117"/>
      <c r="M10" s="824"/>
    </row>
    <row r="11" spans="1:13" ht="30" customHeight="1" x14ac:dyDescent="0.2">
      <c r="A11" s="792"/>
      <c r="B11" s="3073"/>
      <c r="C11" s="3074"/>
      <c r="D11" s="1075"/>
      <c r="E11" s="3118" t="s">
        <v>1831</v>
      </c>
      <c r="F11" s="3119"/>
      <c r="G11" s="3119"/>
      <c r="H11" s="3120"/>
      <c r="I11" s="3116" t="s">
        <v>49</v>
      </c>
      <c r="J11" s="3117"/>
      <c r="K11" s="3116" t="s">
        <v>49</v>
      </c>
      <c r="L11" s="3117"/>
      <c r="M11" s="1077"/>
    </row>
    <row r="12" spans="1:13" ht="29.25" customHeight="1" x14ac:dyDescent="0.2">
      <c r="A12" s="792"/>
      <c r="B12" s="3073"/>
      <c r="C12" s="3074"/>
      <c r="D12" s="1075"/>
      <c r="E12" s="1077"/>
      <c r="F12" s="3121" t="s">
        <v>1832</v>
      </c>
      <c r="G12" s="3122"/>
      <c r="H12" s="3123"/>
      <c r="I12" s="3116" t="s">
        <v>49</v>
      </c>
      <c r="J12" s="3117"/>
      <c r="K12" s="3116" t="s">
        <v>49</v>
      </c>
      <c r="L12" s="3117"/>
      <c r="M12" s="824"/>
    </row>
    <row r="13" spans="1:13" ht="30" customHeight="1" x14ac:dyDescent="0.2">
      <c r="A13" s="792"/>
      <c r="B13" s="3073"/>
      <c r="C13" s="3074"/>
      <c r="D13" s="1075"/>
      <c r="E13" s="1089"/>
      <c r="F13" s="3114" t="s">
        <v>1833</v>
      </c>
      <c r="G13" s="3115"/>
      <c r="H13" s="3115"/>
      <c r="I13" s="3116" t="s">
        <v>49</v>
      </c>
      <c r="J13" s="3117"/>
      <c r="K13" s="3116" t="s">
        <v>49</v>
      </c>
      <c r="L13" s="3117"/>
      <c r="M13" s="824"/>
    </row>
    <row r="14" spans="1:13" ht="15" customHeight="1" x14ac:dyDescent="0.2">
      <c r="A14" s="792"/>
      <c r="B14" s="3073"/>
      <c r="C14" s="3074"/>
      <c r="D14" s="1075"/>
      <c r="E14" s="1079"/>
      <c r="F14" s="1090"/>
      <c r="G14" s="1090"/>
      <c r="H14" s="1090"/>
      <c r="I14" s="1091"/>
      <c r="J14" s="1091"/>
      <c r="K14" s="1091"/>
      <c r="L14" s="1091"/>
      <c r="M14" s="824"/>
    </row>
    <row r="15" spans="1:13" ht="30" customHeight="1" x14ac:dyDescent="0.2">
      <c r="A15" s="792"/>
      <c r="B15" s="3073"/>
      <c r="C15" s="3074"/>
      <c r="D15" s="1075"/>
      <c r="E15" s="3124" t="s">
        <v>1834</v>
      </c>
      <c r="F15" s="3069"/>
      <c r="G15" s="3069"/>
      <c r="H15" s="3070"/>
      <c r="I15" s="3078" t="s">
        <v>442</v>
      </c>
      <c r="J15" s="3078"/>
      <c r="K15" s="3078" t="s">
        <v>443</v>
      </c>
      <c r="L15" s="3078"/>
      <c r="M15" s="824"/>
    </row>
    <row r="16" spans="1:13" ht="30" customHeight="1" x14ac:dyDescent="0.2">
      <c r="A16" s="792"/>
      <c r="B16" s="3073"/>
      <c r="C16" s="3074"/>
      <c r="D16" s="1075"/>
      <c r="E16" s="3079" t="s">
        <v>1835</v>
      </c>
      <c r="F16" s="3080"/>
      <c r="G16" s="3080"/>
      <c r="H16" s="3081"/>
      <c r="I16" s="3117" t="s">
        <v>445</v>
      </c>
      <c r="J16" s="3067"/>
      <c r="K16" s="3067" t="s">
        <v>445</v>
      </c>
      <c r="L16" s="3067"/>
      <c r="M16" s="824"/>
    </row>
    <row r="17" spans="1:20" ht="30" customHeight="1" x14ac:dyDescent="0.2">
      <c r="A17" s="792"/>
      <c r="B17" s="3073"/>
      <c r="C17" s="3074"/>
      <c r="D17" s="1075"/>
      <c r="E17" s="3087" t="s">
        <v>903</v>
      </c>
      <c r="F17" s="3088"/>
      <c r="G17" s="3088"/>
      <c r="H17" s="3089"/>
      <c r="I17" s="3067" t="s">
        <v>445</v>
      </c>
      <c r="J17" s="3067"/>
      <c r="K17" s="3067" t="s">
        <v>445</v>
      </c>
      <c r="L17" s="3067"/>
      <c r="M17" s="824"/>
    </row>
    <row r="18" spans="1:20" ht="32.25" customHeight="1" x14ac:dyDescent="0.2">
      <c r="A18" s="792"/>
      <c r="B18" s="3073"/>
      <c r="C18" s="3074"/>
      <c r="D18" s="1075"/>
      <c r="E18" s="1076"/>
      <c r="F18" s="3086" t="s">
        <v>1836</v>
      </c>
      <c r="G18" s="3085"/>
      <c r="H18" s="3085"/>
      <c r="I18" s="3067" t="s">
        <v>445</v>
      </c>
      <c r="J18" s="3067"/>
      <c r="K18" s="3067" t="s">
        <v>445</v>
      </c>
      <c r="L18" s="3067"/>
      <c r="M18" s="824"/>
    </row>
    <row r="19" spans="1:20" ht="32.25" customHeight="1" x14ac:dyDescent="0.2">
      <c r="A19" s="792"/>
      <c r="B19" s="3073"/>
      <c r="C19" s="3074"/>
      <c r="D19" s="1075"/>
      <c r="E19" s="1076"/>
      <c r="F19" s="3086" t="s">
        <v>1837</v>
      </c>
      <c r="G19" s="3085"/>
      <c r="H19" s="3085"/>
      <c r="I19" s="3067" t="s">
        <v>445</v>
      </c>
      <c r="J19" s="3067"/>
      <c r="K19" s="3067" t="s">
        <v>445</v>
      </c>
      <c r="L19" s="3067"/>
      <c r="M19" s="824"/>
      <c r="S19" s="58"/>
      <c r="T19" s="58"/>
    </row>
    <row r="20" spans="1:20" ht="32.25" customHeight="1" x14ac:dyDescent="0.2">
      <c r="A20" s="792"/>
      <c r="B20" s="3073"/>
      <c r="C20" s="3074"/>
      <c r="D20" s="1075"/>
      <c r="E20" s="1089"/>
      <c r="F20" s="3085" t="s">
        <v>902</v>
      </c>
      <c r="G20" s="3085"/>
      <c r="H20" s="3085"/>
      <c r="I20" s="3067" t="s">
        <v>445</v>
      </c>
      <c r="J20" s="3067"/>
      <c r="K20" s="3067" t="s">
        <v>445</v>
      </c>
      <c r="L20" s="3067"/>
      <c r="M20" s="824"/>
      <c r="S20" s="58"/>
      <c r="T20" s="58"/>
    </row>
    <row r="21" spans="1:20" ht="15" customHeight="1" x14ac:dyDescent="0.2">
      <c r="A21" s="792"/>
      <c r="B21" s="3073"/>
      <c r="C21" s="3074"/>
      <c r="D21" s="1075"/>
      <c r="E21" s="792"/>
      <c r="F21" s="1092"/>
      <c r="G21" s="1092"/>
      <c r="H21" s="1092"/>
      <c r="I21" s="1093"/>
      <c r="J21" s="1093"/>
      <c r="K21" s="1093"/>
      <c r="L21" s="1093"/>
      <c r="M21" s="824"/>
      <c r="S21" s="58"/>
      <c r="T21" s="58"/>
    </row>
    <row r="22" spans="1:20" ht="32.25" customHeight="1" x14ac:dyDescent="0.2">
      <c r="A22" s="792"/>
      <c r="B22" s="3073"/>
      <c r="C22" s="3074"/>
      <c r="D22" s="1077"/>
      <c r="E22" s="3125" t="s">
        <v>901</v>
      </c>
      <c r="F22" s="3125"/>
      <c r="G22" s="3125"/>
      <c r="H22" s="3126"/>
      <c r="I22" s="3117" t="s">
        <v>445</v>
      </c>
      <c r="J22" s="3067"/>
      <c r="K22" s="3067" t="s">
        <v>445</v>
      </c>
      <c r="L22" s="3067"/>
      <c r="M22" s="824"/>
      <c r="S22" s="58"/>
      <c r="T22" s="58"/>
    </row>
    <row r="23" spans="1:20" ht="32.25" customHeight="1" x14ac:dyDescent="0.2">
      <c r="A23" s="792"/>
      <c r="B23" s="3073"/>
      <c r="C23" s="3074"/>
      <c r="D23" s="1075"/>
      <c r="E23" s="1094"/>
      <c r="F23" s="1095"/>
      <c r="G23" s="1095"/>
      <c r="H23" s="1095"/>
      <c r="I23" s="1093"/>
      <c r="J23" s="1093"/>
      <c r="K23" s="1093"/>
      <c r="L23" s="1096"/>
      <c r="M23" s="824"/>
    </row>
    <row r="24" spans="1:20" ht="50.1" customHeight="1" x14ac:dyDescent="0.2">
      <c r="A24" s="792"/>
      <c r="B24" s="3073"/>
      <c r="C24" s="3074"/>
      <c r="D24" s="1075"/>
      <c r="E24" s="3127" t="s">
        <v>1838</v>
      </c>
      <c r="F24" s="3128"/>
      <c r="G24" s="3128"/>
      <c r="H24" s="3129"/>
      <c r="I24" s="3136" t="s">
        <v>1839</v>
      </c>
      <c r="J24" s="3137"/>
      <c r="K24" s="3136" t="s">
        <v>1840</v>
      </c>
      <c r="L24" s="3138"/>
      <c r="M24" s="824"/>
    </row>
    <row r="25" spans="1:20" ht="50.1" customHeight="1" x14ac:dyDescent="0.2">
      <c r="A25" s="792"/>
      <c r="B25" s="3073"/>
      <c r="C25" s="3074"/>
      <c r="D25" s="1075"/>
      <c r="E25" s="3130"/>
      <c r="F25" s="3131"/>
      <c r="G25" s="3131"/>
      <c r="H25" s="3132"/>
      <c r="I25" s="3139" t="s">
        <v>1841</v>
      </c>
      <c r="J25" s="3140"/>
      <c r="K25" s="3139" t="s">
        <v>1842</v>
      </c>
      <c r="L25" s="3140"/>
      <c r="M25" s="824"/>
    </row>
    <row r="26" spans="1:20" ht="50.1" customHeight="1" x14ac:dyDescent="0.2">
      <c r="A26" s="792"/>
      <c r="B26" s="3073"/>
      <c r="C26" s="3074"/>
      <c r="D26" s="1075"/>
      <c r="E26" s="3133"/>
      <c r="F26" s="3134"/>
      <c r="G26" s="3134"/>
      <c r="H26" s="3135"/>
      <c r="I26" s="3141" t="s">
        <v>1843</v>
      </c>
      <c r="J26" s="3142"/>
      <c r="K26" s="3141" t="s">
        <v>1843</v>
      </c>
      <c r="L26" s="3142"/>
      <c r="M26" s="824"/>
    </row>
    <row r="27" spans="1:20" ht="15" customHeight="1" x14ac:dyDescent="0.2">
      <c r="A27" s="792"/>
      <c r="B27" s="3075"/>
      <c r="C27" s="3076"/>
      <c r="D27" s="1078"/>
      <c r="E27" s="1079"/>
      <c r="F27" s="1079"/>
      <c r="G27" s="1079"/>
      <c r="H27" s="1079"/>
      <c r="I27" s="1079"/>
      <c r="J27" s="1079"/>
      <c r="K27" s="1079"/>
      <c r="L27" s="1079"/>
      <c r="M27" s="1080"/>
    </row>
    <row r="28" spans="1:20" ht="13.5" customHeight="1" x14ac:dyDescent="0.2">
      <c r="A28" s="792"/>
      <c r="B28" s="792"/>
      <c r="C28" s="792"/>
      <c r="D28" s="792"/>
      <c r="E28" s="792"/>
      <c r="F28" s="792"/>
      <c r="G28" s="792"/>
      <c r="H28" s="792"/>
      <c r="I28" s="792"/>
      <c r="J28" s="792"/>
      <c r="K28" s="792"/>
      <c r="L28" s="792"/>
      <c r="M28" s="792"/>
    </row>
    <row r="29" spans="1:20" ht="18.75" customHeight="1" x14ac:dyDescent="0.2">
      <c r="A29" s="792"/>
      <c r="B29" s="1081" t="s">
        <v>1798</v>
      </c>
      <c r="C29" s="3090" t="s">
        <v>900</v>
      </c>
      <c r="D29" s="3090"/>
      <c r="E29" s="3090"/>
      <c r="F29" s="3090"/>
      <c r="G29" s="3090"/>
      <c r="H29" s="3090"/>
      <c r="I29" s="3090"/>
      <c r="J29" s="3090"/>
      <c r="K29" s="3090"/>
      <c r="L29" s="3090"/>
      <c r="M29" s="3090"/>
    </row>
    <row r="30" spans="1:20" ht="15" customHeight="1" x14ac:dyDescent="0.2">
      <c r="A30" s="792"/>
      <c r="B30" s="1081" t="s">
        <v>899</v>
      </c>
      <c r="C30" s="3090" t="s">
        <v>898</v>
      </c>
      <c r="D30" s="3090"/>
      <c r="E30" s="3090"/>
      <c r="F30" s="3090"/>
      <c r="G30" s="3090"/>
      <c r="H30" s="3090"/>
      <c r="I30" s="3090"/>
      <c r="J30" s="3090"/>
      <c r="K30" s="3090"/>
      <c r="L30" s="3090"/>
      <c r="M30" s="3090"/>
    </row>
    <row r="31" spans="1:20" ht="31.5" customHeight="1" x14ac:dyDescent="0.2">
      <c r="A31" s="792"/>
      <c r="B31" s="1081" t="s">
        <v>897</v>
      </c>
      <c r="C31" s="3090" t="s">
        <v>896</v>
      </c>
      <c r="D31" s="3090"/>
      <c r="E31" s="3090"/>
      <c r="F31" s="3090"/>
      <c r="G31" s="3090"/>
      <c r="H31" s="3090"/>
      <c r="I31" s="3090"/>
      <c r="J31" s="3090"/>
      <c r="K31" s="3090"/>
      <c r="L31" s="3090"/>
      <c r="M31" s="3090"/>
    </row>
    <row r="32" spans="1:20" ht="68.25" customHeight="1" x14ac:dyDescent="0.2">
      <c r="A32" s="792"/>
      <c r="B32" s="1081" t="s">
        <v>895</v>
      </c>
      <c r="C32" s="3090" t="s">
        <v>1844</v>
      </c>
      <c r="D32" s="3090"/>
      <c r="E32" s="3090"/>
      <c r="F32" s="3090"/>
      <c r="G32" s="3090"/>
      <c r="H32" s="3090"/>
      <c r="I32" s="3090"/>
      <c r="J32" s="3090"/>
      <c r="K32" s="3090"/>
      <c r="L32" s="3090"/>
      <c r="M32" s="3090"/>
    </row>
    <row r="33" spans="1:13" ht="68.25" customHeight="1" x14ac:dyDescent="0.2">
      <c r="A33" s="792"/>
      <c r="B33" s="1081" t="s">
        <v>894</v>
      </c>
      <c r="C33" s="3090" t="s">
        <v>1845</v>
      </c>
      <c r="D33" s="3090"/>
      <c r="E33" s="3090"/>
      <c r="F33" s="3090"/>
      <c r="G33" s="3090"/>
      <c r="H33" s="3090"/>
      <c r="I33" s="3090"/>
      <c r="J33" s="3090"/>
      <c r="K33" s="3090"/>
      <c r="L33" s="3090"/>
      <c r="M33" s="3090"/>
    </row>
    <row r="34" spans="1:13" ht="16.5" customHeight="1" x14ac:dyDescent="0.2">
      <c r="A34" s="792"/>
      <c r="B34" s="1081" t="s">
        <v>893</v>
      </c>
      <c r="C34" s="3090" t="s">
        <v>1846</v>
      </c>
      <c r="D34" s="3090"/>
      <c r="E34" s="3090"/>
      <c r="F34" s="3090"/>
      <c r="G34" s="3090"/>
      <c r="H34" s="3090"/>
      <c r="I34" s="3090"/>
      <c r="J34" s="3090"/>
      <c r="K34" s="3090"/>
      <c r="L34" s="3090"/>
      <c r="M34" s="3090"/>
    </row>
    <row r="35" spans="1:13" ht="32.25" customHeight="1" x14ac:dyDescent="0.2">
      <c r="A35" s="792"/>
      <c r="B35" s="1081" t="s">
        <v>892</v>
      </c>
      <c r="C35" s="3093" t="s">
        <v>1850</v>
      </c>
      <c r="D35" s="3093"/>
      <c r="E35" s="3093"/>
      <c r="F35" s="3093"/>
      <c r="G35" s="3093"/>
      <c r="H35" s="3093"/>
      <c r="I35" s="3093"/>
      <c r="J35" s="3093"/>
      <c r="K35" s="3093"/>
      <c r="L35" s="3093"/>
      <c r="M35" s="3093"/>
    </row>
    <row r="36" spans="1:13" ht="18" customHeight="1" x14ac:dyDescent="0.2">
      <c r="A36" s="792"/>
      <c r="B36" s="1081" t="s">
        <v>891</v>
      </c>
      <c r="C36" s="3093" t="s">
        <v>1847</v>
      </c>
      <c r="D36" s="3093"/>
      <c r="E36" s="3093"/>
      <c r="F36" s="3093"/>
      <c r="G36" s="3093"/>
      <c r="H36" s="3093"/>
      <c r="I36" s="3093"/>
      <c r="J36" s="3093"/>
      <c r="K36" s="3093"/>
      <c r="L36" s="3093"/>
      <c r="M36" s="3093"/>
    </row>
    <row r="37" spans="1:13" ht="18" customHeight="1" x14ac:dyDescent="0.2">
      <c r="A37" s="792"/>
      <c r="B37" s="1081" t="s">
        <v>890</v>
      </c>
      <c r="C37" s="3093" t="s">
        <v>1851</v>
      </c>
      <c r="D37" s="3093"/>
      <c r="E37" s="3093"/>
      <c r="F37" s="3093"/>
      <c r="G37" s="3093"/>
      <c r="H37" s="3093"/>
      <c r="I37" s="3093"/>
      <c r="J37" s="3093"/>
      <c r="K37" s="3093"/>
      <c r="L37" s="3093"/>
      <c r="M37" s="3093"/>
    </row>
    <row r="38" spans="1:13" ht="30" customHeight="1" x14ac:dyDescent="0.2">
      <c r="A38" s="792"/>
      <c r="B38" s="1097">
        <v>10</v>
      </c>
      <c r="C38" s="3090" t="s">
        <v>1848</v>
      </c>
      <c r="D38" s="3090"/>
      <c r="E38" s="3090"/>
      <c r="F38" s="3090"/>
      <c r="G38" s="3090"/>
      <c r="H38" s="3090"/>
      <c r="I38" s="3090"/>
      <c r="J38" s="3090"/>
      <c r="K38" s="3090"/>
      <c r="L38" s="3090"/>
      <c r="M38" s="3090"/>
    </row>
    <row r="40" spans="1:13" x14ac:dyDescent="0.2">
      <c r="D40" s="56" t="s">
        <v>1852</v>
      </c>
    </row>
  </sheetData>
  <mergeCells count="62">
    <mergeCell ref="C35:M35"/>
    <mergeCell ref="C36:M36"/>
    <mergeCell ref="C37:M37"/>
    <mergeCell ref="C38:M38"/>
    <mergeCell ref="C29:M29"/>
    <mergeCell ref="C30:M30"/>
    <mergeCell ref="C31:M31"/>
    <mergeCell ref="C32:M32"/>
    <mergeCell ref="C33:M33"/>
    <mergeCell ref="C34:M34"/>
    <mergeCell ref="E24:H26"/>
    <mergeCell ref="I24:J24"/>
    <mergeCell ref="K24:L24"/>
    <mergeCell ref="I25:J25"/>
    <mergeCell ref="K25:L25"/>
    <mergeCell ref="I26:J26"/>
    <mergeCell ref="K26:L26"/>
    <mergeCell ref="F20:H20"/>
    <mergeCell ref="I20:J20"/>
    <mergeCell ref="K20:L20"/>
    <mergeCell ref="E22:H22"/>
    <mergeCell ref="I22:J22"/>
    <mergeCell ref="K22:L22"/>
    <mergeCell ref="F18:H18"/>
    <mergeCell ref="I18:J18"/>
    <mergeCell ref="K18:L18"/>
    <mergeCell ref="F19:H19"/>
    <mergeCell ref="I19:J19"/>
    <mergeCell ref="K19:L19"/>
    <mergeCell ref="E16:H16"/>
    <mergeCell ref="I16:J16"/>
    <mergeCell ref="K16:L16"/>
    <mergeCell ref="E17:H17"/>
    <mergeCell ref="I17:J17"/>
    <mergeCell ref="K17:L17"/>
    <mergeCell ref="I12:J12"/>
    <mergeCell ref="K12:L12"/>
    <mergeCell ref="E15:H15"/>
    <mergeCell ref="I15:J15"/>
    <mergeCell ref="K15:L15"/>
    <mergeCell ref="F13:H13"/>
    <mergeCell ref="I13:J13"/>
    <mergeCell ref="K13:L13"/>
    <mergeCell ref="B7:C7"/>
    <mergeCell ref="D7:M7"/>
    <mergeCell ref="B8:C27"/>
    <mergeCell ref="E9:H9"/>
    <mergeCell ref="I9:J9"/>
    <mergeCell ref="K9:L9"/>
    <mergeCell ref="E10:H10"/>
    <mergeCell ref="I10:J10"/>
    <mergeCell ref="K10:L10"/>
    <mergeCell ref="E11:H11"/>
    <mergeCell ref="I11:J11"/>
    <mergeCell ref="K11:L11"/>
    <mergeCell ref="F12:H12"/>
    <mergeCell ref="L2:M2"/>
    <mergeCell ref="A3:M3"/>
    <mergeCell ref="B5:C5"/>
    <mergeCell ref="D5:M5"/>
    <mergeCell ref="B6:C6"/>
    <mergeCell ref="D6:M6"/>
  </mergeCells>
  <phoneticPr fontId="6"/>
  <pageMargins left="0.7" right="0.7" top="0.75" bottom="0.75" header="0.3" footer="0.3"/>
  <pageSetup paperSize="9" scale="55" orientation="portrait" r:id="rId1"/>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0"/>
  <sheetViews>
    <sheetView view="pageBreakPreview" zoomScaleNormal="100" zoomScaleSheetLayoutView="100" workbookViewId="0">
      <selection activeCell="B2" sqref="B2"/>
    </sheetView>
  </sheetViews>
  <sheetFormatPr defaultRowHeight="13.2" x14ac:dyDescent="0.2"/>
  <cols>
    <col min="1" max="1" width="2.44140625" style="56" customWidth="1"/>
    <col min="2" max="2" width="19" style="56" customWidth="1"/>
    <col min="3" max="3" width="4.6640625" style="56" customWidth="1"/>
    <col min="4" max="4" width="4.33203125" style="56" customWidth="1"/>
    <col min="5" max="5" width="17.88671875" style="56" customWidth="1"/>
    <col min="6" max="6" width="4.6640625" style="56" customWidth="1"/>
    <col min="7" max="7" width="25" style="56" customWidth="1"/>
    <col min="8" max="8" width="4.6640625" style="56" customWidth="1"/>
    <col min="9" max="9" width="24.21875" style="56" customWidth="1"/>
    <col min="10" max="10" width="4.77734375" style="56" customWidth="1"/>
    <col min="11" max="11" width="2" style="56" customWidth="1"/>
    <col min="12" max="256" width="9" style="56"/>
    <col min="257" max="257" width="3.44140625" style="56" customWidth="1"/>
    <col min="258" max="258" width="19" style="56" customWidth="1"/>
    <col min="259" max="259" width="4.6640625" style="56" customWidth="1"/>
    <col min="260" max="260" width="4.33203125" style="56" customWidth="1"/>
    <col min="261" max="261" width="17.88671875" style="56" customWidth="1"/>
    <col min="262" max="262" width="4.6640625" style="56" customWidth="1"/>
    <col min="263" max="263" width="25" style="56" customWidth="1"/>
    <col min="264" max="264" width="4.6640625" style="56" customWidth="1"/>
    <col min="265" max="265" width="24.21875" style="56" customWidth="1"/>
    <col min="266" max="266" width="4.77734375" style="56" customWidth="1"/>
    <col min="267" max="512" width="9" style="56"/>
    <col min="513" max="513" width="3.44140625" style="56" customWidth="1"/>
    <col min="514" max="514" width="19" style="56" customWidth="1"/>
    <col min="515" max="515" width="4.6640625" style="56" customWidth="1"/>
    <col min="516" max="516" width="4.33203125" style="56" customWidth="1"/>
    <col min="517" max="517" width="17.88671875" style="56" customWidth="1"/>
    <col min="518" max="518" width="4.6640625" style="56" customWidth="1"/>
    <col min="519" max="519" width="25" style="56" customWidth="1"/>
    <col min="520" max="520" width="4.6640625" style="56" customWidth="1"/>
    <col min="521" max="521" width="24.21875" style="56" customWidth="1"/>
    <col min="522" max="522" width="4.77734375" style="56" customWidth="1"/>
    <col min="523" max="768" width="9" style="56"/>
    <col min="769" max="769" width="3.44140625" style="56" customWidth="1"/>
    <col min="770" max="770" width="19" style="56" customWidth="1"/>
    <col min="771" max="771" width="4.6640625" style="56" customWidth="1"/>
    <col min="772" max="772" width="4.33203125" style="56" customWidth="1"/>
    <col min="773" max="773" width="17.88671875" style="56" customWidth="1"/>
    <col min="774" max="774" width="4.6640625" style="56" customWidth="1"/>
    <col min="775" max="775" width="25" style="56" customWidth="1"/>
    <col min="776" max="776" width="4.6640625" style="56" customWidth="1"/>
    <col min="777" max="777" width="24.21875" style="56" customWidth="1"/>
    <col min="778" max="778" width="4.77734375" style="56" customWidth="1"/>
    <col min="779" max="1024" width="9" style="56"/>
    <col min="1025" max="1025" width="3.44140625" style="56" customWidth="1"/>
    <col min="1026" max="1026" width="19" style="56" customWidth="1"/>
    <col min="1027" max="1027" width="4.6640625" style="56" customWidth="1"/>
    <col min="1028" max="1028" width="4.33203125" style="56" customWidth="1"/>
    <col min="1029" max="1029" width="17.88671875" style="56" customWidth="1"/>
    <col min="1030" max="1030" width="4.6640625" style="56" customWidth="1"/>
    <col min="1031" max="1031" width="25" style="56" customWidth="1"/>
    <col min="1032" max="1032" width="4.6640625" style="56" customWidth="1"/>
    <col min="1033" max="1033" width="24.21875" style="56" customWidth="1"/>
    <col min="1034" max="1034" width="4.77734375" style="56" customWidth="1"/>
    <col min="1035" max="1280" width="9" style="56"/>
    <col min="1281" max="1281" width="3.44140625" style="56" customWidth="1"/>
    <col min="1282" max="1282" width="19" style="56" customWidth="1"/>
    <col min="1283" max="1283" width="4.6640625" style="56" customWidth="1"/>
    <col min="1284" max="1284" width="4.33203125" style="56" customWidth="1"/>
    <col min="1285" max="1285" width="17.88671875" style="56" customWidth="1"/>
    <col min="1286" max="1286" width="4.6640625" style="56" customWidth="1"/>
    <col min="1287" max="1287" width="25" style="56" customWidth="1"/>
    <col min="1288" max="1288" width="4.6640625" style="56" customWidth="1"/>
    <col min="1289" max="1289" width="24.21875" style="56" customWidth="1"/>
    <col min="1290" max="1290" width="4.77734375" style="56" customWidth="1"/>
    <col min="1291" max="1536" width="9" style="56"/>
    <col min="1537" max="1537" width="3.44140625" style="56" customWidth="1"/>
    <col min="1538" max="1538" width="19" style="56" customWidth="1"/>
    <col min="1539" max="1539" width="4.6640625" style="56" customWidth="1"/>
    <col min="1540" max="1540" width="4.33203125" style="56" customWidth="1"/>
    <col min="1541" max="1541" width="17.88671875" style="56" customWidth="1"/>
    <col min="1542" max="1542" width="4.6640625" style="56" customWidth="1"/>
    <col min="1543" max="1543" width="25" style="56" customWidth="1"/>
    <col min="1544" max="1544" width="4.6640625" style="56" customWidth="1"/>
    <col min="1545" max="1545" width="24.21875" style="56" customWidth="1"/>
    <col min="1546" max="1546" width="4.77734375" style="56" customWidth="1"/>
    <col min="1547" max="1792" width="9" style="56"/>
    <col min="1793" max="1793" width="3.44140625" style="56" customWidth="1"/>
    <col min="1794" max="1794" width="19" style="56" customWidth="1"/>
    <col min="1795" max="1795" width="4.6640625" style="56" customWidth="1"/>
    <col min="1796" max="1796" width="4.33203125" style="56" customWidth="1"/>
    <col min="1797" max="1797" width="17.88671875" style="56" customWidth="1"/>
    <col min="1798" max="1798" width="4.6640625" style="56" customWidth="1"/>
    <col min="1799" max="1799" width="25" style="56" customWidth="1"/>
    <col min="1800" max="1800" width="4.6640625" style="56" customWidth="1"/>
    <col min="1801" max="1801" width="24.21875" style="56" customWidth="1"/>
    <col min="1802" max="1802" width="4.77734375" style="56" customWidth="1"/>
    <col min="1803" max="2048" width="9" style="56"/>
    <col min="2049" max="2049" width="3.44140625" style="56" customWidth="1"/>
    <col min="2050" max="2050" width="19" style="56" customWidth="1"/>
    <col min="2051" max="2051" width="4.6640625" style="56" customWidth="1"/>
    <col min="2052" max="2052" width="4.33203125" style="56" customWidth="1"/>
    <col min="2053" max="2053" width="17.88671875" style="56" customWidth="1"/>
    <col min="2054" max="2054" width="4.6640625" style="56" customWidth="1"/>
    <col min="2055" max="2055" width="25" style="56" customWidth="1"/>
    <col min="2056" max="2056" width="4.6640625" style="56" customWidth="1"/>
    <col min="2057" max="2057" width="24.21875" style="56" customWidth="1"/>
    <col min="2058" max="2058" width="4.77734375" style="56" customWidth="1"/>
    <col min="2059" max="2304" width="9" style="56"/>
    <col min="2305" max="2305" width="3.44140625" style="56" customWidth="1"/>
    <col min="2306" max="2306" width="19" style="56" customWidth="1"/>
    <col min="2307" max="2307" width="4.6640625" style="56" customWidth="1"/>
    <col min="2308" max="2308" width="4.33203125" style="56" customWidth="1"/>
    <col min="2309" max="2309" width="17.88671875" style="56" customWidth="1"/>
    <col min="2310" max="2310" width="4.6640625" style="56" customWidth="1"/>
    <col min="2311" max="2311" width="25" style="56" customWidth="1"/>
    <col min="2312" max="2312" width="4.6640625" style="56" customWidth="1"/>
    <col min="2313" max="2313" width="24.21875" style="56" customWidth="1"/>
    <col min="2314" max="2314" width="4.77734375" style="56" customWidth="1"/>
    <col min="2315" max="2560" width="9" style="56"/>
    <col min="2561" max="2561" width="3.44140625" style="56" customWidth="1"/>
    <col min="2562" max="2562" width="19" style="56" customWidth="1"/>
    <col min="2563" max="2563" width="4.6640625" style="56" customWidth="1"/>
    <col min="2564" max="2564" width="4.33203125" style="56" customWidth="1"/>
    <col min="2565" max="2565" width="17.88671875" style="56" customWidth="1"/>
    <col min="2566" max="2566" width="4.6640625" style="56" customWidth="1"/>
    <col min="2567" max="2567" width="25" style="56" customWidth="1"/>
    <col min="2568" max="2568" width="4.6640625" style="56" customWidth="1"/>
    <col min="2569" max="2569" width="24.21875" style="56" customWidth="1"/>
    <col min="2570" max="2570" width="4.77734375" style="56" customWidth="1"/>
    <col min="2571" max="2816" width="9" style="56"/>
    <col min="2817" max="2817" width="3.44140625" style="56" customWidth="1"/>
    <col min="2818" max="2818" width="19" style="56" customWidth="1"/>
    <col min="2819" max="2819" width="4.6640625" style="56" customWidth="1"/>
    <col min="2820" max="2820" width="4.33203125" style="56" customWidth="1"/>
    <col min="2821" max="2821" width="17.88671875" style="56" customWidth="1"/>
    <col min="2822" max="2822" width="4.6640625" style="56" customWidth="1"/>
    <col min="2823" max="2823" width="25" style="56" customWidth="1"/>
    <col min="2824" max="2824" width="4.6640625" style="56" customWidth="1"/>
    <col min="2825" max="2825" width="24.21875" style="56" customWidth="1"/>
    <col min="2826" max="2826" width="4.77734375" style="56" customWidth="1"/>
    <col min="2827" max="3072" width="9" style="56"/>
    <col min="3073" max="3073" width="3.44140625" style="56" customWidth="1"/>
    <col min="3074" max="3074" width="19" style="56" customWidth="1"/>
    <col min="3075" max="3075" width="4.6640625" style="56" customWidth="1"/>
    <col min="3076" max="3076" width="4.33203125" style="56" customWidth="1"/>
    <col min="3077" max="3077" width="17.88671875" style="56" customWidth="1"/>
    <col min="3078" max="3078" width="4.6640625" style="56" customWidth="1"/>
    <col min="3079" max="3079" width="25" style="56" customWidth="1"/>
    <col min="3080" max="3080" width="4.6640625" style="56" customWidth="1"/>
    <col min="3081" max="3081" width="24.21875" style="56" customWidth="1"/>
    <col min="3082" max="3082" width="4.77734375" style="56" customWidth="1"/>
    <col min="3083" max="3328" width="9" style="56"/>
    <col min="3329" max="3329" width="3.44140625" style="56" customWidth="1"/>
    <col min="3330" max="3330" width="19" style="56" customWidth="1"/>
    <col min="3331" max="3331" width="4.6640625" style="56" customWidth="1"/>
    <col min="3332" max="3332" width="4.33203125" style="56" customWidth="1"/>
    <col min="3333" max="3333" width="17.88671875" style="56" customWidth="1"/>
    <col min="3334" max="3334" width="4.6640625" style="56" customWidth="1"/>
    <col min="3335" max="3335" width="25" style="56" customWidth="1"/>
    <col min="3336" max="3336" width="4.6640625" style="56" customWidth="1"/>
    <col min="3337" max="3337" width="24.21875" style="56" customWidth="1"/>
    <col min="3338" max="3338" width="4.77734375" style="56" customWidth="1"/>
    <col min="3339" max="3584" width="9" style="56"/>
    <col min="3585" max="3585" width="3.44140625" style="56" customWidth="1"/>
    <col min="3586" max="3586" width="19" style="56" customWidth="1"/>
    <col min="3587" max="3587" width="4.6640625" style="56" customWidth="1"/>
    <col min="3588" max="3588" width="4.33203125" style="56" customWidth="1"/>
    <col min="3589" max="3589" width="17.88671875" style="56" customWidth="1"/>
    <col min="3590" max="3590" width="4.6640625" style="56" customWidth="1"/>
    <col min="3591" max="3591" width="25" style="56" customWidth="1"/>
    <col min="3592" max="3592" width="4.6640625" style="56" customWidth="1"/>
    <col min="3593" max="3593" width="24.21875" style="56" customWidth="1"/>
    <col min="3594" max="3594" width="4.77734375" style="56" customWidth="1"/>
    <col min="3595" max="3840" width="9" style="56"/>
    <col min="3841" max="3841" width="3.44140625" style="56" customWidth="1"/>
    <col min="3842" max="3842" width="19" style="56" customWidth="1"/>
    <col min="3843" max="3843" width="4.6640625" style="56" customWidth="1"/>
    <col min="3844" max="3844" width="4.33203125" style="56" customWidth="1"/>
    <col min="3845" max="3845" width="17.88671875" style="56" customWidth="1"/>
    <col min="3846" max="3846" width="4.6640625" style="56" customWidth="1"/>
    <col min="3847" max="3847" width="25" style="56" customWidth="1"/>
    <col min="3848" max="3848" width="4.6640625" style="56" customWidth="1"/>
    <col min="3849" max="3849" width="24.21875" style="56" customWidth="1"/>
    <col min="3850" max="3850" width="4.77734375" style="56" customWidth="1"/>
    <col min="3851" max="4096" width="9" style="56"/>
    <col min="4097" max="4097" width="3.44140625" style="56" customWidth="1"/>
    <col min="4098" max="4098" width="19" style="56" customWidth="1"/>
    <col min="4099" max="4099" width="4.6640625" style="56" customWidth="1"/>
    <col min="4100" max="4100" width="4.33203125" style="56" customWidth="1"/>
    <col min="4101" max="4101" width="17.88671875" style="56" customWidth="1"/>
    <col min="4102" max="4102" width="4.6640625" style="56" customWidth="1"/>
    <col min="4103" max="4103" width="25" style="56" customWidth="1"/>
    <col min="4104" max="4104" width="4.6640625" style="56" customWidth="1"/>
    <col min="4105" max="4105" width="24.21875" style="56" customWidth="1"/>
    <col min="4106" max="4106" width="4.77734375" style="56" customWidth="1"/>
    <col min="4107" max="4352" width="9" style="56"/>
    <col min="4353" max="4353" width="3.44140625" style="56" customWidth="1"/>
    <col min="4354" max="4354" width="19" style="56" customWidth="1"/>
    <col min="4355" max="4355" width="4.6640625" style="56" customWidth="1"/>
    <col min="4356" max="4356" width="4.33203125" style="56" customWidth="1"/>
    <col min="4357" max="4357" width="17.88671875" style="56" customWidth="1"/>
    <col min="4358" max="4358" width="4.6640625" style="56" customWidth="1"/>
    <col min="4359" max="4359" width="25" style="56" customWidth="1"/>
    <col min="4360" max="4360" width="4.6640625" style="56" customWidth="1"/>
    <col min="4361" max="4361" width="24.21875" style="56" customWidth="1"/>
    <col min="4362" max="4362" width="4.77734375" style="56" customWidth="1"/>
    <col min="4363" max="4608" width="9" style="56"/>
    <col min="4609" max="4609" width="3.44140625" style="56" customWidth="1"/>
    <col min="4610" max="4610" width="19" style="56" customWidth="1"/>
    <col min="4611" max="4611" width="4.6640625" style="56" customWidth="1"/>
    <col min="4612" max="4612" width="4.33203125" style="56" customWidth="1"/>
    <col min="4613" max="4613" width="17.88671875" style="56" customWidth="1"/>
    <col min="4614" max="4614" width="4.6640625" style="56" customWidth="1"/>
    <col min="4615" max="4615" width="25" style="56" customWidth="1"/>
    <col min="4616" max="4616" width="4.6640625" style="56" customWidth="1"/>
    <col min="4617" max="4617" width="24.21875" style="56" customWidth="1"/>
    <col min="4618" max="4618" width="4.77734375" style="56" customWidth="1"/>
    <col min="4619" max="4864" width="9" style="56"/>
    <col min="4865" max="4865" width="3.44140625" style="56" customWidth="1"/>
    <col min="4866" max="4866" width="19" style="56" customWidth="1"/>
    <col min="4867" max="4867" width="4.6640625" style="56" customWidth="1"/>
    <col min="4868" max="4868" width="4.33203125" style="56" customWidth="1"/>
    <col min="4869" max="4869" width="17.88671875" style="56" customWidth="1"/>
    <col min="4870" max="4870" width="4.6640625" style="56" customWidth="1"/>
    <col min="4871" max="4871" width="25" style="56" customWidth="1"/>
    <col min="4872" max="4872" width="4.6640625" style="56" customWidth="1"/>
    <col min="4873" max="4873" width="24.21875" style="56" customWidth="1"/>
    <col min="4874" max="4874" width="4.77734375" style="56" customWidth="1"/>
    <col min="4875" max="5120" width="9" style="56"/>
    <col min="5121" max="5121" width="3.44140625" style="56" customWidth="1"/>
    <col min="5122" max="5122" width="19" style="56" customWidth="1"/>
    <col min="5123" max="5123" width="4.6640625" style="56" customWidth="1"/>
    <col min="5124" max="5124" width="4.33203125" style="56" customWidth="1"/>
    <col min="5125" max="5125" width="17.88671875" style="56" customWidth="1"/>
    <col min="5126" max="5126" width="4.6640625" style="56" customWidth="1"/>
    <col min="5127" max="5127" width="25" style="56" customWidth="1"/>
    <col min="5128" max="5128" width="4.6640625" style="56" customWidth="1"/>
    <col min="5129" max="5129" width="24.21875" style="56" customWidth="1"/>
    <col min="5130" max="5130" width="4.77734375" style="56" customWidth="1"/>
    <col min="5131" max="5376" width="9" style="56"/>
    <col min="5377" max="5377" width="3.44140625" style="56" customWidth="1"/>
    <col min="5378" max="5378" width="19" style="56" customWidth="1"/>
    <col min="5379" max="5379" width="4.6640625" style="56" customWidth="1"/>
    <col min="5380" max="5380" width="4.33203125" style="56" customWidth="1"/>
    <col min="5381" max="5381" width="17.88671875" style="56" customWidth="1"/>
    <col min="5382" max="5382" width="4.6640625" style="56" customWidth="1"/>
    <col min="5383" max="5383" width="25" style="56" customWidth="1"/>
    <col min="5384" max="5384" width="4.6640625" style="56" customWidth="1"/>
    <col min="5385" max="5385" width="24.21875" style="56" customWidth="1"/>
    <col min="5386" max="5386" width="4.77734375" style="56" customWidth="1"/>
    <col min="5387" max="5632" width="9" style="56"/>
    <col min="5633" max="5633" width="3.44140625" style="56" customWidth="1"/>
    <col min="5634" max="5634" width="19" style="56" customWidth="1"/>
    <col min="5635" max="5635" width="4.6640625" style="56" customWidth="1"/>
    <col min="5636" max="5636" width="4.33203125" style="56" customWidth="1"/>
    <col min="5637" max="5637" width="17.88671875" style="56" customWidth="1"/>
    <col min="5638" max="5638" width="4.6640625" style="56" customWidth="1"/>
    <col min="5639" max="5639" width="25" style="56" customWidth="1"/>
    <col min="5640" max="5640" width="4.6640625" style="56" customWidth="1"/>
    <col min="5641" max="5641" width="24.21875" style="56" customWidth="1"/>
    <col min="5642" max="5642" width="4.77734375" style="56" customWidth="1"/>
    <col min="5643" max="5888" width="9" style="56"/>
    <col min="5889" max="5889" width="3.44140625" style="56" customWidth="1"/>
    <col min="5890" max="5890" width="19" style="56" customWidth="1"/>
    <col min="5891" max="5891" width="4.6640625" style="56" customWidth="1"/>
    <col min="5892" max="5892" width="4.33203125" style="56" customWidth="1"/>
    <col min="5893" max="5893" width="17.88671875" style="56" customWidth="1"/>
    <col min="5894" max="5894" width="4.6640625" style="56" customWidth="1"/>
    <col min="5895" max="5895" width="25" style="56" customWidth="1"/>
    <col min="5896" max="5896" width="4.6640625" style="56" customWidth="1"/>
    <col min="5897" max="5897" width="24.21875" style="56" customWidth="1"/>
    <col min="5898" max="5898" width="4.77734375" style="56" customWidth="1"/>
    <col min="5899" max="6144" width="9" style="56"/>
    <col min="6145" max="6145" width="3.44140625" style="56" customWidth="1"/>
    <col min="6146" max="6146" width="19" style="56" customWidth="1"/>
    <col min="6147" max="6147" width="4.6640625" style="56" customWidth="1"/>
    <col min="6148" max="6148" width="4.33203125" style="56" customWidth="1"/>
    <col min="6149" max="6149" width="17.88671875" style="56" customWidth="1"/>
    <col min="6150" max="6150" width="4.6640625" style="56" customWidth="1"/>
    <col min="6151" max="6151" width="25" style="56" customWidth="1"/>
    <col min="6152" max="6152" width="4.6640625" style="56" customWidth="1"/>
    <col min="6153" max="6153" width="24.21875" style="56" customWidth="1"/>
    <col min="6154" max="6154" width="4.77734375" style="56" customWidth="1"/>
    <col min="6155" max="6400" width="9" style="56"/>
    <col min="6401" max="6401" width="3.44140625" style="56" customWidth="1"/>
    <col min="6402" max="6402" width="19" style="56" customWidth="1"/>
    <col min="6403" max="6403" width="4.6640625" style="56" customWidth="1"/>
    <col min="6404" max="6404" width="4.33203125" style="56" customWidth="1"/>
    <col min="6405" max="6405" width="17.88671875" style="56" customWidth="1"/>
    <col min="6406" max="6406" width="4.6640625" style="56" customWidth="1"/>
    <col min="6407" max="6407" width="25" style="56" customWidth="1"/>
    <col min="6408" max="6408" width="4.6640625" style="56" customWidth="1"/>
    <col min="6409" max="6409" width="24.21875" style="56" customWidth="1"/>
    <col min="6410" max="6410" width="4.77734375" style="56" customWidth="1"/>
    <col min="6411" max="6656" width="9" style="56"/>
    <col min="6657" max="6657" width="3.44140625" style="56" customWidth="1"/>
    <col min="6658" max="6658" width="19" style="56" customWidth="1"/>
    <col min="6659" max="6659" width="4.6640625" style="56" customWidth="1"/>
    <col min="6660" max="6660" width="4.33203125" style="56" customWidth="1"/>
    <col min="6661" max="6661" width="17.88671875" style="56" customWidth="1"/>
    <col min="6662" max="6662" width="4.6640625" style="56" customWidth="1"/>
    <col min="6663" max="6663" width="25" style="56" customWidth="1"/>
    <col min="6664" max="6664" width="4.6640625" style="56" customWidth="1"/>
    <col min="6665" max="6665" width="24.21875" style="56" customWidth="1"/>
    <col min="6666" max="6666" width="4.77734375" style="56" customWidth="1"/>
    <col min="6667" max="6912" width="9" style="56"/>
    <col min="6913" max="6913" width="3.44140625" style="56" customWidth="1"/>
    <col min="6914" max="6914" width="19" style="56" customWidth="1"/>
    <col min="6915" max="6915" width="4.6640625" style="56" customWidth="1"/>
    <col min="6916" max="6916" width="4.33203125" style="56" customWidth="1"/>
    <col min="6917" max="6917" width="17.88671875" style="56" customWidth="1"/>
    <col min="6918" max="6918" width="4.6640625" style="56" customWidth="1"/>
    <col min="6919" max="6919" width="25" style="56" customWidth="1"/>
    <col min="6920" max="6920" width="4.6640625" style="56" customWidth="1"/>
    <col min="6921" max="6921" width="24.21875" style="56" customWidth="1"/>
    <col min="6922" max="6922" width="4.77734375" style="56" customWidth="1"/>
    <col min="6923" max="7168" width="9" style="56"/>
    <col min="7169" max="7169" width="3.44140625" style="56" customWidth="1"/>
    <col min="7170" max="7170" width="19" style="56" customWidth="1"/>
    <col min="7171" max="7171" width="4.6640625" style="56" customWidth="1"/>
    <col min="7172" max="7172" width="4.33203125" style="56" customWidth="1"/>
    <col min="7173" max="7173" width="17.88671875" style="56" customWidth="1"/>
    <col min="7174" max="7174" width="4.6640625" style="56" customWidth="1"/>
    <col min="7175" max="7175" width="25" style="56" customWidth="1"/>
    <col min="7176" max="7176" width="4.6640625" style="56" customWidth="1"/>
    <col min="7177" max="7177" width="24.21875" style="56" customWidth="1"/>
    <col min="7178" max="7178" width="4.77734375" style="56" customWidth="1"/>
    <col min="7179" max="7424" width="9" style="56"/>
    <col min="7425" max="7425" width="3.44140625" style="56" customWidth="1"/>
    <col min="7426" max="7426" width="19" style="56" customWidth="1"/>
    <col min="7427" max="7427" width="4.6640625" style="56" customWidth="1"/>
    <col min="7428" max="7428" width="4.33203125" style="56" customWidth="1"/>
    <col min="7429" max="7429" width="17.88671875" style="56" customWidth="1"/>
    <col min="7430" max="7430" width="4.6640625" style="56" customWidth="1"/>
    <col min="7431" max="7431" width="25" style="56" customWidth="1"/>
    <col min="7432" max="7432" width="4.6640625" style="56" customWidth="1"/>
    <col min="7433" max="7433" width="24.21875" style="56" customWidth="1"/>
    <col min="7434" max="7434" width="4.77734375" style="56" customWidth="1"/>
    <col min="7435" max="7680" width="9" style="56"/>
    <col min="7681" max="7681" width="3.44140625" style="56" customWidth="1"/>
    <col min="7682" max="7682" width="19" style="56" customWidth="1"/>
    <col min="7683" max="7683" width="4.6640625" style="56" customWidth="1"/>
    <col min="7684" max="7684" width="4.33203125" style="56" customWidth="1"/>
    <col min="7685" max="7685" width="17.88671875" style="56" customWidth="1"/>
    <col min="7686" max="7686" width="4.6640625" style="56" customWidth="1"/>
    <col min="7687" max="7687" width="25" style="56" customWidth="1"/>
    <col min="7688" max="7688" width="4.6640625" style="56" customWidth="1"/>
    <col min="7689" max="7689" width="24.21875" style="56" customWidth="1"/>
    <col min="7690" max="7690" width="4.77734375" style="56" customWidth="1"/>
    <col min="7691" max="7936" width="9" style="56"/>
    <col min="7937" max="7937" width="3.44140625" style="56" customWidth="1"/>
    <col min="7938" max="7938" width="19" style="56" customWidth="1"/>
    <col min="7939" max="7939" width="4.6640625" style="56" customWidth="1"/>
    <col min="7940" max="7940" width="4.33203125" style="56" customWidth="1"/>
    <col min="7941" max="7941" width="17.88671875" style="56" customWidth="1"/>
    <col min="7942" max="7942" width="4.6640625" style="56" customWidth="1"/>
    <col min="7943" max="7943" width="25" style="56" customWidth="1"/>
    <col min="7944" max="7944" width="4.6640625" style="56" customWidth="1"/>
    <col min="7945" max="7945" width="24.21875" style="56" customWidth="1"/>
    <col min="7946" max="7946" width="4.77734375" style="56" customWidth="1"/>
    <col min="7947" max="8192" width="9" style="56"/>
    <col min="8193" max="8193" width="3.44140625" style="56" customWidth="1"/>
    <col min="8194" max="8194" width="19" style="56" customWidth="1"/>
    <col min="8195" max="8195" width="4.6640625" style="56" customWidth="1"/>
    <col min="8196" max="8196" width="4.33203125" style="56" customWidth="1"/>
    <col min="8197" max="8197" width="17.88671875" style="56" customWidth="1"/>
    <col min="8198" max="8198" width="4.6640625" style="56" customWidth="1"/>
    <col min="8199" max="8199" width="25" style="56" customWidth="1"/>
    <col min="8200" max="8200" width="4.6640625" style="56" customWidth="1"/>
    <col min="8201" max="8201" width="24.21875" style="56" customWidth="1"/>
    <col min="8202" max="8202" width="4.77734375" style="56" customWidth="1"/>
    <col min="8203" max="8448" width="9" style="56"/>
    <col min="8449" max="8449" width="3.44140625" style="56" customWidth="1"/>
    <col min="8450" max="8450" width="19" style="56" customWidth="1"/>
    <col min="8451" max="8451" width="4.6640625" style="56" customWidth="1"/>
    <col min="8452" max="8452" width="4.33203125" style="56" customWidth="1"/>
    <col min="8453" max="8453" width="17.88671875" style="56" customWidth="1"/>
    <col min="8454" max="8454" width="4.6640625" style="56" customWidth="1"/>
    <col min="8455" max="8455" width="25" style="56" customWidth="1"/>
    <col min="8456" max="8456" width="4.6640625" style="56" customWidth="1"/>
    <col min="8457" max="8457" width="24.21875" style="56" customWidth="1"/>
    <col min="8458" max="8458" width="4.77734375" style="56" customWidth="1"/>
    <col min="8459" max="8704" width="9" style="56"/>
    <col min="8705" max="8705" width="3.44140625" style="56" customWidth="1"/>
    <col min="8706" max="8706" width="19" style="56" customWidth="1"/>
    <col min="8707" max="8707" width="4.6640625" style="56" customWidth="1"/>
    <col min="8708" max="8708" width="4.33203125" style="56" customWidth="1"/>
    <col min="8709" max="8709" width="17.88671875" style="56" customWidth="1"/>
    <col min="8710" max="8710" width="4.6640625" style="56" customWidth="1"/>
    <col min="8711" max="8711" width="25" style="56" customWidth="1"/>
    <col min="8712" max="8712" width="4.6640625" style="56" customWidth="1"/>
    <col min="8713" max="8713" width="24.21875" style="56" customWidth="1"/>
    <col min="8714" max="8714" width="4.77734375" style="56" customWidth="1"/>
    <col min="8715" max="8960" width="9" style="56"/>
    <col min="8961" max="8961" width="3.44140625" style="56" customWidth="1"/>
    <col min="8962" max="8962" width="19" style="56" customWidth="1"/>
    <col min="8963" max="8963" width="4.6640625" style="56" customWidth="1"/>
    <col min="8964" max="8964" width="4.33203125" style="56" customWidth="1"/>
    <col min="8965" max="8965" width="17.88671875" style="56" customWidth="1"/>
    <col min="8966" max="8966" width="4.6640625" style="56" customWidth="1"/>
    <col min="8967" max="8967" width="25" style="56" customWidth="1"/>
    <col min="8968" max="8968" width="4.6640625" style="56" customWidth="1"/>
    <col min="8969" max="8969" width="24.21875" style="56" customWidth="1"/>
    <col min="8970" max="8970" width="4.77734375" style="56" customWidth="1"/>
    <col min="8971" max="9216" width="9" style="56"/>
    <col min="9217" max="9217" width="3.44140625" style="56" customWidth="1"/>
    <col min="9218" max="9218" width="19" style="56" customWidth="1"/>
    <col min="9219" max="9219" width="4.6640625" style="56" customWidth="1"/>
    <col min="9220" max="9220" width="4.33203125" style="56" customWidth="1"/>
    <col min="9221" max="9221" width="17.88671875" style="56" customWidth="1"/>
    <col min="9222" max="9222" width="4.6640625" style="56" customWidth="1"/>
    <col min="9223" max="9223" width="25" style="56" customWidth="1"/>
    <col min="9224" max="9224" width="4.6640625" style="56" customWidth="1"/>
    <col min="9225" max="9225" width="24.21875" style="56" customWidth="1"/>
    <col min="9226" max="9226" width="4.77734375" style="56" customWidth="1"/>
    <col min="9227" max="9472" width="9" style="56"/>
    <col min="9473" max="9473" width="3.44140625" style="56" customWidth="1"/>
    <col min="9474" max="9474" width="19" style="56" customWidth="1"/>
    <col min="9475" max="9475" width="4.6640625" style="56" customWidth="1"/>
    <col min="9476" max="9476" width="4.33203125" style="56" customWidth="1"/>
    <col min="9477" max="9477" width="17.88671875" style="56" customWidth="1"/>
    <col min="9478" max="9478" width="4.6640625" style="56" customWidth="1"/>
    <col min="9479" max="9479" width="25" style="56" customWidth="1"/>
    <col min="9480" max="9480" width="4.6640625" style="56" customWidth="1"/>
    <col min="9481" max="9481" width="24.21875" style="56" customWidth="1"/>
    <col min="9482" max="9482" width="4.77734375" style="56" customWidth="1"/>
    <col min="9483" max="9728" width="9" style="56"/>
    <col min="9729" max="9729" width="3.44140625" style="56" customWidth="1"/>
    <col min="9730" max="9730" width="19" style="56" customWidth="1"/>
    <col min="9731" max="9731" width="4.6640625" style="56" customWidth="1"/>
    <col min="9732" max="9732" width="4.33203125" style="56" customWidth="1"/>
    <col min="9733" max="9733" width="17.88671875" style="56" customWidth="1"/>
    <col min="9734" max="9734" width="4.6640625" style="56" customWidth="1"/>
    <col min="9735" max="9735" width="25" style="56" customWidth="1"/>
    <col min="9736" max="9736" width="4.6640625" style="56" customWidth="1"/>
    <col min="9737" max="9737" width="24.21875" style="56" customWidth="1"/>
    <col min="9738" max="9738" width="4.77734375" style="56" customWidth="1"/>
    <col min="9739" max="9984" width="9" style="56"/>
    <col min="9985" max="9985" width="3.44140625" style="56" customWidth="1"/>
    <col min="9986" max="9986" width="19" style="56" customWidth="1"/>
    <col min="9987" max="9987" width="4.6640625" style="56" customWidth="1"/>
    <col min="9988" max="9988" width="4.33203125" style="56" customWidth="1"/>
    <col min="9989" max="9989" width="17.88671875" style="56" customWidth="1"/>
    <col min="9990" max="9990" width="4.6640625" style="56" customWidth="1"/>
    <col min="9991" max="9991" width="25" style="56" customWidth="1"/>
    <col min="9992" max="9992" width="4.6640625" style="56" customWidth="1"/>
    <col min="9993" max="9993" width="24.21875" style="56" customWidth="1"/>
    <col min="9994" max="9994" width="4.77734375" style="56" customWidth="1"/>
    <col min="9995" max="10240" width="9" style="56"/>
    <col min="10241" max="10241" width="3.44140625" style="56" customWidth="1"/>
    <col min="10242" max="10242" width="19" style="56" customWidth="1"/>
    <col min="10243" max="10243" width="4.6640625" style="56" customWidth="1"/>
    <col min="10244" max="10244" width="4.33203125" style="56" customWidth="1"/>
    <col min="10245" max="10245" width="17.88671875" style="56" customWidth="1"/>
    <col min="10246" max="10246" width="4.6640625" style="56" customWidth="1"/>
    <col min="10247" max="10247" width="25" style="56" customWidth="1"/>
    <col min="10248" max="10248" width="4.6640625" style="56" customWidth="1"/>
    <col min="10249" max="10249" width="24.21875" style="56" customWidth="1"/>
    <col min="10250" max="10250" width="4.77734375" style="56" customWidth="1"/>
    <col min="10251" max="10496" width="9" style="56"/>
    <col min="10497" max="10497" width="3.44140625" style="56" customWidth="1"/>
    <col min="10498" max="10498" width="19" style="56" customWidth="1"/>
    <col min="10499" max="10499" width="4.6640625" style="56" customWidth="1"/>
    <col min="10500" max="10500" width="4.33203125" style="56" customWidth="1"/>
    <col min="10501" max="10501" width="17.88671875" style="56" customWidth="1"/>
    <col min="10502" max="10502" width="4.6640625" style="56" customWidth="1"/>
    <col min="10503" max="10503" width="25" style="56" customWidth="1"/>
    <col min="10504" max="10504" width="4.6640625" style="56" customWidth="1"/>
    <col min="10505" max="10505" width="24.21875" style="56" customWidth="1"/>
    <col min="10506" max="10506" width="4.77734375" style="56" customWidth="1"/>
    <col min="10507" max="10752" width="9" style="56"/>
    <col min="10753" max="10753" width="3.44140625" style="56" customWidth="1"/>
    <col min="10754" max="10754" width="19" style="56" customWidth="1"/>
    <col min="10755" max="10755" width="4.6640625" style="56" customWidth="1"/>
    <col min="10756" max="10756" width="4.33203125" style="56" customWidth="1"/>
    <col min="10757" max="10757" width="17.88671875" style="56" customWidth="1"/>
    <col min="10758" max="10758" width="4.6640625" style="56" customWidth="1"/>
    <col min="10759" max="10759" width="25" style="56" customWidth="1"/>
    <col min="10760" max="10760" width="4.6640625" style="56" customWidth="1"/>
    <col min="10761" max="10761" width="24.21875" style="56" customWidth="1"/>
    <col min="10762" max="10762" width="4.77734375" style="56" customWidth="1"/>
    <col min="10763" max="11008" width="9" style="56"/>
    <col min="11009" max="11009" width="3.44140625" style="56" customWidth="1"/>
    <col min="11010" max="11010" width="19" style="56" customWidth="1"/>
    <col min="11011" max="11011" width="4.6640625" style="56" customWidth="1"/>
    <col min="11012" max="11012" width="4.33203125" style="56" customWidth="1"/>
    <col min="11013" max="11013" width="17.88671875" style="56" customWidth="1"/>
    <col min="11014" max="11014" width="4.6640625" style="56" customWidth="1"/>
    <col min="11015" max="11015" width="25" style="56" customWidth="1"/>
    <col min="11016" max="11016" width="4.6640625" style="56" customWidth="1"/>
    <col min="11017" max="11017" width="24.21875" style="56" customWidth="1"/>
    <col min="11018" max="11018" width="4.77734375" style="56" customWidth="1"/>
    <col min="11019" max="11264" width="9" style="56"/>
    <col min="11265" max="11265" width="3.44140625" style="56" customWidth="1"/>
    <col min="11266" max="11266" width="19" style="56" customWidth="1"/>
    <col min="11267" max="11267" width="4.6640625" style="56" customWidth="1"/>
    <col min="11268" max="11268" width="4.33203125" style="56" customWidth="1"/>
    <col min="11269" max="11269" width="17.88671875" style="56" customWidth="1"/>
    <col min="11270" max="11270" width="4.6640625" style="56" customWidth="1"/>
    <col min="11271" max="11271" width="25" style="56" customWidth="1"/>
    <col min="11272" max="11272" width="4.6640625" style="56" customWidth="1"/>
    <col min="11273" max="11273" width="24.21875" style="56" customWidth="1"/>
    <col min="11274" max="11274" width="4.77734375" style="56" customWidth="1"/>
    <col min="11275" max="11520" width="9" style="56"/>
    <col min="11521" max="11521" width="3.44140625" style="56" customWidth="1"/>
    <col min="11522" max="11522" width="19" style="56" customWidth="1"/>
    <col min="11523" max="11523" width="4.6640625" style="56" customWidth="1"/>
    <col min="11524" max="11524" width="4.33203125" style="56" customWidth="1"/>
    <col min="11525" max="11525" width="17.88671875" style="56" customWidth="1"/>
    <col min="11526" max="11526" width="4.6640625" style="56" customWidth="1"/>
    <col min="11527" max="11527" width="25" style="56" customWidth="1"/>
    <col min="11528" max="11528" width="4.6640625" style="56" customWidth="1"/>
    <col min="11529" max="11529" width="24.21875" style="56" customWidth="1"/>
    <col min="11530" max="11530" width="4.77734375" style="56" customWidth="1"/>
    <col min="11531" max="11776" width="9" style="56"/>
    <col min="11777" max="11777" width="3.44140625" style="56" customWidth="1"/>
    <col min="11778" max="11778" width="19" style="56" customWidth="1"/>
    <col min="11779" max="11779" width="4.6640625" style="56" customWidth="1"/>
    <col min="11780" max="11780" width="4.33203125" style="56" customWidth="1"/>
    <col min="11781" max="11781" width="17.88671875" style="56" customWidth="1"/>
    <col min="11782" max="11782" width="4.6640625" style="56" customWidth="1"/>
    <col min="11783" max="11783" width="25" style="56" customWidth="1"/>
    <col min="11784" max="11784" width="4.6640625" style="56" customWidth="1"/>
    <col min="11785" max="11785" width="24.21875" style="56" customWidth="1"/>
    <col min="11786" max="11786" width="4.77734375" style="56" customWidth="1"/>
    <col min="11787" max="12032" width="9" style="56"/>
    <col min="12033" max="12033" width="3.44140625" style="56" customWidth="1"/>
    <col min="12034" max="12034" width="19" style="56" customWidth="1"/>
    <col min="12035" max="12035" width="4.6640625" style="56" customWidth="1"/>
    <col min="12036" max="12036" width="4.33203125" style="56" customWidth="1"/>
    <col min="12037" max="12037" width="17.88671875" style="56" customWidth="1"/>
    <col min="12038" max="12038" width="4.6640625" style="56" customWidth="1"/>
    <col min="12039" max="12039" width="25" style="56" customWidth="1"/>
    <col min="12040" max="12040" width="4.6640625" style="56" customWidth="1"/>
    <col min="12041" max="12041" width="24.21875" style="56" customWidth="1"/>
    <col min="12042" max="12042" width="4.77734375" style="56" customWidth="1"/>
    <col min="12043" max="12288" width="9" style="56"/>
    <col min="12289" max="12289" width="3.44140625" style="56" customWidth="1"/>
    <col min="12290" max="12290" width="19" style="56" customWidth="1"/>
    <col min="12291" max="12291" width="4.6640625" style="56" customWidth="1"/>
    <col min="12292" max="12292" width="4.33203125" style="56" customWidth="1"/>
    <col min="12293" max="12293" width="17.88671875" style="56" customWidth="1"/>
    <col min="12294" max="12294" width="4.6640625" style="56" customWidth="1"/>
    <col min="12295" max="12295" width="25" style="56" customWidth="1"/>
    <col min="12296" max="12296" width="4.6640625" style="56" customWidth="1"/>
    <col min="12297" max="12297" width="24.21875" style="56" customWidth="1"/>
    <col min="12298" max="12298" width="4.77734375" style="56" customWidth="1"/>
    <col min="12299" max="12544" width="9" style="56"/>
    <col min="12545" max="12545" width="3.44140625" style="56" customWidth="1"/>
    <col min="12546" max="12546" width="19" style="56" customWidth="1"/>
    <col min="12547" max="12547" width="4.6640625" style="56" customWidth="1"/>
    <col min="12548" max="12548" width="4.33203125" style="56" customWidth="1"/>
    <col min="12549" max="12549" width="17.88671875" style="56" customWidth="1"/>
    <col min="12550" max="12550" width="4.6640625" style="56" customWidth="1"/>
    <col min="12551" max="12551" width="25" style="56" customWidth="1"/>
    <col min="12552" max="12552" width="4.6640625" style="56" customWidth="1"/>
    <col min="12553" max="12553" width="24.21875" style="56" customWidth="1"/>
    <col min="12554" max="12554" width="4.77734375" style="56" customWidth="1"/>
    <col min="12555" max="12800" width="9" style="56"/>
    <col min="12801" max="12801" width="3.44140625" style="56" customWidth="1"/>
    <col min="12802" max="12802" width="19" style="56" customWidth="1"/>
    <col min="12803" max="12803" width="4.6640625" style="56" customWidth="1"/>
    <col min="12804" max="12804" width="4.33203125" style="56" customWidth="1"/>
    <col min="12805" max="12805" width="17.88671875" style="56" customWidth="1"/>
    <col min="12806" max="12806" width="4.6640625" style="56" customWidth="1"/>
    <col min="12807" max="12807" width="25" style="56" customWidth="1"/>
    <col min="12808" max="12808" width="4.6640625" style="56" customWidth="1"/>
    <col min="12809" max="12809" width="24.21875" style="56" customWidth="1"/>
    <col min="12810" max="12810" width="4.77734375" style="56" customWidth="1"/>
    <col min="12811" max="13056" width="9" style="56"/>
    <col min="13057" max="13057" width="3.44140625" style="56" customWidth="1"/>
    <col min="13058" max="13058" width="19" style="56" customWidth="1"/>
    <col min="13059" max="13059" width="4.6640625" style="56" customWidth="1"/>
    <col min="13060" max="13060" width="4.33203125" style="56" customWidth="1"/>
    <col min="13061" max="13061" width="17.88671875" style="56" customWidth="1"/>
    <col min="13062" max="13062" width="4.6640625" style="56" customWidth="1"/>
    <col min="13063" max="13063" width="25" style="56" customWidth="1"/>
    <col min="13064" max="13064" width="4.6640625" style="56" customWidth="1"/>
    <col min="13065" max="13065" width="24.21875" style="56" customWidth="1"/>
    <col min="13066" max="13066" width="4.77734375" style="56" customWidth="1"/>
    <col min="13067" max="13312" width="9" style="56"/>
    <col min="13313" max="13313" width="3.44140625" style="56" customWidth="1"/>
    <col min="13314" max="13314" width="19" style="56" customWidth="1"/>
    <col min="13315" max="13315" width="4.6640625" style="56" customWidth="1"/>
    <col min="13316" max="13316" width="4.33203125" style="56" customWidth="1"/>
    <col min="13317" max="13317" width="17.88671875" style="56" customWidth="1"/>
    <col min="13318" max="13318" width="4.6640625" style="56" customWidth="1"/>
    <col min="13319" max="13319" width="25" style="56" customWidth="1"/>
    <col min="13320" max="13320" width="4.6640625" style="56" customWidth="1"/>
    <col min="13321" max="13321" width="24.21875" style="56" customWidth="1"/>
    <col min="13322" max="13322" width="4.77734375" style="56" customWidth="1"/>
    <col min="13323" max="13568" width="9" style="56"/>
    <col min="13569" max="13569" width="3.44140625" style="56" customWidth="1"/>
    <col min="13570" max="13570" width="19" style="56" customWidth="1"/>
    <col min="13571" max="13571" width="4.6640625" style="56" customWidth="1"/>
    <col min="13572" max="13572" width="4.33203125" style="56" customWidth="1"/>
    <col min="13573" max="13573" width="17.88671875" style="56" customWidth="1"/>
    <col min="13574" max="13574" width="4.6640625" style="56" customWidth="1"/>
    <col min="13575" max="13575" width="25" style="56" customWidth="1"/>
    <col min="13576" max="13576" width="4.6640625" style="56" customWidth="1"/>
    <col min="13577" max="13577" width="24.21875" style="56" customWidth="1"/>
    <col min="13578" max="13578" width="4.77734375" style="56" customWidth="1"/>
    <col min="13579" max="13824" width="9" style="56"/>
    <col min="13825" max="13825" width="3.44140625" style="56" customWidth="1"/>
    <col min="13826" max="13826" width="19" style="56" customWidth="1"/>
    <col min="13827" max="13827" width="4.6640625" style="56" customWidth="1"/>
    <col min="13828" max="13828" width="4.33203125" style="56" customWidth="1"/>
    <col min="13829" max="13829" width="17.88671875" style="56" customWidth="1"/>
    <col min="13830" max="13830" width="4.6640625" style="56" customWidth="1"/>
    <col min="13831" max="13831" width="25" style="56" customWidth="1"/>
    <col min="13832" max="13832" width="4.6640625" style="56" customWidth="1"/>
    <col min="13833" max="13833" width="24.21875" style="56" customWidth="1"/>
    <col min="13834" max="13834" width="4.77734375" style="56" customWidth="1"/>
    <col min="13835" max="14080" width="9" style="56"/>
    <col min="14081" max="14081" width="3.44140625" style="56" customWidth="1"/>
    <col min="14082" max="14082" width="19" style="56" customWidth="1"/>
    <col min="14083" max="14083" width="4.6640625" style="56" customWidth="1"/>
    <col min="14084" max="14084" width="4.33203125" style="56" customWidth="1"/>
    <col min="14085" max="14085" width="17.88671875" style="56" customWidth="1"/>
    <col min="14086" max="14086" width="4.6640625" style="56" customWidth="1"/>
    <col min="14087" max="14087" width="25" style="56" customWidth="1"/>
    <col min="14088" max="14088" width="4.6640625" style="56" customWidth="1"/>
    <col min="14089" max="14089" width="24.21875" style="56" customWidth="1"/>
    <col min="14090" max="14090" width="4.77734375" style="56" customWidth="1"/>
    <col min="14091" max="14336" width="9" style="56"/>
    <col min="14337" max="14337" width="3.44140625" style="56" customWidth="1"/>
    <col min="14338" max="14338" width="19" style="56" customWidth="1"/>
    <col min="14339" max="14339" width="4.6640625" style="56" customWidth="1"/>
    <col min="14340" max="14340" width="4.33203125" style="56" customWidth="1"/>
    <col min="14341" max="14341" width="17.88671875" style="56" customWidth="1"/>
    <col min="14342" max="14342" width="4.6640625" style="56" customWidth="1"/>
    <col min="14343" max="14343" width="25" style="56" customWidth="1"/>
    <col min="14344" max="14344" width="4.6640625" style="56" customWidth="1"/>
    <col min="14345" max="14345" width="24.21875" style="56" customWidth="1"/>
    <col min="14346" max="14346" width="4.77734375" style="56" customWidth="1"/>
    <col min="14347" max="14592" width="9" style="56"/>
    <col min="14593" max="14593" width="3.44140625" style="56" customWidth="1"/>
    <col min="14594" max="14594" width="19" style="56" customWidth="1"/>
    <col min="14595" max="14595" width="4.6640625" style="56" customWidth="1"/>
    <col min="14596" max="14596" width="4.33203125" style="56" customWidth="1"/>
    <col min="14597" max="14597" width="17.88671875" style="56" customWidth="1"/>
    <col min="14598" max="14598" width="4.6640625" style="56" customWidth="1"/>
    <col min="14599" max="14599" width="25" style="56" customWidth="1"/>
    <col min="14600" max="14600" width="4.6640625" style="56" customWidth="1"/>
    <col min="14601" max="14601" width="24.21875" style="56" customWidth="1"/>
    <col min="14602" max="14602" width="4.77734375" style="56" customWidth="1"/>
    <col min="14603" max="14848" width="9" style="56"/>
    <col min="14849" max="14849" width="3.44140625" style="56" customWidth="1"/>
    <col min="14850" max="14850" width="19" style="56" customWidth="1"/>
    <col min="14851" max="14851" width="4.6640625" style="56" customWidth="1"/>
    <col min="14852" max="14852" width="4.33203125" style="56" customWidth="1"/>
    <col min="14853" max="14853" width="17.88671875" style="56" customWidth="1"/>
    <col min="14854" max="14854" width="4.6640625" style="56" customWidth="1"/>
    <col min="14855" max="14855" width="25" style="56" customWidth="1"/>
    <col min="14856" max="14856" width="4.6640625" style="56" customWidth="1"/>
    <col min="14857" max="14857" width="24.21875" style="56" customWidth="1"/>
    <col min="14858" max="14858" width="4.77734375" style="56" customWidth="1"/>
    <col min="14859" max="15104" width="9" style="56"/>
    <col min="15105" max="15105" width="3.44140625" style="56" customWidth="1"/>
    <col min="15106" max="15106" width="19" style="56" customWidth="1"/>
    <col min="15107" max="15107" width="4.6640625" style="56" customWidth="1"/>
    <col min="15108" max="15108" width="4.33203125" style="56" customWidth="1"/>
    <col min="15109" max="15109" width="17.88671875" style="56" customWidth="1"/>
    <col min="15110" max="15110" width="4.6640625" style="56" customWidth="1"/>
    <col min="15111" max="15111" width="25" style="56" customWidth="1"/>
    <col min="15112" max="15112" width="4.6640625" style="56" customWidth="1"/>
    <col min="15113" max="15113" width="24.21875" style="56" customWidth="1"/>
    <col min="15114" max="15114" width="4.77734375" style="56" customWidth="1"/>
    <col min="15115" max="15360" width="9" style="56"/>
    <col min="15361" max="15361" width="3.44140625" style="56" customWidth="1"/>
    <col min="15362" max="15362" width="19" style="56" customWidth="1"/>
    <col min="15363" max="15363" width="4.6640625" style="56" customWidth="1"/>
    <col min="15364" max="15364" width="4.33203125" style="56" customWidth="1"/>
    <col min="15365" max="15365" width="17.88671875" style="56" customWidth="1"/>
    <col min="15366" max="15366" width="4.6640625" style="56" customWidth="1"/>
    <col min="15367" max="15367" width="25" style="56" customWidth="1"/>
    <col min="15368" max="15368" width="4.6640625" style="56" customWidth="1"/>
    <col min="15369" max="15369" width="24.21875" style="56" customWidth="1"/>
    <col min="15370" max="15370" width="4.77734375" style="56" customWidth="1"/>
    <col min="15371" max="15616" width="9" style="56"/>
    <col min="15617" max="15617" width="3.44140625" style="56" customWidth="1"/>
    <col min="15618" max="15618" width="19" style="56" customWidth="1"/>
    <col min="15619" max="15619" width="4.6640625" style="56" customWidth="1"/>
    <col min="15620" max="15620" width="4.33203125" style="56" customWidth="1"/>
    <col min="15621" max="15621" width="17.88671875" style="56" customWidth="1"/>
    <col min="15622" max="15622" width="4.6640625" style="56" customWidth="1"/>
    <col min="15623" max="15623" width="25" style="56" customWidth="1"/>
    <col min="15624" max="15624" width="4.6640625" style="56" customWidth="1"/>
    <col min="15625" max="15625" width="24.21875" style="56" customWidth="1"/>
    <col min="15626" max="15626" width="4.77734375" style="56" customWidth="1"/>
    <col min="15627" max="15872" width="9" style="56"/>
    <col min="15873" max="15873" width="3.44140625" style="56" customWidth="1"/>
    <col min="15874" max="15874" width="19" style="56" customWidth="1"/>
    <col min="15875" max="15875" width="4.6640625" style="56" customWidth="1"/>
    <col min="15876" max="15876" width="4.33203125" style="56" customWidth="1"/>
    <col min="15877" max="15877" width="17.88671875" style="56" customWidth="1"/>
    <col min="15878" max="15878" width="4.6640625" style="56" customWidth="1"/>
    <col min="15879" max="15879" width="25" style="56" customWidth="1"/>
    <col min="15880" max="15880" width="4.6640625" style="56" customWidth="1"/>
    <col min="15881" max="15881" width="24.21875" style="56" customWidth="1"/>
    <col min="15882" max="15882" width="4.77734375" style="56" customWidth="1"/>
    <col min="15883" max="16128" width="9" style="56"/>
    <col min="16129" max="16129" width="3.44140625" style="56" customWidth="1"/>
    <col min="16130" max="16130" width="19" style="56" customWidth="1"/>
    <col min="16131" max="16131" width="4.6640625" style="56" customWidth="1"/>
    <col min="16132" max="16132" width="4.33203125" style="56" customWidth="1"/>
    <col min="16133" max="16133" width="17.88671875" style="56" customWidth="1"/>
    <col min="16134" max="16134" width="4.6640625" style="56" customWidth="1"/>
    <col min="16135" max="16135" width="25" style="56" customWidth="1"/>
    <col min="16136" max="16136" width="4.6640625" style="56" customWidth="1"/>
    <col min="16137" max="16137" width="24.21875" style="56" customWidth="1"/>
    <col min="16138" max="16138" width="4.77734375" style="56" customWidth="1"/>
    <col min="16139" max="16384" width="9" style="56"/>
  </cols>
  <sheetData>
    <row r="1" spans="1:10" ht="11.25" customHeight="1" x14ac:dyDescent="0.2">
      <c r="A1" s="55"/>
      <c r="I1" s="1047"/>
    </row>
    <row r="2" spans="1:10" ht="18" customHeight="1" x14ac:dyDescent="0.2">
      <c r="A2" s="817"/>
      <c r="B2" s="1098" t="s">
        <v>1853</v>
      </c>
      <c r="C2" s="792"/>
      <c r="D2" s="792"/>
      <c r="E2" s="792"/>
      <c r="F2" s="792"/>
      <c r="G2" s="792"/>
      <c r="H2" s="792"/>
      <c r="I2" s="1304" t="s">
        <v>723</v>
      </c>
      <c r="J2" s="1304"/>
    </row>
    <row r="3" spans="1:10" ht="26.25" customHeight="1" x14ac:dyDescent="0.2">
      <c r="A3" s="3057" t="s">
        <v>677</v>
      </c>
      <c r="B3" s="3057"/>
      <c r="C3" s="3057"/>
      <c r="D3" s="3057"/>
      <c r="E3" s="3057"/>
      <c r="F3" s="3057"/>
      <c r="G3" s="3057"/>
      <c r="H3" s="3057"/>
      <c r="I3" s="3057"/>
      <c r="J3" s="3057"/>
    </row>
    <row r="4" spans="1:10" ht="11.25" customHeight="1" x14ac:dyDescent="0.2">
      <c r="A4" s="819"/>
      <c r="B4" s="819"/>
      <c r="C4" s="819"/>
      <c r="D4" s="819"/>
      <c r="E4" s="819"/>
      <c r="F4" s="819"/>
      <c r="G4" s="819"/>
      <c r="H4" s="819"/>
      <c r="I4" s="819"/>
      <c r="J4" s="819"/>
    </row>
    <row r="5" spans="1:10" ht="23.25" customHeight="1" x14ac:dyDescent="0.2">
      <c r="A5" s="819"/>
      <c r="B5" s="1099" t="s">
        <v>60</v>
      </c>
      <c r="C5" s="3124"/>
      <c r="D5" s="3069"/>
      <c r="E5" s="3069"/>
      <c r="F5" s="3069"/>
      <c r="G5" s="3069"/>
      <c r="H5" s="3069"/>
      <c r="I5" s="3069"/>
      <c r="J5" s="3145"/>
    </row>
    <row r="6" spans="1:10" ht="23.25" customHeight="1" x14ac:dyDescent="0.2">
      <c r="A6" s="819"/>
      <c r="B6" s="1100" t="s">
        <v>524</v>
      </c>
      <c r="C6" s="1100" t="s">
        <v>1453</v>
      </c>
      <c r="D6" s="3119" t="s">
        <v>676</v>
      </c>
      <c r="E6" s="3119"/>
      <c r="F6" s="1091" t="s">
        <v>1854</v>
      </c>
      <c r="G6" s="1091" t="s">
        <v>675</v>
      </c>
      <c r="H6" s="1091" t="s">
        <v>907</v>
      </c>
      <c r="I6" s="1090" t="s">
        <v>674</v>
      </c>
      <c r="J6" s="1101"/>
    </row>
    <row r="7" spans="1:10" ht="23.25" customHeight="1" x14ac:dyDescent="0.2">
      <c r="A7" s="792"/>
      <c r="B7" s="1102" t="s">
        <v>38</v>
      </c>
      <c r="C7" s="3146" t="s">
        <v>47</v>
      </c>
      <c r="D7" s="3147"/>
      <c r="E7" s="3147"/>
      <c r="F7" s="3147"/>
      <c r="G7" s="3147"/>
      <c r="H7" s="3147"/>
      <c r="I7" s="3147"/>
      <c r="J7" s="3070"/>
    </row>
    <row r="8" spans="1:10" ht="18.75" customHeight="1" x14ac:dyDescent="0.2">
      <c r="A8" s="792"/>
      <c r="B8" s="3148" t="s">
        <v>1855</v>
      </c>
      <c r="C8" s="1072"/>
      <c r="D8" s="1073"/>
      <c r="E8" s="1073"/>
      <c r="F8" s="1073"/>
      <c r="G8" s="1073"/>
      <c r="H8" s="1073"/>
      <c r="I8" s="1073"/>
      <c r="J8" s="1074"/>
    </row>
    <row r="9" spans="1:10" ht="23.25" customHeight="1" x14ac:dyDescent="0.2">
      <c r="A9" s="792"/>
      <c r="B9" s="3149"/>
      <c r="C9" s="1075"/>
      <c r="D9" s="3145"/>
      <c r="E9" s="3145"/>
      <c r="F9" s="3078" t="s">
        <v>442</v>
      </c>
      <c r="G9" s="3078"/>
      <c r="H9" s="3078" t="s">
        <v>443</v>
      </c>
      <c r="I9" s="3078"/>
      <c r="J9" s="824"/>
    </row>
    <row r="10" spans="1:10" ht="23.25" customHeight="1" x14ac:dyDescent="0.2">
      <c r="A10" s="792"/>
      <c r="B10" s="3149"/>
      <c r="C10" s="1075"/>
      <c r="D10" s="3150" t="s">
        <v>444</v>
      </c>
      <c r="E10" s="3150"/>
      <c r="F10" s="3067" t="s">
        <v>445</v>
      </c>
      <c r="G10" s="3067"/>
      <c r="H10" s="3067" t="s">
        <v>445</v>
      </c>
      <c r="I10" s="3067"/>
      <c r="J10" s="824"/>
    </row>
    <row r="11" spans="1:10" ht="59.25" customHeight="1" x14ac:dyDescent="0.2">
      <c r="A11" s="792"/>
      <c r="B11" s="3149"/>
      <c r="C11" s="1075"/>
      <c r="D11" s="3151" t="s">
        <v>1856</v>
      </c>
      <c r="E11" s="3151"/>
      <c r="F11" s="3067" t="s">
        <v>445</v>
      </c>
      <c r="G11" s="3067"/>
      <c r="H11" s="3067" t="s">
        <v>445</v>
      </c>
      <c r="I11" s="3067"/>
      <c r="J11" s="824"/>
    </row>
    <row r="12" spans="1:10" ht="30.75" customHeight="1" x14ac:dyDescent="0.2">
      <c r="A12" s="792"/>
      <c r="B12" s="3149"/>
      <c r="C12" s="1075"/>
      <c r="D12" s="3143" t="s">
        <v>1857</v>
      </c>
      <c r="E12" s="3143"/>
      <c r="F12" s="3144" t="s">
        <v>445</v>
      </c>
      <c r="G12" s="3144"/>
      <c r="H12" s="3144" t="s">
        <v>445</v>
      </c>
      <c r="I12" s="3144"/>
      <c r="J12" s="824"/>
    </row>
    <row r="13" spans="1:10" ht="30.75" customHeight="1" x14ac:dyDescent="0.2">
      <c r="A13" s="792"/>
      <c r="B13" s="3149"/>
      <c r="C13" s="1075"/>
      <c r="D13" s="1103"/>
      <c r="E13" s="1104" t="s">
        <v>1858</v>
      </c>
      <c r="F13" s="3144" t="s">
        <v>445</v>
      </c>
      <c r="G13" s="3144"/>
      <c r="H13" s="3144" t="s">
        <v>445</v>
      </c>
      <c r="I13" s="3144"/>
      <c r="J13" s="824"/>
    </row>
    <row r="14" spans="1:10" ht="30.75" customHeight="1" x14ac:dyDescent="0.2">
      <c r="A14" s="792"/>
      <c r="B14" s="3149"/>
      <c r="C14" s="1075"/>
      <c r="D14" s="1103"/>
      <c r="E14" s="1105" t="s">
        <v>1859</v>
      </c>
      <c r="F14" s="3152" t="s">
        <v>445</v>
      </c>
      <c r="G14" s="3153"/>
      <c r="H14" s="3154" t="s">
        <v>445</v>
      </c>
      <c r="I14" s="3154"/>
      <c r="J14" s="824"/>
    </row>
    <row r="15" spans="1:10" ht="30.75" customHeight="1" x14ac:dyDescent="0.2">
      <c r="A15" s="792"/>
      <c r="B15" s="3149"/>
      <c r="C15" s="1075"/>
      <c r="D15" s="1103"/>
      <c r="E15" s="1106" t="s">
        <v>1860</v>
      </c>
      <c r="F15" s="3154" t="s">
        <v>445</v>
      </c>
      <c r="G15" s="3154"/>
      <c r="H15" s="3154" t="s">
        <v>445</v>
      </c>
      <c r="I15" s="3154"/>
      <c r="J15" s="824"/>
    </row>
    <row r="16" spans="1:10" ht="30.75" customHeight="1" x14ac:dyDescent="0.2">
      <c r="A16" s="792"/>
      <c r="B16" s="3149"/>
      <c r="C16" s="1075"/>
      <c r="D16" s="1078"/>
      <c r="E16" s="1107" t="s">
        <v>1861</v>
      </c>
      <c r="F16" s="3155" t="s">
        <v>445</v>
      </c>
      <c r="G16" s="3155"/>
      <c r="H16" s="3155" t="s">
        <v>445</v>
      </c>
      <c r="I16" s="3155"/>
      <c r="J16" s="824"/>
    </row>
    <row r="17" spans="1:10" ht="30.75" customHeight="1" x14ac:dyDescent="0.2">
      <c r="A17" s="792"/>
      <c r="B17" s="3149"/>
      <c r="C17" s="1075"/>
      <c r="D17" s="3156" t="s">
        <v>1862</v>
      </c>
      <c r="E17" s="3156"/>
      <c r="F17" s="3067" t="s">
        <v>445</v>
      </c>
      <c r="G17" s="3067"/>
      <c r="H17" s="3067" t="s">
        <v>445</v>
      </c>
      <c r="I17" s="3067"/>
      <c r="J17" s="824"/>
    </row>
    <row r="18" spans="1:10" ht="13.5" customHeight="1" x14ac:dyDescent="0.2">
      <c r="A18" s="792"/>
      <c r="B18" s="3149"/>
      <c r="C18" s="1078"/>
      <c r="D18" s="1079"/>
      <c r="E18" s="1079"/>
      <c r="F18" s="1079"/>
      <c r="G18" s="1079"/>
      <c r="H18" s="1079"/>
      <c r="I18" s="1079"/>
      <c r="J18" s="1080"/>
    </row>
    <row r="19" spans="1:10" ht="21" customHeight="1" x14ac:dyDescent="0.2">
      <c r="A19" s="792"/>
      <c r="B19" s="3148" t="s">
        <v>1863</v>
      </c>
      <c r="C19" s="1073"/>
      <c r="D19" s="1073"/>
      <c r="E19" s="1073"/>
      <c r="F19" s="1073"/>
      <c r="G19" s="1073"/>
      <c r="H19" s="1073"/>
      <c r="I19" s="1073"/>
      <c r="J19" s="1074"/>
    </row>
    <row r="20" spans="1:10" ht="47.25" customHeight="1" x14ac:dyDescent="0.2">
      <c r="A20" s="792"/>
      <c r="B20" s="3149"/>
      <c r="C20" s="792"/>
      <c r="D20" s="1099" t="s">
        <v>672</v>
      </c>
      <c r="E20" s="3157" t="s">
        <v>906</v>
      </c>
      <c r="F20" s="3157"/>
      <c r="G20" s="1108" t="s">
        <v>673</v>
      </c>
      <c r="H20" s="3157" t="s">
        <v>905</v>
      </c>
      <c r="I20" s="3145"/>
      <c r="J20" s="824"/>
    </row>
    <row r="21" spans="1:10" ht="23.25" customHeight="1" x14ac:dyDescent="0.2">
      <c r="A21" s="792"/>
      <c r="B21" s="3149"/>
      <c r="C21" s="792"/>
      <c r="D21" s="1099" t="s">
        <v>564</v>
      </c>
      <c r="E21" s="3145"/>
      <c r="F21" s="3145"/>
      <c r="G21" s="1109"/>
      <c r="H21" s="3158"/>
      <c r="I21" s="3159"/>
      <c r="J21" s="824"/>
    </row>
    <row r="22" spans="1:10" ht="23.25" customHeight="1" x14ac:dyDescent="0.2">
      <c r="A22" s="792"/>
      <c r="B22" s="3149"/>
      <c r="C22" s="792"/>
      <c r="D22" s="1099" t="s">
        <v>671</v>
      </c>
      <c r="E22" s="3145"/>
      <c r="F22" s="3145"/>
      <c r="G22" s="1109"/>
      <c r="H22" s="3160"/>
      <c r="I22" s="3161"/>
      <c r="J22" s="824"/>
    </row>
    <row r="23" spans="1:10" ht="23.25" customHeight="1" x14ac:dyDescent="0.2">
      <c r="A23" s="792"/>
      <c r="B23" s="3149"/>
      <c r="C23" s="792"/>
      <c r="D23" s="1099" t="s">
        <v>670</v>
      </c>
      <c r="E23" s="3145"/>
      <c r="F23" s="3145"/>
      <c r="G23" s="1109"/>
      <c r="H23" s="3160"/>
      <c r="I23" s="3161"/>
      <c r="J23" s="824"/>
    </row>
    <row r="24" spans="1:10" ht="23.25" customHeight="1" x14ac:dyDescent="0.2">
      <c r="A24" s="792"/>
      <c r="B24" s="3149"/>
      <c r="C24" s="792"/>
      <c r="D24" s="1099" t="s">
        <v>669</v>
      </c>
      <c r="E24" s="3145"/>
      <c r="F24" s="3145"/>
      <c r="G24" s="1109"/>
      <c r="H24" s="3160"/>
      <c r="I24" s="3161"/>
      <c r="J24" s="824"/>
    </row>
    <row r="25" spans="1:10" ht="23.25" customHeight="1" x14ac:dyDescent="0.2">
      <c r="A25" s="792"/>
      <c r="B25" s="3149"/>
      <c r="C25" s="792"/>
      <c r="D25" s="1099" t="s">
        <v>668</v>
      </c>
      <c r="E25" s="3145"/>
      <c r="F25" s="3145"/>
      <c r="G25" s="1109"/>
      <c r="H25" s="3160"/>
      <c r="I25" s="3161"/>
      <c r="J25" s="824"/>
    </row>
    <row r="26" spans="1:10" ht="23.25" customHeight="1" x14ac:dyDescent="0.2">
      <c r="A26" s="792"/>
      <c r="B26" s="3149"/>
      <c r="C26" s="792"/>
      <c r="D26" s="1099" t="s">
        <v>667</v>
      </c>
      <c r="E26" s="3145"/>
      <c r="F26" s="3145"/>
      <c r="G26" s="1109"/>
      <c r="H26" s="3160"/>
      <c r="I26" s="3161"/>
      <c r="J26" s="824"/>
    </row>
    <row r="27" spans="1:10" ht="23.25" customHeight="1" x14ac:dyDescent="0.2">
      <c r="A27" s="792"/>
      <c r="B27" s="3149"/>
      <c r="C27" s="792"/>
      <c r="D27" s="1099" t="s">
        <v>666</v>
      </c>
      <c r="E27" s="3145"/>
      <c r="F27" s="3145"/>
      <c r="G27" s="1109"/>
      <c r="H27" s="3160"/>
      <c r="I27" s="3161"/>
      <c r="J27" s="824"/>
    </row>
    <row r="28" spans="1:10" ht="23.25" customHeight="1" x14ac:dyDescent="0.2">
      <c r="A28" s="792"/>
      <c r="B28" s="3149"/>
      <c r="C28" s="792"/>
      <c r="D28" s="1099" t="s">
        <v>665</v>
      </c>
      <c r="E28" s="3145"/>
      <c r="F28" s="3145"/>
      <c r="G28" s="1109"/>
      <c r="H28" s="3160"/>
      <c r="I28" s="3161"/>
      <c r="J28" s="824"/>
    </row>
    <row r="29" spans="1:10" ht="23.25" customHeight="1" x14ac:dyDescent="0.2">
      <c r="A29" s="792"/>
      <c r="B29" s="3149"/>
      <c r="C29" s="792"/>
      <c r="D29" s="1099" t="s">
        <v>664</v>
      </c>
      <c r="E29" s="3145"/>
      <c r="F29" s="3145"/>
      <c r="G29" s="1109"/>
      <c r="H29" s="3160"/>
      <c r="I29" s="3161"/>
      <c r="J29" s="824"/>
    </row>
    <row r="30" spans="1:10" ht="23.25" customHeight="1" x14ac:dyDescent="0.2">
      <c r="A30" s="792"/>
      <c r="B30" s="3149"/>
      <c r="C30" s="792"/>
      <c r="D30" s="1099" t="s">
        <v>663</v>
      </c>
      <c r="E30" s="3145"/>
      <c r="F30" s="3145"/>
      <c r="G30" s="1109"/>
      <c r="H30" s="3160"/>
      <c r="I30" s="3161"/>
      <c r="J30" s="824"/>
    </row>
    <row r="31" spans="1:10" ht="23.25" customHeight="1" x14ac:dyDescent="0.2">
      <c r="A31" s="792"/>
      <c r="B31" s="3149"/>
      <c r="C31" s="792"/>
      <c r="D31" s="1099" t="s">
        <v>662</v>
      </c>
      <c r="E31" s="3145"/>
      <c r="F31" s="3145"/>
      <c r="G31" s="1109"/>
      <c r="H31" s="3160"/>
      <c r="I31" s="3161"/>
      <c r="J31" s="824"/>
    </row>
    <row r="32" spans="1:10" ht="23.25" customHeight="1" thickBot="1" x14ac:dyDescent="0.25">
      <c r="A32" s="792"/>
      <c r="B32" s="3149"/>
      <c r="C32" s="792"/>
      <c r="D32" s="1110" t="s">
        <v>661</v>
      </c>
      <c r="E32" s="3164"/>
      <c r="F32" s="3164"/>
      <c r="G32" s="1111"/>
      <c r="H32" s="3162"/>
      <c r="I32" s="3163"/>
      <c r="J32" s="824"/>
    </row>
    <row r="33" spans="1:10" ht="23.25" customHeight="1" thickTop="1" x14ac:dyDescent="0.2">
      <c r="A33" s="792"/>
      <c r="B33" s="3149"/>
      <c r="C33" s="792"/>
      <c r="D33" s="1112" t="s">
        <v>63</v>
      </c>
      <c r="E33" s="3168"/>
      <c r="F33" s="3168"/>
      <c r="G33" s="1113"/>
      <c r="H33" s="3168"/>
      <c r="I33" s="3168"/>
      <c r="J33" s="824"/>
    </row>
    <row r="34" spans="1:10" ht="12" customHeight="1" x14ac:dyDescent="0.2">
      <c r="A34" s="792"/>
      <c r="B34" s="3149"/>
      <c r="C34" s="792"/>
      <c r="D34" s="1114"/>
      <c r="E34" s="1115"/>
      <c r="F34" s="1115"/>
      <c r="G34" s="1116"/>
      <c r="H34" s="1115"/>
      <c r="I34" s="1115"/>
      <c r="J34" s="824"/>
    </row>
    <row r="35" spans="1:10" s="550" customFormat="1" ht="19.5" customHeight="1" x14ac:dyDescent="0.2">
      <c r="A35" s="1117"/>
      <c r="B35" s="3149"/>
      <c r="C35" s="1117"/>
      <c r="D35" s="1118"/>
      <c r="E35" s="1119"/>
      <c r="F35" s="1119"/>
      <c r="G35" s="1120"/>
      <c r="H35" s="1119"/>
      <c r="I35" s="1119"/>
      <c r="J35" s="1121"/>
    </row>
    <row r="36" spans="1:10" ht="19.5" customHeight="1" x14ac:dyDescent="0.2">
      <c r="A36" s="792"/>
      <c r="B36" s="3149"/>
      <c r="C36" s="792"/>
      <c r="D36" s="1122"/>
      <c r="E36" s="3090"/>
      <c r="F36" s="3090"/>
      <c r="G36" s="3090"/>
      <c r="H36" s="3090"/>
      <c r="I36" s="3090"/>
      <c r="J36" s="3169"/>
    </row>
    <row r="37" spans="1:10" ht="23.25" customHeight="1" x14ac:dyDescent="0.2">
      <c r="A37" s="792"/>
      <c r="B37" s="3149"/>
      <c r="C37" s="792"/>
      <c r="D37" s="1122"/>
      <c r="E37" s="3090" t="s">
        <v>1864</v>
      </c>
      <c r="F37" s="3090"/>
      <c r="G37" s="3090"/>
      <c r="H37" s="3090"/>
      <c r="I37" s="3090"/>
      <c r="J37" s="3169"/>
    </row>
    <row r="38" spans="1:10" ht="31.5" customHeight="1" x14ac:dyDescent="0.2">
      <c r="A38" s="792"/>
      <c r="B38" s="3149"/>
      <c r="C38" s="792"/>
      <c r="D38" s="1120"/>
      <c r="E38" s="3093"/>
      <c r="F38" s="3093"/>
      <c r="G38" s="3093"/>
      <c r="H38" s="3093"/>
      <c r="I38" s="3093"/>
      <c r="J38" s="3170"/>
    </row>
    <row r="39" spans="1:10" ht="6" customHeight="1" x14ac:dyDescent="0.2">
      <c r="A39" s="792"/>
      <c r="B39" s="3172"/>
      <c r="C39" s="1079"/>
      <c r="D39" s="1123"/>
      <c r="E39" s="1079"/>
      <c r="F39" s="1124"/>
      <c r="G39" s="1125"/>
      <c r="H39" s="1124"/>
      <c r="I39" s="1124"/>
      <c r="J39" s="1080"/>
    </row>
    <row r="40" spans="1:10" ht="13.5" customHeight="1" x14ac:dyDescent="0.2">
      <c r="A40" s="792"/>
      <c r="B40" s="792"/>
      <c r="C40" s="792"/>
      <c r="D40" s="792"/>
      <c r="E40" s="792"/>
      <c r="F40" s="792"/>
      <c r="G40" s="792"/>
      <c r="H40" s="792"/>
      <c r="I40" s="792"/>
      <c r="J40" s="792"/>
    </row>
    <row r="41" spans="1:10" ht="22.5" customHeight="1" x14ac:dyDescent="0.2">
      <c r="A41" s="792"/>
      <c r="B41" s="3171" t="s">
        <v>1865</v>
      </c>
      <c r="C41" s="3171"/>
      <c r="D41" s="3171"/>
      <c r="E41" s="3171"/>
      <c r="F41" s="3171"/>
      <c r="G41" s="3171"/>
      <c r="H41" s="3171"/>
      <c r="I41" s="3171"/>
      <c r="J41" s="3171"/>
    </row>
    <row r="42" spans="1:10" ht="20.25" customHeight="1" x14ac:dyDescent="0.2">
      <c r="A42" s="792"/>
      <c r="B42" s="3165" t="s">
        <v>1866</v>
      </c>
      <c r="C42" s="3165"/>
      <c r="D42" s="3165"/>
      <c r="E42" s="3165"/>
      <c r="F42" s="3165"/>
      <c r="G42" s="3165"/>
      <c r="H42" s="3165"/>
      <c r="I42" s="3165"/>
      <c r="J42" s="3165"/>
    </row>
    <row r="43" spans="1:10" ht="33" customHeight="1" x14ac:dyDescent="0.2">
      <c r="A43" s="792"/>
      <c r="B43" s="3165" t="s">
        <v>1867</v>
      </c>
      <c r="C43" s="3165"/>
      <c r="D43" s="3165"/>
      <c r="E43" s="3165"/>
      <c r="F43" s="3165"/>
      <c r="G43" s="3165"/>
      <c r="H43" s="3165"/>
      <c r="I43" s="3165"/>
      <c r="J43" s="3165"/>
    </row>
    <row r="44" spans="1:10" ht="21" customHeight="1" x14ac:dyDescent="0.2">
      <c r="A44" s="792"/>
      <c r="B44" s="3166" t="s">
        <v>1868</v>
      </c>
      <c r="C44" s="3166"/>
      <c r="D44" s="3166"/>
      <c r="E44" s="3166"/>
      <c r="F44" s="3166"/>
      <c r="G44" s="3166"/>
      <c r="H44" s="3166"/>
      <c r="I44" s="3166"/>
      <c r="J44" s="3166"/>
    </row>
    <row r="45" spans="1:10" ht="17.25" customHeight="1" x14ac:dyDescent="0.2">
      <c r="A45" s="792"/>
      <c r="B45" s="3167" t="s">
        <v>1869</v>
      </c>
      <c r="C45" s="3167"/>
      <c r="D45" s="3167"/>
      <c r="E45" s="3167"/>
      <c r="F45" s="3167"/>
      <c r="G45" s="3167"/>
      <c r="H45" s="3167"/>
      <c r="I45" s="3167"/>
      <c r="J45" s="792"/>
    </row>
    <row r="46" spans="1:10" x14ac:dyDescent="0.2">
      <c r="C46" s="56" t="s">
        <v>1809</v>
      </c>
    </row>
    <row r="48" spans="1:10" ht="13.5" customHeight="1" x14ac:dyDescent="0.2"/>
    <row r="49" ht="13.5" customHeight="1" x14ac:dyDescent="0.2"/>
    <row r="50" ht="13.5" customHeight="1" x14ac:dyDescent="0.2"/>
  </sheetData>
  <mergeCells count="55">
    <mergeCell ref="E32:F32"/>
    <mergeCell ref="B43:J43"/>
    <mergeCell ref="B44:J44"/>
    <mergeCell ref="B45:I45"/>
    <mergeCell ref="H33:I33"/>
    <mergeCell ref="E36:J36"/>
    <mergeCell ref="E37:J37"/>
    <mergeCell ref="E38:J38"/>
    <mergeCell ref="B41:J41"/>
    <mergeCell ref="B42:J42"/>
    <mergeCell ref="E33:F33"/>
    <mergeCell ref="B19:B39"/>
    <mergeCell ref="E26:F26"/>
    <mergeCell ref="E28:F28"/>
    <mergeCell ref="E29:F29"/>
    <mergeCell ref="E30:F30"/>
    <mergeCell ref="E31:F31"/>
    <mergeCell ref="F15:G15"/>
    <mergeCell ref="H15:I15"/>
    <mergeCell ref="E27:F27"/>
    <mergeCell ref="F16:G16"/>
    <mergeCell ref="H16:I16"/>
    <mergeCell ref="D17:E17"/>
    <mergeCell ref="F17:G17"/>
    <mergeCell ref="H17:I17"/>
    <mergeCell ref="E20:F20"/>
    <mergeCell ref="H20:I20"/>
    <mergeCell ref="E21:F21"/>
    <mergeCell ref="H21:I32"/>
    <mergeCell ref="E22:F22"/>
    <mergeCell ref="E23:F23"/>
    <mergeCell ref="E24:F24"/>
    <mergeCell ref="E25:F25"/>
    <mergeCell ref="F11:G11"/>
    <mergeCell ref="H11:I11"/>
    <mergeCell ref="F13:G13"/>
    <mergeCell ref="H13:I13"/>
    <mergeCell ref="F14:G14"/>
    <mergeCell ref="H14:I14"/>
    <mergeCell ref="D12:E12"/>
    <mergeCell ref="F12:G12"/>
    <mergeCell ref="H12:I12"/>
    <mergeCell ref="I2:J2"/>
    <mergeCell ref="A3:J3"/>
    <mergeCell ref="C5:J5"/>
    <mergeCell ref="D6:E6"/>
    <mergeCell ref="C7:J7"/>
    <mergeCell ref="B8:B18"/>
    <mergeCell ref="D9:E9"/>
    <mergeCell ref="F9:G9"/>
    <mergeCell ref="H9:I9"/>
    <mergeCell ref="D10:E10"/>
    <mergeCell ref="F10:G10"/>
    <mergeCell ref="H10:I10"/>
    <mergeCell ref="D11:E11"/>
  </mergeCells>
  <phoneticPr fontId="6"/>
  <pageMargins left="0.7" right="0.7" top="0.75" bottom="0.75" header="0.3" footer="0.3"/>
  <pageSetup paperSize="9" scale="73" orientation="portrait" r:id="rId1"/>
  <drawing r:id="rId2"/>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J24"/>
  <sheetViews>
    <sheetView showGridLines="0" view="pageBreakPreview" zoomScaleNormal="100" zoomScaleSheetLayoutView="100" workbookViewId="0">
      <selection activeCell="B2" sqref="B2"/>
    </sheetView>
  </sheetViews>
  <sheetFormatPr defaultRowHeight="13.2" x14ac:dyDescent="0.2"/>
  <cols>
    <col min="1" max="1" width="1.88671875" style="56" customWidth="1"/>
    <col min="2" max="2" width="21.88671875" style="56" customWidth="1"/>
    <col min="3" max="3" width="4.6640625" style="56" customWidth="1"/>
    <col min="4" max="4" width="4.33203125" style="56" customWidth="1"/>
    <col min="5" max="5" width="22.33203125" style="56" customWidth="1"/>
    <col min="6" max="6" width="4.6640625" style="56" customWidth="1"/>
    <col min="7" max="7" width="25" style="56" customWidth="1"/>
    <col min="8" max="8" width="5.109375" style="56" customWidth="1"/>
    <col min="9" max="9" width="1.44140625" style="56" customWidth="1"/>
    <col min="10" max="10" width="4.109375" style="56" customWidth="1"/>
    <col min="11" max="256" width="9" style="56"/>
    <col min="257" max="257" width="1.88671875" style="56" customWidth="1"/>
    <col min="258" max="258" width="21.88671875" style="56" customWidth="1"/>
    <col min="259" max="259" width="4.6640625" style="56" customWidth="1"/>
    <col min="260" max="260" width="4.33203125" style="56" customWidth="1"/>
    <col min="261" max="261" width="22.33203125" style="56" customWidth="1"/>
    <col min="262" max="262" width="4.6640625" style="56" customWidth="1"/>
    <col min="263" max="263" width="25" style="56" customWidth="1"/>
    <col min="264" max="264" width="4.6640625" style="56" customWidth="1"/>
    <col min="265" max="265" width="24.109375" style="56" customWidth="1"/>
    <col min="266" max="266" width="4.88671875" style="56" customWidth="1"/>
    <col min="267" max="512" width="9" style="56"/>
    <col min="513" max="513" width="1.88671875" style="56" customWidth="1"/>
    <col min="514" max="514" width="21.88671875" style="56" customWidth="1"/>
    <col min="515" max="515" width="4.6640625" style="56" customWidth="1"/>
    <col min="516" max="516" width="4.33203125" style="56" customWidth="1"/>
    <col min="517" max="517" width="22.33203125" style="56" customWidth="1"/>
    <col min="518" max="518" width="4.6640625" style="56" customWidth="1"/>
    <col min="519" max="519" width="25" style="56" customWidth="1"/>
    <col min="520" max="520" width="4.6640625" style="56" customWidth="1"/>
    <col min="521" max="521" width="24.109375" style="56" customWidth="1"/>
    <col min="522" max="522" width="4.88671875" style="56" customWidth="1"/>
    <col min="523" max="768" width="9" style="56"/>
    <col min="769" max="769" width="1.88671875" style="56" customWidth="1"/>
    <col min="770" max="770" width="21.88671875" style="56" customWidth="1"/>
    <col min="771" max="771" width="4.6640625" style="56" customWidth="1"/>
    <col min="772" max="772" width="4.33203125" style="56" customWidth="1"/>
    <col min="773" max="773" width="22.33203125" style="56" customWidth="1"/>
    <col min="774" max="774" width="4.6640625" style="56" customWidth="1"/>
    <col min="775" max="775" width="25" style="56" customWidth="1"/>
    <col min="776" max="776" width="4.6640625" style="56" customWidth="1"/>
    <col min="777" max="777" width="24.109375" style="56" customWidth="1"/>
    <col min="778" max="778" width="4.88671875" style="56" customWidth="1"/>
    <col min="779" max="1024" width="9" style="56"/>
    <col min="1025" max="1025" width="1.88671875" style="56" customWidth="1"/>
    <col min="1026" max="1026" width="21.88671875" style="56" customWidth="1"/>
    <col min="1027" max="1027" width="4.6640625" style="56" customWidth="1"/>
    <col min="1028" max="1028" width="4.33203125" style="56" customWidth="1"/>
    <col min="1029" max="1029" width="22.33203125" style="56" customWidth="1"/>
    <col min="1030" max="1030" width="4.6640625" style="56" customWidth="1"/>
    <col min="1031" max="1031" width="25" style="56" customWidth="1"/>
    <col min="1032" max="1032" width="4.6640625" style="56" customWidth="1"/>
    <col min="1033" max="1033" width="24.109375" style="56" customWidth="1"/>
    <col min="1034" max="1034" width="4.88671875" style="56" customWidth="1"/>
    <col min="1035" max="1280" width="9" style="56"/>
    <col min="1281" max="1281" width="1.88671875" style="56" customWidth="1"/>
    <col min="1282" max="1282" width="21.88671875" style="56" customWidth="1"/>
    <col min="1283" max="1283" width="4.6640625" style="56" customWidth="1"/>
    <col min="1284" max="1284" width="4.33203125" style="56" customWidth="1"/>
    <col min="1285" max="1285" width="22.33203125" style="56" customWidth="1"/>
    <col min="1286" max="1286" width="4.6640625" style="56" customWidth="1"/>
    <col min="1287" max="1287" width="25" style="56" customWidth="1"/>
    <col min="1288" max="1288" width="4.6640625" style="56" customWidth="1"/>
    <col min="1289" max="1289" width="24.109375" style="56" customWidth="1"/>
    <col min="1290" max="1290" width="4.88671875" style="56" customWidth="1"/>
    <col min="1291" max="1536" width="9" style="56"/>
    <col min="1537" max="1537" width="1.88671875" style="56" customWidth="1"/>
    <col min="1538" max="1538" width="21.88671875" style="56" customWidth="1"/>
    <col min="1539" max="1539" width="4.6640625" style="56" customWidth="1"/>
    <col min="1540" max="1540" width="4.33203125" style="56" customWidth="1"/>
    <col min="1541" max="1541" width="22.33203125" style="56" customWidth="1"/>
    <col min="1542" max="1542" width="4.6640625" style="56" customWidth="1"/>
    <col min="1543" max="1543" width="25" style="56" customWidth="1"/>
    <col min="1544" max="1544" width="4.6640625" style="56" customWidth="1"/>
    <col min="1545" max="1545" width="24.109375" style="56" customWidth="1"/>
    <col min="1546" max="1546" width="4.88671875" style="56" customWidth="1"/>
    <col min="1547" max="1792" width="9" style="56"/>
    <col min="1793" max="1793" width="1.88671875" style="56" customWidth="1"/>
    <col min="1794" max="1794" width="21.88671875" style="56" customWidth="1"/>
    <col min="1795" max="1795" width="4.6640625" style="56" customWidth="1"/>
    <col min="1796" max="1796" width="4.33203125" style="56" customWidth="1"/>
    <col min="1797" max="1797" width="22.33203125" style="56" customWidth="1"/>
    <col min="1798" max="1798" width="4.6640625" style="56" customWidth="1"/>
    <col min="1799" max="1799" width="25" style="56" customWidth="1"/>
    <col min="1800" max="1800" width="4.6640625" style="56" customWidth="1"/>
    <col min="1801" max="1801" width="24.109375" style="56" customWidth="1"/>
    <col min="1802" max="1802" width="4.88671875" style="56" customWidth="1"/>
    <col min="1803" max="2048" width="9" style="56"/>
    <col min="2049" max="2049" width="1.88671875" style="56" customWidth="1"/>
    <col min="2050" max="2050" width="21.88671875" style="56" customWidth="1"/>
    <col min="2051" max="2051" width="4.6640625" style="56" customWidth="1"/>
    <col min="2052" max="2052" width="4.33203125" style="56" customWidth="1"/>
    <col min="2053" max="2053" width="22.33203125" style="56" customWidth="1"/>
    <col min="2054" max="2054" width="4.6640625" style="56" customWidth="1"/>
    <col min="2055" max="2055" width="25" style="56" customWidth="1"/>
    <col min="2056" max="2056" width="4.6640625" style="56" customWidth="1"/>
    <col min="2057" max="2057" width="24.109375" style="56" customWidth="1"/>
    <col min="2058" max="2058" width="4.88671875" style="56" customWidth="1"/>
    <col min="2059" max="2304" width="9" style="56"/>
    <col min="2305" max="2305" width="1.88671875" style="56" customWidth="1"/>
    <col min="2306" max="2306" width="21.88671875" style="56" customWidth="1"/>
    <col min="2307" max="2307" width="4.6640625" style="56" customWidth="1"/>
    <col min="2308" max="2308" width="4.33203125" style="56" customWidth="1"/>
    <col min="2309" max="2309" width="22.33203125" style="56" customWidth="1"/>
    <col min="2310" max="2310" width="4.6640625" style="56" customWidth="1"/>
    <col min="2311" max="2311" width="25" style="56" customWidth="1"/>
    <col min="2312" max="2312" width="4.6640625" style="56" customWidth="1"/>
    <col min="2313" max="2313" width="24.109375" style="56" customWidth="1"/>
    <col min="2314" max="2314" width="4.88671875" style="56" customWidth="1"/>
    <col min="2315" max="2560" width="9" style="56"/>
    <col min="2561" max="2561" width="1.88671875" style="56" customWidth="1"/>
    <col min="2562" max="2562" width="21.88671875" style="56" customWidth="1"/>
    <col min="2563" max="2563" width="4.6640625" style="56" customWidth="1"/>
    <col min="2564" max="2564" width="4.33203125" style="56" customWidth="1"/>
    <col min="2565" max="2565" width="22.33203125" style="56" customWidth="1"/>
    <col min="2566" max="2566" width="4.6640625" style="56" customWidth="1"/>
    <col min="2567" max="2567" width="25" style="56" customWidth="1"/>
    <col min="2568" max="2568" width="4.6640625" style="56" customWidth="1"/>
    <col min="2569" max="2569" width="24.109375" style="56" customWidth="1"/>
    <col min="2570" max="2570" width="4.88671875" style="56" customWidth="1"/>
    <col min="2571" max="2816" width="9" style="56"/>
    <col min="2817" max="2817" width="1.88671875" style="56" customWidth="1"/>
    <col min="2818" max="2818" width="21.88671875" style="56" customWidth="1"/>
    <col min="2819" max="2819" width="4.6640625" style="56" customWidth="1"/>
    <col min="2820" max="2820" width="4.33203125" style="56" customWidth="1"/>
    <col min="2821" max="2821" width="22.33203125" style="56" customWidth="1"/>
    <col min="2822" max="2822" width="4.6640625" style="56" customWidth="1"/>
    <col min="2823" max="2823" width="25" style="56" customWidth="1"/>
    <col min="2824" max="2824" width="4.6640625" style="56" customWidth="1"/>
    <col min="2825" max="2825" width="24.109375" style="56" customWidth="1"/>
    <col min="2826" max="2826" width="4.88671875" style="56" customWidth="1"/>
    <col min="2827" max="3072" width="9" style="56"/>
    <col min="3073" max="3073" width="1.88671875" style="56" customWidth="1"/>
    <col min="3074" max="3074" width="21.88671875" style="56" customWidth="1"/>
    <col min="3075" max="3075" width="4.6640625" style="56" customWidth="1"/>
    <col min="3076" max="3076" width="4.33203125" style="56" customWidth="1"/>
    <col min="3077" max="3077" width="22.33203125" style="56" customWidth="1"/>
    <col min="3078" max="3078" width="4.6640625" style="56" customWidth="1"/>
    <col min="3079" max="3079" width="25" style="56" customWidth="1"/>
    <col min="3080" max="3080" width="4.6640625" style="56" customWidth="1"/>
    <col min="3081" max="3081" width="24.109375" style="56" customWidth="1"/>
    <col min="3082" max="3082" width="4.88671875" style="56" customWidth="1"/>
    <col min="3083" max="3328" width="9" style="56"/>
    <col min="3329" max="3329" width="1.88671875" style="56" customWidth="1"/>
    <col min="3330" max="3330" width="21.88671875" style="56" customWidth="1"/>
    <col min="3331" max="3331" width="4.6640625" style="56" customWidth="1"/>
    <col min="3332" max="3332" width="4.33203125" style="56" customWidth="1"/>
    <col min="3333" max="3333" width="22.33203125" style="56" customWidth="1"/>
    <col min="3334" max="3334" width="4.6640625" style="56" customWidth="1"/>
    <col min="3335" max="3335" width="25" style="56" customWidth="1"/>
    <col min="3336" max="3336" width="4.6640625" style="56" customWidth="1"/>
    <col min="3337" max="3337" width="24.109375" style="56" customWidth="1"/>
    <col min="3338" max="3338" width="4.88671875" style="56" customWidth="1"/>
    <col min="3339" max="3584" width="9" style="56"/>
    <col min="3585" max="3585" width="1.88671875" style="56" customWidth="1"/>
    <col min="3586" max="3586" width="21.88671875" style="56" customWidth="1"/>
    <col min="3587" max="3587" width="4.6640625" style="56" customWidth="1"/>
    <col min="3588" max="3588" width="4.33203125" style="56" customWidth="1"/>
    <col min="3589" max="3589" width="22.33203125" style="56" customWidth="1"/>
    <col min="3590" max="3590" width="4.6640625" style="56" customWidth="1"/>
    <col min="3591" max="3591" width="25" style="56" customWidth="1"/>
    <col min="3592" max="3592" width="4.6640625" style="56" customWidth="1"/>
    <col min="3593" max="3593" width="24.109375" style="56" customWidth="1"/>
    <col min="3594" max="3594" width="4.88671875" style="56" customWidth="1"/>
    <col min="3595" max="3840" width="9" style="56"/>
    <col min="3841" max="3841" width="1.88671875" style="56" customWidth="1"/>
    <col min="3842" max="3842" width="21.88671875" style="56" customWidth="1"/>
    <col min="3843" max="3843" width="4.6640625" style="56" customWidth="1"/>
    <col min="3844" max="3844" width="4.33203125" style="56" customWidth="1"/>
    <col min="3845" max="3845" width="22.33203125" style="56" customWidth="1"/>
    <col min="3846" max="3846" width="4.6640625" style="56" customWidth="1"/>
    <col min="3847" max="3847" width="25" style="56" customWidth="1"/>
    <col min="3848" max="3848" width="4.6640625" style="56" customWidth="1"/>
    <col min="3849" max="3849" width="24.109375" style="56" customWidth="1"/>
    <col min="3850" max="3850" width="4.88671875" style="56" customWidth="1"/>
    <col min="3851" max="4096" width="9" style="56"/>
    <col min="4097" max="4097" width="1.88671875" style="56" customWidth="1"/>
    <col min="4098" max="4098" width="21.88671875" style="56" customWidth="1"/>
    <col min="4099" max="4099" width="4.6640625" style="56" customWidth="1"/>
    <col min="4100" max="4100" width="4.33203125" style="56" customWidth="1"/>
    <col min="4101" max="4101" width="22.33203125" style="56" customWidth="1"/>
    <col min="4102" max="4102" width="4.6640625" style="56" customWidth="1"/>
    <col min="4103" max="4103" width="25" style="56" customWidth="1"/>
    <col min="4104" max="4104" width="4.6640625" style="56" customWidth="1"/>
    <col min="4105" max="4105" width="24.109375" style="56" customWidth="1"/>
    <col min="4106" max="4106" width="4.88671875" style="56" customWidth="1"/>
    <col min="4107" max="4352" width="9" style="56"/>
    <col min="4353" max="4353" width="1.88671875" style="56" customWidth="1"/>
    <col min="4354" max="4354" width="21.88671875" style="56" customWidth="1"/>
    <col min="4355" max="4355" width="4.6640625" style="56" customWidth="1"/>
    <col min="4356" max="4356" width="4.33203125" style="56" customWidth="1"/>
    <col min="4357" max="4357" width="22.33203125" style="56" customWidth="1"/>
    <col min="4358" max="4358" width="4.6640625" style="56" customWidth="1"/>
    <col min="4359" max="4359" width="25" style="56" customWidth="1"/>
    <col min="4360" max="4360" width="4.6640625" style="56" customWidth="1"/>
    <col min="4361" max="4361" width="24.109375" style="56" customWidth="1"/>
    <col min="4362" max="4362" width="4.88671875" style="56" customWidth="1"/>
    <col min="4363" max="4608" width="9" style="56"/>
    <col min="4609" max="4609" width="1.88671875" style="56" customWidth="1"/>
    <col min="4610" max="4610" width="21.88671875" style="56" customWidth="1"/>
    <col min="4611" max="4611" width="4.6640625" style="56" customWidth="1"/>
    <col min="4612" max="4612" width="4.33203125" style="56" customWidth="1"/>
    <col min="4613" max="4613" width="22.33203125" style="56" customWidth="1"/>
    <col min="4614" max="4614" width="4.6640625" style="56" customWidth="1"/>
    <col min="4615" max="4615" width="25" style="56" customWidth="1"/>
    <col min="4616" max="4616" width="4.6640625" style="56" customWidth="1"/>
    <col min="4617" max="4617" width="24.109375" style="56" customWidth="1"/>
    <col min="4618" max="4618" width="4.88671875" style="56" customWidth="1"/>
    <col min="4619" max="4864" width="9" style="56"/>
    <col min="4865" max="4865" width="1.88671875" style="56" customWidth="1"/>
    <col min="4866" max="4866" width="21.88671875" style="56" customWidth="1"/>
    <col min="4867" max="4867" width="4.6640625" style="56" customWidth="1"/>
    <col min="4868" max="4868" width="4.33203125" style="56" customWidth="1"/>
    <col min="4869" max="4869" width="22.33203125" style="56" customWidth="1"/>
    <col min="4870" max="4870" width="4.6640625" style="56" customWidth="1"/>
    <col min="4871" max="4871" width="25" style="56" customWidth="1"/>
    <col min="4872" max="4872" width="4.6640625" style="56" customWidth="1"/>
    <col min="4873" max="4873" width="24.109375" style="56" customWidth="1"/>
    <col min="4874" max="4874" width="4.88671875" style="56" customWidth="1"/>
    <col min="4875" max="5120" width="9" style="56"/>
    <col min="5121" max="5121" width="1.88671875" style="56" customWidth="1"/>
    <col min="5122" max="5122" width="21.88671875" style="56" customWidth="1"/>
    <col min="5123" max="5123" width="4.6640625" style="56" customWidth="1"/>
    <col min="5124" max="5124" width="4.33203125" style="56" customWidth="1"/>
    <col min="5125" max="5125" width="22.33203125" style="56" customWidth="1"/>
    <col min="5126" max="5126" width="4.6640625" style="56" customWidth="1"/>
    <col min="5127" max="5127" width="25" style="56" customWidth="1"/>
    <col min="5128" max="5128" width="4.6640625" style="56" customWidth="1"/>
    <col min="5129" max="5129" width="24.109375" style="56" customWidth="1"/>
    <col min="5130" max="5130" width="4.88671875" style="56" customWidth="1"/>
    <col min="5131" max="5376" width="9" style="56"/>
    <col min="5377" max="5377" width="1.88671875" style="56" customWidth="1"/>
    <col min="5378" max="5378" width="21.88671875" style="56" customWidth="1"/>
    <col min="5379" max="5379" width="4.6640625" style="56" customWidth="1"/>
    <col min="5380" max="5380" width="4.33203125" style="56" customWidth="1"/>
    <col min="5381" max="5381" width="22.33203125" style="56" customWidth="1"/>
    <col min="5382" max="5382" width="4.6640625" style="56" customWidth="1"/>
    <col min="5383" max="5383" width="25" style="56" customWidth="1"/>
    <col min="5384" max="5384" width="4.6640625" style="56" customWidth="1"/>
    <col min="5385" max="5385" width="24.109375" style="56" customWidth="1"/>
    <col min="5386" max="5386" width="4.88671875" style="56" customWidth="1"/>
    <col min="5387" max="5632" width="9" style="56"/>
    <col min="5633" max="5633" width="1.88671875" style="56" customWidth="1"/>
    <col min="5634" max="5634" width="21.88671875" style="56" customWidth="1"/>
    <col min="5635" max="5635" width="4.6640625" style="56" customWidth="1"/>
    <col min="5636" max="5636" width="4.33203125" style="56" customWidth="1"/>
    <col min="5637" max="5637" width="22.33203125" style="56" customWidth="1"/>
    <col min="5638" max="5638" width="4.6640625" style="56" customWidth="1"/>
    <col min="5639" max="5639" width="25" style="56" customWidth="1"/>
    <col min="5640" max="5640" width="4.6640625" style="56" customWidth="1"/>
    <col min="5641" max="5641" width="24.109375" style="56" customWidth="1"/>
    <col min="5642" max="5642" width="4.88671875" style="56" customWidth="1"/>
    <col min="5643" max="5888" width="9" style="56"/>
    <col min="5889" max="5889" width="1.88671875" style="56" customWidth="1"/>
    <col min="5890" max="5890" width="21.88671875" style="56" customWidth="1"/>
    <col min="5891" max="5891" width="4.6640625" style="56" customWidth="1"/>
    <col min="5892" max="5892" width="4.33203125" style="56" customWidth="1"/>
    <col min="5893" max="5893" width="22.33203125" style="56" customWidth="1"/>
    <col min="5894" max="5894" width="4.6640625" style="56" customWidth="1"/>
    <col min="5895" max="5895" width="25" style="56" customWidth="1"/>
    <col min="5896" max="5896" width="4.6640625" style="56" customWidth="1"/>
    <col min="5897" max="5897" width="24.109375" style="56" customWidth="1"/>
    <col min="5898" max="5898" width="4.88671875" style="56" customWidth="1"/>
    <col min="5899" max="6144" width="9" style="56"/>
    <col min="6145" max="6145" width="1.88671875" style="56" customWidth="1"/>
    <col min="6146" max="6146" width="21.88671875" style="56" customWidth="1"/>
    <col min="6147" max="6147" width="4.6640625" style="56" customWidth="1"/>
    <col min="6148" max="6148" width="4.33203125" style="56" customWidth="1"/>
    <col min="6149" max="6149" width="22.33203125" style="56" customWidth="1"/>
    <col min="6150" max="6150" width="4.6640625" style="56" customWidth="1"/>
    <col min="6151" max="6151" width="25" style="56" customWidth="1"/>
    <col min="6152" max="6152" width="4.6640625" style="56" customWidth="1"/>
    <col min="6153" max="6153" width="24.109375" style="56" customWidth="1"/>
    <col min="6154" max="6154" width="4.88671875" style="56" customWidth="1"/>
    <col min="6155" max="6400" width="9" style="56"/>
    <col min="6401" max="6401" width="1.88671875" style="56" customWidth="1"/>
    <col min="6402" max="6402" width="21.88671875" style="56" customWidth="1"/>
    <col min="6403" max="6403" width="4.6640625" style="56" customWidth="1"/>
    <col min="6404" max="6404" width="4.33203125" style="56" customWidth="1"/>
    <col min="6405" max="6405" width="22.33203125" style="56" customWidth="1"/>
    <col min="6406" max="6406" width="4.6640625" style="56" customWidth="1"/>
    <col min="6407" max="6407" width="25" style="56" customWidth="1"/>
    <col min="6408" max="6408" width="4.6640625" style="56" customWidth="1"/>
    <col min="6409" max="6409" width="24.109375" style="56" customWidth="1"/>
    <col min="6410" max="6410" width="4.88671875" style="56" customWidth="1"/>
    <col min="6411" max="6656" width="9" style="56"/>
    <col min="6657" max="6657" width="1.88671875" style="56" customWidth="1"/>
    <col min="6658" max="6658" width="21.88671875" style="56" customWidth="1"/>
    <col min="6659" max="6659" width="4.6640625" style="56" customWidth="1"/>
    <col min="6660" max="6660" width="4.33203125" style="56" customWidth="1"/>
    <col min="6661" max="6661" width="22.33203125" style="56" customWidth="1"/>
    <col min="6662" max="6662" width="4.6640625" style="56" customWidth="1"/>
    <col min="6663" max="6663" width="25" style="56" customWidth="1"/>
    <col min="6664" max="6664" width="4.6640625" style="56" customWidth="1"/>
    <col min="6665" max="6665" width="24.109375" style="56" customWidth="1"/>
    <col min="6666" max="6666" width="4.88671875" style="56" customWidth="1"/>
    <col min="6667" max="6912" width="9" style="56"/>
    <col min="6913" max="6913" width="1.88671875" style="56" customWidth="1"/>
    <col min="6914" max="6914" width="21.88671875" style="56" customWidth="1"/>
    <col min="6915" max="6915" width="4.6640625" style="56" customWidth="1"/>
    <col min="6916" max="6916" width="4.33203125" style="56" customWidth="1"/>
    <col min="6917" max="6917" width="22.33203125" style="56" customWidth="1"/>
    <col min="6918" max="6918" width="4.6640625" style="56" customWidth="1"/>
    <col min="6919" max="6919" width="25" style="56" customWidth="1"/>
    <col min="6920" max="6920" width="4.6640625" style="56" customWidth="1"/>
    <col min="6921" max="6921" width="24.109375" style="56" customWidth="1"/>
    <col min="6922" max="6922" width="4.88671875" style="56" customWidth="1"/>
    <col min="6923" max="7168" width="9" style="56"/>
    <col min="7169" max="7169" width="1.88671875" style="56" customWidth="1"/>
    <col min="7170" max="7170" width="21.88671875" style="56" customWidth="1"/>
    <col min="7171" max="7171" width="4.6640625" style="56" customWidth="1"/>
    <col min="7172" max="7172" width="4.33203125" style="56" customWidth="1"/>
    <col min="7173" max="7173" width="22.33203125" style="56" customWidth="1"/>
    <col min="7174" max="7174" width="4.6640625" style="56" customWidth="1"/>
    <col min="7175" max="7175" width="25" style="56" customWidth="1"/>
    <col min="7176" max="7176" width="4.6640625" style="56" customWidth="1"/>
    <col min="7177" max="7177" width="24.109375" style="56" customWidth="1"/>
    <col min="7178" max="7178" width="4.88671875" style="56" customWidth="1"/>
    <col min="7179" max="7424" width="9" style="56"/>
    <col min="7425" max="7425" width="1.88671875" style="56" customWidth="1"/>
    <col min="7426" max="7426" width="21.88671875" style="56" customWidth="1"/>
    <col min="7427" max="7427" width="4.6640625" style="56" customWidth="1"/>
    <col min="7428" max="7428" width="4.33203125" style="56" customWidth="1"/>
    <col min="7429" max="7429" width="22.33203125" style="56" customWidth="1"/>
    <col min="7430" max="7430" width="4.6640625" style="56" customWidth="1"/>
    <col min="7431" max="7431" width="25" style="56" customWidth="1"/>
    <col min="7432" max="7432" width="4.6640625" style="56" customWidth="1"/>
    <col min="7433" max="7433" width="24.109375" style="56" customWidth="1"/>
    <col min="7434" max="7434" width="4.88671875" style="56" customWidth="1"/>
    <col min="7435" max="7680" width="9" style="56"/>
    <col min="7681" max="7681" width="1.88671875" style="56" customWidth="1"/>
    <col min="7682" max="7682" width="21.88671875" style="56" customWidth="1"/>
    <col min="7683" max="7683" width="4.6640625" style="56" customWidth="1"/>
    <col min="7684" max="7684" width="4.33203125" style="56" customWidth="1"/>
    <col min="7685" max="7685" width="22.33203125" style="56" customWidth="1"/>
    <col min="7686" max="7686" width="4.6640625" style="56" customWidth="1"/>
    <col min="7687" max="7687" width="25" style="56" customWidth="1"/>
    <col min="7688" max="7688" width="4.6640625" style="56" customWidth="1"/>
    <col min="7689" max="7689" width="24.109375" style="56" customWidth="1"/>
    <col min="7690" max="7690" width="4.88671875" style="56" customWidth="1"/>
    <col min="7691" max="7936" width="9" style="56"/>
    <col min="7937" max="7937" width="1.88671875" style="56" customWidth="1"/>
    <col min="7938" max="7938" width="21.88671875" style="56" customWidth="1"/>
    <col min="7939" max="7939" width="4.6640625" style="56" customWidth="1"/>
    <col min="7940" max="7940" width="4.33203125" style="56" customWidth="1"/>
    <col min="7941" max="7941" width="22.33203125" style="56" customWidth="1"/>
    <col min="7942" max="7942" width="4.6640625" style="56" customWidth="1"/>
    <col min="7943" max="7943" width="25" style="56" customWidth="1"/>
    <col min="7944" max="7944" width="4.6640625" style="56" customWidth="1"/>
    <col min="7945" max="7945" width="24.109375" style="56" customWidth="1"/>
    <col min="7946" max="7946" width="4.88671875" style="56" customWidth="1"/>
    <col min="7947" max="8192" width="9" style="56"/>
    <col min="8193" max="8193" width="1.88671875" style="56" customWidth="1"/>
    <col min="8194" max="8194" width="21.88671875" style="56" customWidth="1"/>
    <col min="8195" max="8195" width="4.6640625" style="56" customWidth="1"/>
    <col min="8196" max="8196" width="4.33203125" style="56" customWidth="1"/>
    <col min="8197" max="8197" width="22.33203125" style="56" customWidth="1"/>
    <col min="8198" max="8198" width="4.6640625" style="56" customWidth="1"/>
    <col min="8199" max="8199" width="25" style="56" customWidth="1"/>
    <col min="8200" max="8200" width="4.6640625" style="56" customWidth="1"/>
    <col min="8201" max="8201" width="24.109375" style="56" customWidth="1"/>
    <col min="8202" max="8202" width="4.88671875" style="56" customWidth="1"/>
    <col min="8203" max="8448" width="9" style="56"/>
    <col min="8449" max="8449" width="1.88671875" style="56" customWidth="1"/>
    <col min="8450" max="8450" width="21.88671875" style="56" customWidth="1"/>
    <col min="8451" max="8451" width="4.6640625" style="56" customWidth="1"/>
    <col min="8452" max="8452" width="4.33203125" style="56" customWidth="1"/>
    <col min="8453" max="8453" width="22.33203125" style="56" customWidth="1"/>
    <col min="8454" max="8454" width="4.6640625" style="56" customWidth="1"/>
    <col min="8455" max="8455" width="25" style="56" customWidth="1"/>
    <col min="8456" max="8456" width="4.6640625" style="56" customWidth="1"/>
    <col min="8457" max="8457" width="24.109375" style="56" customWidth="1"/>
    <col min="8458" max="8458" width="4.88671875" style="56" customWidth="1"/>
    <col min="8459" max="8704" width="9" style="56"/>
    <col min="8705" max="8705" width="1.88671875" style="56" customWidth="1"/>
    <col min="8706" max="8706" width="21.88671875" style="56" customWidth="1"/>
    <col min="8707" max="8707" width="4.6640625" style="56" customWidth="1"/>
    <col min="8708" max="8708" width="4.33203125" style="56" customWidth="1"/>
    <col min="8709" max="8709" width="22.33203125" style="56" customWidth="1"/>
    <col min="8710" max="8710" width="4.6640625" style="56" customWidth="1"/>
    <col min="8711" max="8711" width="25" style="56" customWidth="1"/>
    <col min="8712" max="8712" width="4.6640625" style="56" customWidth="1"/>
    <col min="8713" max="8713" width="24.109375" style="56" customWidth="1"/>
    <col min="8714" max="8714" width="4.88671875" style="56" customWidth="1"/>
    <col min="8715" max="8960" width="9" style="56"/>
    <col min="8961" max="8961" width="1.88671875" style="56" customWidth="1"/>
    <col min="8962" max="8962" width="21.88671875" style="56" customWidth="1"/>
    <col min="8963" max="8963" width="4.6640625" style="56" customWidth="1"/>
    <col min="8964" max="8964" width="4.33203125" style="56" customWidth="1"/>
    <col min="8965" max="8965" width="22.33203125" style="56" customWidth="1"/>
    <col min="8966" max="8966" width="4.6640625" style="56" customWidth="1"/>
    <col min="8967" max="8967" width="25" style="56" customWidth="1"/>
    <col min="8968" max="8968" width="4.6640625" style="56" customWidth="1"/>
    <col min="8969" max="8969" width="24.109375" style="56" customWidth="1"/>
    <col min="8970" max="8970" width="4.88671875" style="56" customWidth="1"/>
    <col min="8971" max="9216" width="9" style="56"/>
    <col min="9217" max="9217" width="1.88671875" style="56" customWidth="1"/>
    <col min="9218" max="9218" width="21.88671875" style="56" customWidth="1"/>
    <col min="9219" max="9219" width="4.6640625" style="56" customWidth="1"/>
    <col min="9220" max="9220" width="4.33203125" style="56" customWidth="1"/>
    <col min="9221" max="9221" width="22.33203125" style="56" customWidth="1"/>
    <col min="9222" max="9222" width="4.6640625" style="56" customWidth="1"/>
    <col min="9223" max="9223" width="25" style="56" customWidth="1"/>
    <col min="9224" max="9224" width="4.6640625" style="56" customWidth="1"/>
    <col min="9225" max="9225" width="24.109375" style="56" customWidth="1"/>
    <col min="9226" max="9226" width="4.88671875" style="56" customWidth="1"/>
    <col min="9227" max="9472" width="9" style="56"/>
    <col min="9473" max="9473" width="1.88671875" style="56" customWidth="1"/>
    <col min="9474" max="9474" width="21.88671875" style="56" customWidth="1"/>
    <col min="9475" max="9475" width="4.6640625" style="56" customWidth="1"/>
    <col min="9476" max="9476" width="4.33203125" style="56" customWidth="1"/>
    <col min="9477" max="9477" width="22.33203125" style="56" customWidth="1"/>
    <col min="9478" max="9478" width="4.6640625" style="56" customWidth="1"/>
    <col min="9479" max="9479" width="25" style="56" customWidth="1"/>
    <col min="9480" max="9480" width="4.6640625" style="56" customWidth="1"/>
    <col min="9481" max="9481" width="24.109375" style="56" customWidth="1"/>
    <col min="9482" max="9482" width="4.88671875" style="56" customWidth="1"/>
    <col min="9483" max="9728" width="9" style="56"/>
    <col min="9729" max="9729" width="1.88671875" style="56" customWidth="1"/>
    <col min="9730" max="9730" width="21.88671875" style="56" customWidth="1"/>
    <col min="9731" max="9731" width="4.6640625" style="56" customWidth="1"/>
    <col min="9732" max="9732" width="4.33203125" style="56" customWidth="1"/>
    <col min="9733" max="9733" width="22.33203125" style="56" customWidth="1"/>
    <col min="9734" max="9734" width="4.6640625" style="56" customWidth="1"/>
    <col min="9735" max="9735" width="25" style="56" customWidth="1"/>
    <col min="9736" max="9736" width="4.6640625" style="56" customWidth="1"/>
    <col min="9737" max="9737" width="24.109375" style="56" customWidth="1"/>
    <col min="9738" max="9738" width="4.88671875" style="56" customWidth="1"/>
    <col min="9739" max="9984" width="9" style="56"/>
    <col min="9985" max="9985" width="1.88671875" style="56" customWidth="1"/>
    <col min="9986" max="9986" width="21.88671875" style="56" customWidth="1"/>
    <col min="9987" max="9987" width="4.6640625" style="56" customWidth="1"/>
    <col min="9988" max="9988" width="4.33203125" style="56" customWidth="1"/>
    <col min="9989" max="9989" width="22.33203125" style="56" customWidth="1"/>
    <col min="9990" max="9990" width="4.6640625" style="56" customWidth="1"/>
    <col min="9991" max="9991" width="25" style="56" customWidth="1"/>
    <col min="9992" max="9992" width="4.6640625" style="56" customWidth="1"/>
    <col min="9993" max="9993" width="24.109375" style="56" customWidth="1"/>
    <col min="9994" max="9994" width="4.88671875" style="56" customWidth="1"/>
    <col min="9995" max="10240" width="9" style="56"/>
    <col min="10241" max="10241" width="1.88671875" style="56" customWidth="1"/>
    <col min="10242" max="10242" width="21.88671875" style="56" customWidth="1"/>
    <col min="10243" max="10243" width="4.6640625" style="56" customWidth="1"/>
    <col min="10244" max="10244" width="4.33203125" style="56" customWidth="1"/>
    <col min="10245" max="10245" width="22.33203125" style="56" customWidth="1"/>
    <col min="10246" max="10246" width="4.6640625" style="56" customWidth="1"/>
    <col min="10247" max="10247" width="25" style="56" customWidth="1"/>
    <col min="10248" max="10248" width="4.6640625" style="56" customWidth="1"/>
    <col min="10249" max="10249" width="24.109375" style="56" customWidth="1"/>
    <col min="10250" max="10250" width="4.88671875" style="56" customWidth="1"/>
    <col min="10251" max="10496" width="9" style="56"/>
    <col min="10497" max="10497" width="1.88671875" style="56" customWidth="1"/>
    <col min="10498" max="10498" width="21.88671875" style="56" customWidth="1"/>
    <col min="10499" max="10499" width="4.6640625" style="56" customWidth="1"/>
    <col min="10500" max="10500" width="4.33203125" style="56" customWidth="1"/>
    <col min="10501" max="10501" width="22.33203125" style="56" customWidth="1"/>
    <col min="10502" max="10502" width="4.6640625" style="56" customWidth="1"/>
    <col min="10503" max="10503" width="25" style="56" customWidth="1"/>
    <col min="10504" max="10504" width="4.6640625" style="56" customWidth="1"/>
    <col min="10505" max="10505" width="24.109375" style="56" customWidth="1"/>
    <col min="10506" max="10506" width="4.88671875" style="56" customWidth="1"/>
    <col min="10507" max="10752" width="9" style="56"/>
    <col min="10753" max="10753" width="1.88671875" style="56" customWidth="1"/>
    <col min="10754" max="10754" width="21.88671875" style="56" customWidth="1"/>
    <col min="10755" max="10755" width="4.6640625" style="56" customWidth="1"/>
    <col min="10756" max="10756" width="4.33203125" style="56" customWidth="1"/>
    <col min="10757" max="10757" width="22.33203125" style="56" customWidth="1"/>
    <col min="10758" max="10758" width="4.6640625" style="56" customWidth="1"/>
    <col min="10759" max="10759" width="25" style="56" customWidth="1"/>
    <col min="10760" max="10760" width="4.6640625" style="56" customWidth="1"/>
    <col min="10761" max="10761" width="24.109375" style="56" customWidth="1"/>
    <col min="10762" max="10762" width="4.88671875" style="56" customWidth="1"/>
    <col min="10763" max="11008" width="9" style="56"/>
    <col min="11009" max="11009" width="1.88671875" style="56" customWidth="1"/>
    <col min="11010" max="11010" width="21.88671875" style="56" customWidth="1"/>
    <col min="11011" max="11011" width="4.6640625" style="56" customWidth="1"/>
    <col min="11012" max="11012" width="4.33203125" style="56" customWidth="1"/>
    <col min="11013" max="11013" width="22.33203125" style="56" customWidth="1"/>
    <col min="11014" max="11014" width="4.6640625" style="56" customWidth="1"/>
    <col min="11015" max="11015" width="25" style="56" customWidth="1"/>
    <col min="11016" max="11016" width="4.6640625" style="56" customWidth="1"/>
    <col min="11017" max="11017" width="24.109375" style="56" customWidth="1"/>
    <col min="11018" max="11018" width="4.88671875" style="56" customWidth="1"/>
    <col min="11019" max="11264" width="9" style="56"/>
    <col min="11265" max="11265" width="1.88671875" style="56" customWidth="1"/>
    <col min="11266" max="11266" width="21.88671875" style="56" customWidth="1"/>
    <col min="11267" max="11267" width="4.6640625" style="56" customWidth="1"/>
    <col min="11268" max="11268" width="4.33203125" style="56" customWidth="1"/>
    <col min="11269" max="11269" width="22.33203125" style="56" customWidth="1"/>
    <col min="11270" max="11270" width="4.6640625" style="56" customWidth="1"/>
    <col min="11271" max="11271" width="25" style="56" customWidth="1"/>
    <col min="11272" max="11272" width="4.6640625" style="56" customWidth="1"/>
    <col min="11273" max="11273" width="24.109375" style="56" customWidth="1"/>
    <col min="11274" max="11274" width="4.88671875" style="56" customWidth="1"/>
    <col min="11275" max="11520" width="9" style="56"/>
    <col min="11521" max="11521" width="1.88671875" style="56" customWidth="1"/>
    <col min="11522" max="11522" width="21.88671875" style="56" customWidth="1"/>
    <col min="11523" max="11523" width="4.6640625" style="56" customWidth="1"/>
    <col min="11524" max="11524" width="4.33203125" style="56" customWidth="1"/>
    <col min="11525" max="11525" width="22.33203125" style="56" customWidth="1"/>
    <col min="11526" max="11526" width="4.6640625" style="56" customWidth="1"/>
    <col min="11527" max="11527" width="25" style="56" customWidth="1"/>
    <col min="11528" max="11528" width="4.6640625" style="56" customWidth="1"/>
    <col min="11529" max="11529" width="24.109375" style="56" customWidth="1"/>
    <col min="11530" max="11530" width="4.88671875" style="56" customWidth="1"/>
    <col min="11531" max="11776" width="9" style="56"/>
    <col min="11777" max="11777" width="1.88671875" style="56" customWidth="1"/>
    <col min="11778" max="11778" width="21.88671875" style="56" customWidth="1"/>
    <col min="11779" max="11779" width="4.6640625" style="56" customWidth="1"/>
    <col min="11780" max="11780" width="4.33203125" style="56" customWidth="1"/>
    <col min="11781" max="11781" width="22.33203125" style="56" customWidth="1"/>
    <col min="11782" max="11782" width="4.6640625" style="56" customWidth="1"/>
    <col min="11783" max="11783" width="25" style="56" customWidth="1"/>
    <col min="11784" max="11784" width="4.6640625" style="56" customWidth="1"/>
    <col min="11785" max="11785" width="24.109375" style="56" customWidth="1"/>
    <col min="11786" max="11786" width="4.88671875" style="56" customWidth="1"/>
    <col min="11787" max="12032" width="9" style="56"/>
    <col min="12033" max="12033" width="1.88671875" style="56" customWidth="1"/>
    <col min="12034" max="12034" width="21.88671875" style="56" customWidth="1"/>
    <col min="12035" max="12035" width="4.6640625" style="56" customWidth="1"/>
    <col min="12036" max="12036" width="4.33203125" style="56" customWidth="1"/>
    <col min="12037" max="12037" width="22.33203125" style="56" customWidth="1"/>
    <col min="12038" max="12038" width="4.6640625" style="56" customWidth="1"/>
    <col min="12039" max="12039" width="25" style="56" customWidth="1"/>
    <col min="12040" max="12040" width="4.6640625" style="56" customWidth="1"/>
    <col min="12041" max="12041" width="24.109375" style="56" customWidth="1"/>
    <col min="12042" max="12042" width="4.88671875" style="56" customWidth="1"/>
    <col min="12043" max="12288" width="9" style="56"/>
    <col min="12289" max="12289" width="1.88671875" style="56" customWidth="1"/>
    <col min="12290" max="12290" width="21.88671875" style="56" customWidth="1"/>
    <col min="12291" max="12291" width="4.6640625" style="56" customWidth="1"/>
    <col min="12292" max="12292" width="4.33203125" style="56" customWidth="1"/>
    <col min="12293" max="12293" width="22.33203125" style="56" customWidth="1"/>
    <col min="12294" max="12294" width="4.6640625" style="56" customWidth="1"/>
    <col min="12295" max="12295" width="25" style="56" customWidth="1"/>
    <col min="12296" max="12296" width="4.6640625" style="56" customWidth="1"/>
    <col min="12297" max="12297" width="24.109375" style="56" customWidth="1"/>
    <col min="12298" max="12298" width="4.88671875" style="56" customWidth="1"/>
    <col min="12299" max="12544" width="9" style="56"/>
    <col min="12545" max="12545" width="1.88671875" style="56" customWidth="1"/>
    <col min="12546" max="12546" width="21.88671875" style="56" customWidth="1"/>
    <col min="12547" max="12547" width="4.6640625" style="56" customWidth="1"/>
    <col min="12548" max="12548" width="4.33203125" style="56" customWidth="1"/>
    <col min="12549" max="12549" width="22.33203125" style="56" customWidth="1"/>
    <col min="12550" max="12550" width="4.6640625" style="56" customWidth="1"/>
    <col min="12551" max="12551" width="25" style="56" customWidth="1"/>
    <col min="12552" max="12552" width="4.6640625" style="56" customWidth="1"/>
    <col min="12553" max="12553" width="24.109375" style="56" customWidth="1"/>
    <col min="12554" max="12554" width="4.88671875" style="56" customWidth="1"/>
    <col min="12555" max="12800" width="9" style="56"/>
    <col min="12801" max="12801" width="1.88671875" style="56" customWidth="1"/>
    <col min="12802" max="12802" width="21.88671875" style="56" customWidth="1"/>
    <col min="12803" max="12803" width="4.6640625" style="56" customWidth="1"/>
    <col min="12804" max="12804" width="4.33203125" style="56" customWidth="1"/>
    <col min="12805" max="12805" width="22.33203125" style="56" customWidth="1"/>
    <col min="12806" max="12806" width="4.6640625" style="56" customWidth="1"/>
    <col min="12807" max="12807" width="25" style="56" customWidth="1"/>
    <col min="12808" max="12808" width="4.6640625" style="56" customWidth="1"/>
    <col min="12809" max="12809" width="24.109375" style="56" customWidth="1"/>
    <col min="12810" max="12810" width="4.88671875" style="56" customWidth="1"/>
    <col min="12811" max="13056" width="9" style="56"/>
    <col min="13057" max="13057" width="1.88671875" style="56" customWidth="1"/>
    <col min="13058" max="13058" width="21.88671875" style="56" customWidth="1"/>
    <col min="13059" max="13059" width="4.6640625" style="56" customWidth="1"/>
    <col min="13060" max="13060" width="4.33203125" style="56" customWidth="1"/>
    <col min="13061" max="13061" width="22.33203125" style="56" customWidth="1"/>
    <col min="13062" max="13062" width="4.6640625" style="56" customWidth="1"/>
    <col min="13063" max="13063" width="25" style="56" customWidth="1"/>
    <col min="13064" max="13064" width="4.6640625" style="56" customWidth="1"/>
    <col min="13065" max="13065" width="24.109375" style="56" customWidth="1"/>
    <col min="13066" max="13066" width="4.88671875" style="56" customWidth="1"/>
    <col min="13067" max="13312" width="9" style="56"/>
    <col min="13313" max="13313" width="1.88671875" style="56" customWidth="1"/>
    <col min="13314" max="13314" width="21.88671875" style="56" customWidth="1"/>
    <col min="13315" max="13315" width="4.6640625" style="56" customWidth="1"/>
    <col min="13316" max="13316" width="4.33203125" style="56" customWidth="1"/>
    <col min="13317" max="13317" width="22.33203125" style="56" customWidth="1"/>
    <col min="13318" max="13318" width="4.6640625" style="56" customWidth="1"/>
    <col min="13319" max="13319" width="25" style="56" customWidth="1"/>
    <col min="13320" max="13320" width="4.6640625" style="56" customWidth="1"/>
    <col min="13321" max="13321" width="24.109375" style="56" customWidth="1"/>
    <col min="13322" max="13322" width="4.88671875" style="56" customWidth="1"/>
    <col min="13323" max="13568" width="9" style="56"/>
    <col min="13569" max="13569" width="1.88671875" style="56" customWidth="1"/>
    <col min="13570" max="13570" width="21.88671875" style="56" customWidth="1"/>
    <col min="13571" max="13571" width="4.6640625" style="56" customWidth="1"/>
    <col min="13572" max="13572" width="4.33203125" style="56" customWidth="1"/>
    <col min="13573" max="13573" width="22.33203125" style="56" customWidth="1"/>
    <col min="13574" max="13574" width="4.6640625" style="56" customWidth="1"/>
    <col min="13575" max="13575" width="25" style="56" customWidth="1"/>
    <col min="13576" max="13576" width="4.6640625" style="56" customWidth="1"/>
    <col min="13577" max="13577" width="24.109375" style="56" customWidth="1"/>
    <col min="13578" max="13578" width="4.88671875" style="56" customWidth="1"/>
    <col min="13579" max="13824" width="9" style="56"/>
    <col min="13825" max="13825" width="1.88671875" style="56" customWidth="1"/>
    <col min="13826" max="13826" width="21.88671875" style="56" customWidth="1"/>
    <col min="13827" max="13827" width="4.6640625" style="56" customWidth="1"/>
    <col min="13828" max="13828" width="4.33203125" style="56" customWidth="1"/>
    <col min="13829" max="13829" width="22.33203125" style="56" customWidth="1"/>
    <col min="13830" max="13830" width="4.6640625" style="56" customWidth="1"/>
    <col min="13831" max="13831" width="25" style="56" customWidth="1"/>
    <col min="13832" max="13832" width="4.6640625" style="56" customWidth="1"/>
    <col min="13833" max="13833" width="24.109375" style="56" customWidth="1"/>
    <col min="13834" max="13834" width="4.88671875" style="56" customWidth="1"/>
    <col min="13835" max="14080" width="9" style="56"/>
    <col min="14081" max="14081" width="1.88671875" style="56" customWidth="1"/>
    <col min="14082" max="14082" width="21.88671875" style="56" customWidth="1"/>
    <col min="14083" max="14083" width="4.6640625" style="56" customWidth="1"/>
    <col min="14084" max="14084" width="4.33203125" style="56" customWidth="1"/>
    <col min="14085" max="14085" width="22.33203125" style="56" customWidth="1"/>
    <col min="14086" max="14086" width="4.6640625" style="56" customWidth="1"/>
    <col min="14087" max="14087" width="25" style="56" customWidth="1"/>
    <col min="14088" max="14088" width="4.6640625" style="56" customWidth="1"/>
    <col min="14089" max="14089" width="24.109375" style="56" customWidth="1"/>
    <col min="14090" max="14090" width="4.88671875" style="56" customWidth="1"/>
    <col min="14091" max="14336" width="9" style="56"/>
    <col min="14337" max="14337" width="1.88671875" style="56" customWidth="1"/>
    <col min="14338" max="14338" width="21.88671875" style="56" customWidth="1"/>
    <col min="14339" max="14339" width="4.6640625" style="56" customWidth="1"/>
    <col min="14340" max="14340" width="4.33203125" style="56" customWidth="1"/>
    <col min="14341" max="14341" width="22.33203125" style="56" customWidth="1"/>
    <col min="14342" max="14342" width="4.6640625" style="56" customWidth="1"/>
    <col min="14343" max="14343" width="25" style="56" customWidth="1"/>
    <col min="14344" max="14344" width="4.6640625" style="56" customWidth="1"/>
    <col min="14345" max="14345" width="24.109375" style="56" customWidth="1"/>
    <col min="14346" max="14346" width="4.88671875" style="56" customWidth="1"/>
    <col min="14347" max="14592" width="9" style="56"/>
    <col min="14593" max="14593" width="1.88671875" style="56" customWidth="1"/>
    <col min="14594" max="14594" width="21.88671875" style="56" customWidth="1"/>
    <col min="14595" max="14595" width="4.6640625" style="56" customWidth="1"/>
    <col min="14596" max="14596" width="4.33203125" style="56" customWidth="1"/>
    <col min="14597" max="14597" width="22.33203125" style="56" customWidth="1"/>
    <col min="14598" max="14598" width="4.6640625" style="56" customWidth="1"/>
    <col min="14599" max="14599" width="25" style="56" customWidth="1"/>
    <col min="14600" max="14600" width="4.6640625" style="56" customWidth="1"/>
    <col min="14601" max="14601" width="24.109375" style="56" customWidth="1"/>
    <col min="14602" max="14602" width="4.88671875" style="56" customWidth="1"/>
    <col min="14603" max="14848" width="9" style="56"/>
    <col min="14849" max="14849" width="1.88671875" style="56" customWidth="1"/>
    <col min="14850" max="14850" width="21.88671875" style="56" customWidth="1"/>
    <col min="14851" max="14851" width="4.6640625" style="56" customWidth="1"/>
    <col min="14852" max="14852" width="4.33203125" style="56" customWidth="1"/>
    <col min="14853" max="14853" width="22.33203125" style="56" customWidth="1"/>
    <col min="14854" max="14854" width="4.6640625" style="56" customWidth="1"/>
    <col min="14855" max="14855" width="25" style="56" customWidth="1"/>
    <col min="14856" max="14856" width="4.6640625" style="56" customWidth="1"/>
    <col min="14857" max="14857" width="24.109375" style="56" customWidth="1"/>
    <col min="14858" max="14858" width="4.88671875" style="56" customWidth="1"/>
    <col min="14859" max="15104" width="9" style="56"/>
    <col min="15105" max="15105" width="1.88671875" style="56" customWidth="1"/>
    <col min="15106" max="15106" width="21.88671875" style="56" customWidth="1"/>
    <col min="15107" max="15107" width="4.6640625" style="56" customWidth="1"/>
    <col min="15108" max="15108" width="4.33203125" style="56" customWidth="1"/>
    <col min="15109" max="15109" width="22.33203125" style="56" customWidth="1"/>
    <col min="15110" max="15110" width="4.6640625" style="56" customWidth="1"/>
    <col min="15111" max="15111" width="25" style="56" customWidth="1"/>
    <col min="15112" max="15112" width="4.6640625" style="56" customWidth="1"/>
    <col min="15113" max="15113" width="24.109375" style="56" customWidth="1"/>
    <col min="15114" max="15114" width="4.88671875" style="56" customWidth="1"/>
    <col min="15115" max="15360" width="9" style="56"/>
    <col min="15361" max="15361" width="1.88671875" style="56" customWidth="1"/>
    <col min="15362" max="15362" width="21.88671875" style="56" customWidth="1"/>
    <col min="15363" max="15363" width="4.6640625" style="56" customWidth="1"/>
    <col min="15364" max="15364" width="4.33203125" style="56" customWidth="1"/>
    <col min="15365" max="15365" width="22.33203125" style="56" customWidth="1"/>
    <col min="15366" max="15366" width="4.6640625" style="56" customWidth="1"/>
    <col min="15367" max="15367" width="25" style="56" customWidth="1"/>
    <col min="15368" max="15368" width="4.6640625" style="56" customWidth="1"/>
    <col min="15369" max="15369" width="24.109375" style="56" customWidth="1"/>
    <col min="15370" max="15370" width="4.88671875" style="56" customWidth="1"/>
    <col min="15371" max="15616" width="9" style="56"/>
    <col min="15617" max="15617" width="1.88671875" style="56" customWidth="1"/>
    <col min="15618" max="15618" width="21.88671875" style="56" customWidth="1"/>
    <col min="15619" max="15619" width="4.6640625" style="56" customWidth="1"/>
    <col min="15620" max="15620" width="4.33203125" style="56" customWidth="1"/>
    <col min="15621" max="15621" width="22.33203125" style="56" customWidth="1"/>
    <col min="15622" max="15622" width="4.6640625" style="56" customWidth="1"/>
    <col min="15623" max="15623" width="25" style="56" customWidth="1"/>
    <col min="15624" max="15624" width="4.6640625" style="56" customWidth="1"/>
    <col min="15625" max="15625" width="24.109375" style="56" customWidth="1"/>
    <col min="15626" max="15626" width="4.88671875" style="56" customWidth="1"/>
    <col min="15627" max="15872" width="9" style="56"/>
    <col min="15873" max="15873" width="1.88671875" style="56" customWidth="1"/>
    <col min="15874" max="15874" width="21.88671875" style="56" customWidth="1"/>
    <col min="15875" max="15875" width="4.6640625" style="56" customWidth="1"/>
    <col min="15876" max="15876" width="4.33203125" style="56" customWidth="1"/>
    <col min="15877" max="15877" width="22.33203125" style="56" customWidth="1"/>
    <col min="15878" max="15878" width="4.6640625" style="56" customWidth="1"/>
    <col min="15879" max="15879" width="25" style="56" customWidth="1"/>
    <col min="15880" max="15880" width="4.6640625" style="56" customWidth="1"/>
    <col min="15881" max="15881" width="24.109375" style="56" customWidth="1"/>
    <col min="15882" max="15882" width="4.88671875" style="56" customWidth="1"/>
    <col min="15883" max="16128" width="9" style="56"/>
    <col min="16129" max="16129" width="1.88671875" style="56" customWidth="1"/>
    <col min="16130" max="16130" width="21.88671875" style="56" customWidth="1"/>
    <col min="16131" max="16131" width="4.6640625" style="56" customWidth="1"/>
    <col min="16132" max="16132" width="4.33203125" style="56" customWidth="1"/>
    <col min="16133" max="16133" width="22.33203125" style="56" customWidth="1"/>
    <col min="16134" max="16134" width="4.6640625" style="56" customWidth="1"/>
    <col min="16135" max="16135" width="25" style="56" customWidth="1"/>
    <col min="16136" max="16136" width="4.6640625" style="56" customWidth="1"/>
    <col min="16137" max="16137" width="24.109375" style="56" customWidth="1"/>
    <col min="16138" max="16138" width="4.88671875" style="56" customWidth="1"/>
    <col min="16139" max="16384" width="9" style="56"/>
  </cols>
  <sheetData>
    <row r="1" spans="1:10" ht="20.25" customHeight="1" x14ac:dyDescent="0.2">
      <c r="A1" s="1126"/>
      <c r="B1" s="221" t="s">
        <v>1870</v>
      </c>
      <c r="I1" s="1047"/>
    </row>
    <row r="2" spans="1:10" ht="18" customHeight="1" x14ac:dyDescent="0.2">
      <c r="A2" s="817"/>
      <c r="B2" s="792"/>
      <c r="C2" s="792"/>
      <c r="D2" s="792"/>
      <c r="E2" s="792"/>
      <c r="F2" s="792"/>
      <c r="G2" s="1304" t="s">
        <v>1871</v>
      </c>
      <c r="H2" s="1304"/>
      <c r="I2" s="3173"/>
      <c r="J2" s="3173"/>
    </row>
    <row r="3" spans="1:10" ht="18" customHeight="1" x14ac:dyDescent="0.2">
      <c r="A3" s="817"/>
      <c r="B3" s="792"/>
      <c r="C3" s="792"/>
      <c r="D3" s="792"/>
      <c r="E3" s="792"/>
      <c r="F3" s="792"/>
      <c r="G3" s="1042"/>
      <c r="H3" s="1042"/>
      <c r="I3" s="1047"/>
      <c r="J3" s="1047"/>
    </row>
    <row r="4" spans="1:10" ht="34.5" customHeight="1" x14ac:dyDescent="0.2">
      <c r="A4" s="3057" t="s">
        <v>1872</v>
      </c>
      <c r="B4" s="3057"/>
      <c r="C4" s="3057"/>
      <c r="D4" s="3057"/>
      <c r="E4" s="3057"/>
      <c r="F4" s="3057"/>
      <c r="G4" s="3057"/>
      <c r="H4" s="3057"/>
      <c r="I4" s="55"/>
      <c r="J4" s="55"/>
    </row>
    <row r="5" spans="1:10" ht="10.5" customHeight="1" x14ac:dyDescent="0.2">
      <c r="A5" s="819"/>
      <c r="B5" s="819"/>
      <c r="C5" s="819"/>
      <c r="D5" s="819"/>
      <c r="E5" s="819"/>
      <c r="F5" s="819"/>
      <c r="G5" s="819"/>
      <c r="H5" s="819"/>
      <c r="I5" s="1127"/>
      <c r="J5" s="1127"/>
    </row>
    <row r="6" spans="1:10" ht="36" customHeight="1" x14ac:dyDescent="0.2">
      <c r="A6" s="819"/>
      <c r="B6" s="1100" t="s">
        <v>60</v>
      </c>
      <c r="C6" s="3174"/>
      <c r="D6" s="3175"/>
      <c r="E6" s="3175"/>
      <c r="F6" s="3175"/>
      <c r="G6" s="3175"/>
      <c r="H6" s="3176"/>
      <c r="I6" s="55"/>
      <c r="J6" s="55"/>
    </row>
    <row r="7" spans="1:10" ht="34.5" customHeight="1" x14ac:dyDescent="0.2">
      <c r="A7" s="792"/>
      <c r="B7" s="1102" t="s">
        <v>38</v>
      </c>
      <c r="C7" s="3077" t="s">
        <v>1873</v>
      </c>
      <c r="D7" s="3062"/>
      <c r="E7" s="3062"/>
      <c r="F7" s="3062"/>
      <c r="G7" s="3062"/>
      <c r="H7" s="3063"/>
      <c r="I7" s="1128"/>
    </row>
    <row r="8" spans="1:10" ht="18.75" customHeight="1" x14ac:dyDescent="0.2">
      <c r="A8" s="792"/>
      <c r="B8" s="3180" t="s">
        <v>526</v>
      </c>
      <c r="C8" s="1072"/>
      <c r="D8" s="1073"/>
      <c r="E8" s="1073"/>
      <c r="F8" s="1073"/>
      <c r="G8" s="1073"/>
      <c r="H8" s="1074"/>
    </row>
    <row r="9" spans="1:10" ht="33" customHeight="1" x14ac:dyDescent="0.2">
      <c r="A9" s="792"/>
      <c r="B9" s="3149"/>
      <c r="C9" s="1075"/>
      <c r="D9" s="3181"/>
      <c r="E9" s="3181"/>
      <c r="F9" s="3078" t="s">
        <v>525</v>
      </c>
      <c r="G9" s="3078"/>
      <c r="H9" s="824"/>
    </row>
    <row r="10" spans="1:10" ht="33" customHeight="1" x14ac:dyDescent="0.2">
      <c r="A10" s="792"/>
      <c r="B10" s="3149"/>
      <c r="C10" s="1075"/>
      <c r="D10" s="3078" t="s">
        <v>444</v>
      </c>
      <c r="E10" s="3078"/>
      <c r="F10" s="3067" t="s">
        <v>445</v>
      </c>
      <c r="G10" s="3067"/>
      <c r="H10" s="824"/>
    </row>
    <row r="11" spans="1:10" ht="33" customHeight="1" x14ac:dyDescent="0.2">
      <c r="A11" s="792"/>
      <c r="B11" s="3149"/>
      <c r="C11" s="1075"/>
      <c r="D11" s="3178" t="s">
        <v>523</v>
      </c>
      <c r="E11" s="3178"/>
      <c r="F11" s="3144" t="s">
        <v>445</v>
      </c>
      <c r="G11" s="3144"/>
      <c r="H11" s="824"/>
    </row>
    <row r="12" spans="1:10" ht="33" customHeight="1" x14ac:dyDescent="0.2">
      <c r="A12" s="792"/>
      <c r="B12" s="3149"/>
      <c r="C12" s="1075"/>
      <c r="D12" s="1075"/>
      <c r="E12" s="1129" t="s">
        <v>522</v>
      </c>
      <c r="F12" s="3144" t="s">
        <v>445</v>
      </c>
      <c r="G12" s="3179"/>
      <c r="H12" s="824"/>
    </row>
    <row r="13" spans="1:10" ht="33" customHeight="1" x14ac:dyDescent="0.2">
      <c r="A13" s="792"/>
      <c r="B13" s="3149"/>
      <c r="C13" s="1075"/>
      <c r="D13" s="1075"/>
      <c r="E13" s="1107" t="s">
        <v>446</v>
      </c>
      <c r="F13" s="3155" t="s">
        <v>445</v>
      </c>
      <c r="G13" s="3155"/>
      <c r="H13" s="824"/>
    </row>
    <row r="14" spans="1:10" ht="33" customHeight="1" x14ac:dyDescent="0.2">
      <c r="A14" s="792"/>
      <c r="B14" s="3149"/>
      <c r="C14" s="1075"/>
      <c r="D14" s="3156" t="s">
        <v>447</v>
      </c>
      <c r="E14" s="3156"/>
      <c r="F14" s="3067" t="s">
        <v>445</v>
      </c>
      <c r="G14" s="3067"/>
      <c r="H14" s="824"/>
    </row>
    <row r="15" spans="1:10" ht="25.5" customHeight="1" x14ac:dyDescent="0.2">
      <c r="A15" s="792"/>
      <c r="B15" s="3172"/>
      <c r="C15" s="1078"/>
      <c r="D15" s="1079"/>
      <c r="E15" s="1079"/>
      <c r="F15" s="1079"/>
      <c r="G15" s="1079"/>
      <c r="H15" s="1080"/>
    </row>
    <row r="16" spans="1:10" x14ac:dyDescent="0.2">
      <c r="A16" s="792"/>
      <c r="B16" s="792"/>
      <c r="C16" s="792"/>
      <c r="D16" s="792"/>
      <c r="E16" s="792"/>
      <c r="F16" s="792"/>
      <c r="G16" s="792"/>
      <c r="H16" s="792"/>
    </row>
    <row r="17" spans="1:9" ht="24" customHeight="1" x14ac:dyDescent="0.2">
      <c r="A17" s="792"/>
      <c r="B17" s="3167" t="s">
        <v>1874</v>
      </c>
      <c r="C17" s="3167"/>
      <c r="D17" s="3167"/>
      <c r="E17" s="3167"/>
      <c r="F17" s="3167"/>
      <c r="G17" s="3167"/>
      <c r="H17" s="3167"/>
    </row>
    <row r="18" spans="1:9" ht="18.75" customHeight="1" x14ac:dyDescent="0.2">
      <c r="A18" s="792"/>
      <c r="B18" s="3177" t="s">
        <v>1875</v>
      </c>
      <c r="C18" s="3177"/>
      <c r="D18" s="3177"/>
      <c r="E18" s="3177"/>
      <c r="F18" s="3177"/>
      <c r="G18" s="3177"/>
      <c r="H18" s="3177"/>
      <c r="I18" s="1130"/>
    </row>
    <row r="19" spans="1:9" ht="27" customHeight="1" x14ac:dyDescent="0.2">
      <c r="A19" s="792"/>
      <c r="B19" s="3177"/>
      <c r="C19" s="3177"/>
      <c r="D19" s="3177"/>
      <c r="E19" s="3177"/>
      <c r="F19" s="3177"/>
      <c r="G19" s="3177"/>
      <c r="H19" s="3177"/>
      <c r="I19" s="1130"/>
    </row>
    <row r="20" spans="1:9" ht="18.75" customHeight="1" x14ac:dyDescent="0.2">
      <c r="A20" s="792"/>
      <c r="B20" s="3177" t="s">
        <v>1876</v>
      </c>
      <c r="C20" s="3177"/>
      <c r="D20" s="3177"/>
      <c r="E20" s="3177"/>
      <c r="F20" s="3177"/>
      <c r="G20" s="3177"/>
      <c r="H20" s="3177"/>
      <c r="I20" s="1130"/>
    </row>
    <row r="21" spans="1:9" ht="19.5" customHeight="1" x14ac:dyDescent="0.2">
      <c r="A21" s="792"/>
      <c r="B21" s="3177"/>
      <c r="C21" s="3177"/>
      <c r="D21" s="3177"/>
      <c r="E21" s="3177"/>
      <c r="F21" s="3177"/>
      <c r="G21" s="3177"/>
      <c r="H21" s="3177"/>
      <c r="I21" s="1130"/>
    </row>
    <row r="22" spans="1:9" ht="38.25" customHeight="1" x14ac:dyDescent="0.2">
      <c r="A22" s="792"/>
      <c r="B22" s="3177" t="s">
        <v>1877</v>
      </c>
      <c r="C22" s="3177"/>
      <c r="D22" s="3177"/>
      <c r="E22" s="3177"/>
      <c r="F22" s="3177"/>
      <c r="G22" s="3177"/>
      <c r="H22" s="3177"/>
      <c r="I22" s="1130"/>
    </row>
    <row r="23" spans="1:9" ht="27" hidden="1" customHeight="1" x14ac:dyDescent="0.2">
      <c r="A23" s="792"/>
      <c r="B23" s="3177"/>
      <c r="C23" s="3177"/>
      <c r="D23" s="3177"/>
      <c r="E23" s="3177"/>
      <c r="F23" s="3177"/>
      <c r="G23" s="3177"/>
      <c r="H23" s="3177"/>
    </row>
    <row r="24" spans="1:9" x14ac:dyDescent="0.2">
      <c r="C24" s="56" t="s">
        <v>1809</v>
      </c>
    </row>
  </sheetData>
  <mergeCells count="20">
    <mergeCell ref="B17:H17"/>
    <mergeCell ref="B18:H19"/>
    <mergeCell ref="B20:H21"/>
    <mergeCell ref="B22:H23"/>
    <mergeCell ref="D11:E11"/>
    <mergeCell ref="F11:G11"/>
    <mergeCell ref="F12:G12"/>
    <mergeCell ref="F13:G13"/>
    <mergeCell ref="D14:E14"/>
    <mergeCell ref="F14:G14"/>
    <mergeCell ref="B8:B15"/>
    <mergeCell ref="D9:E9"/>
    <mergeCell ref="F9:G9"/>
    <mergeCell ref="D10:E10"/>
    <mergeCell ref="F10:G10"/>
    <mergeCell ref="G2:H2"/>
    <mergeCell ref="I2:J2"/>
    <mergeCell ref="A4:H4"/>
    <mergeCell ref="C6:H6"/>
    <mergeCell ref="C7:H7"/>
  </mergeCells>
  <phoneticPr fontId="6"/>
  <pageMargins left="0.7" right="0.7" top="0.75" bottom="0.75" header="0.3" footer="0.3"/>
  <pageSetup paperSize="9" scale="75" orientation="portrait" r:id="rId1"/>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8"/>
  <dimension ref="A1:J18"/>
  <sheetViews>
    <sheetView showGridLines="0" view="pageBreakPreview" zoomScale="110" zoomScaleNormal="100" zoomScaleSheetLayoutView="110" workbookViewId="0">
      <selection activeCell="J20" sqref="J20"/>
    </sheetView>
  </sheetViews>
  <sheetFormatPr defaultColWidth="9" defaultRowHeight="13.2" x14ac:dyDescent="0.2"/>
  <cols>
    <col min="1" max="1" width="1.21875" style="274" customWidth="1"/>
    <col min="2" max="2" width="21.44140625" style="274" customWidth="1"/>
    <col min="3" max="3" width="4.6640625" style="274" customWidth="1"/>
    <col min="4" max="4" width="4.33203125" style="274" customWidth="1"/>
    <col min="5" max="5" width="20.77734375" style="274" customWidth="1"/>
    <col min="6" max="6" width="4.6640625" style="274" customWidth="1"/>
    <col min="7" max="7" width="25" style="274" customWidth="1"/>
    <col min="8" max="8" width="4.6640625" style="274" customWidth="1"/>
    <col min="9" max="9" width="24.21875" style="274" customWidth="1"/>
    <col min="10" max="10" width="4.77734375" style="274" customWidth="1"/>
    <col min="11" max="16384" width="9" style="274"/>
  </cols>
  <sheetData>
    <row r="1" spans="1:10" ht="27.75" customHeight="1" x14ac:dyDescent="0.2">
      <c r="A1" s="279"/>
      <c r="B1" s="221" t="s">
        <v>708</v>
      </c>
      <c r="I1" s="275"/>
    </row>
    <row r="2" spans="1:10" ht="27.75" customHeight="1" x14ac:dyDescent="0.2">
      <c r="A2" s="279"/>
      <c r="G2" s="2410" t="s">
        <v>710</v>
      </c>
      <c r="H2" s="2410"/>
      <c r="I2" s="2410"/>
      <c r="J2" s="2410"/>
    </row>
    <row r="3" spans="1:10" ht="36" customHeight="1" x14ac:dyDescent="0.2">
      <c r="A3" s="2287" t="s">
        <v>681</v>
      </c>
      <c r="B3" s="2287"/>
      <c r="C3" s="2287"/>
      <c r="D3" s="2287"/>
      <c r="E3" s="2287"/>
      <c r="F3" s="2287"/>
      <c r="G3" s="2287"/>
      <c r="H3" s="2287"/>
      <c r="I3" s="280"/>
      <c r="J3" s="280"/>
    </row>
    <row r="4" spans="1:10" ht="36" customHeight="1" x14ac:dyDescent="0.2">
      <c r="A4" s="281"/>
      <c r="B4" s="281"/>
      <c r="C4" s="281"/>
      <c r="D4" s="281"/>
      <c r="E4" s="281"/>
      <c r="F4" s="281"/>
      <c r="G4" s="281"/>
      <c r="H4" s="281"/>
      <c r="I4" s="281"/>
      <c r="J4" s="281"/>
    </row>
    <row r="5" spans="1:10" ht="36" customHeight="1" x14ac:dyDescent="0.2">
      <c r="A5" s="281"/>
      <c r="B5" s="282" t="s">
        <v>60</v>
      </c>
      <c r="C5" s="2411"/>
      <c r="D5" s="2412"/>
      <c r="E5" s="2412"/>
      <c r="F5" s="2412"/>
      <c r="G5" s="2412"/>
      <c r="H5" s="2413"/>
      <c r="I5" s="280"/>
      <c r="J5" s="280"/>
    </row>
    <row r="6" spans="1:10" ht="46.5" customHeight="1" x14ac:dyDescent="0.2">
      <c r="B6" s="283" t="s">
        <v>38</v>
      </c>
      <c r="C6" s="3013" t="s">
        <v>47</v>
      </c>
      <c r="D6" s="3014"/>
      <c r="E6" s="3014"/>
      <c r="F6" s="3014"/>
      <c r="G6" s="3014"/>
      <c r="H6" s="3015"/>
      <c r="I6" s="284"/>
      <c r="J6" s="278"/>
    </row>
    <row r="7" spans="1:10" ht="18.75" customHeight="1" x14ac:dyDescent="0.2">
      <c r="B7" s="3182" t="s">
        <v>680</v>
      </c>
      <c r="C7" s="285"/>
      <c r="D7" s="286"/>
      <c r="E7" s="286"/>
      <c r="F7" s="286"/>
      <c r="G7" s="286"/>
      <c r="H7" s="287"/>
      <c r="I7" s="277"/>
      <c r="J7" s="277"/>
    </row>
    <row r="8" spans="1:10" ht="33" customHeight="1" x14ac:dyDescent="0.2">
      <c r="B8" s="3183"/>
      <c r="C8" s="288"/>
      <c r="D8" s="3185"/>
      <c r="E8" s="3185"/>
      <c r="F8" s="3186" t="s">
        <v>525</v>
      </c>
      <c r="G8" s="3186"/>
      <c r="H8" s="289"/>
    </row>
    <row r="9" spans="1:10" ht="33" customHeight="1" x14ac:dyDescent="0.2">
      <c r="B9" s="3183"/>
      <c r="C9" s="288"/>
      <c r="D9" s="3186" t="s">
        <v>444</v>
      </c>
      <c r="E9" s="3186"/>
      <c r="F9" s="3187" t="s">
        <v>445</v>
      </c>
      <c r="G9" s="3187"/>
      <c r="H9" s="289"/>
    </row>
    <row r="10" spans="1:10" ht="33" customHeight="1" x14ac:dyDescent="0.2">
      <c r="B10" s="3183"/>
      <c r="C10" s="288"/>
      <c r="D10" s="3188" t="s">
        <v>523</v>
      </c>
      <c r="E10" s="3188"/>
      <c r="F10" s="3189" t="s">
        <v>445</v>
      </c>
      <c r="G10" s="3189"/>
      <c r="H10" s="289"/>
    </row>
    <row r="11" spans="1:10" ht="33" customHeight="1" x14ac:dyDescent="0.2">
      <c r="B11" s="3183"/>
      <c r="C11" s="288"/>
      <c r="D11" s="288"/>
      <c r="E11" s="290" t="s">
        <v>679</v>
      </c>
      <c r="F11" s="3189" t="s">
        <v>445</v>
      </c>
      <c r="G11" s="3189"/>
      <c r="H11" s="289"/>
    </row>
    <row r="12" spans="1:10" ht="33" customHeight="1" x14ac:dyDescent="0.2">
      <c r="B12" s="3183"/>
      <c r="C12" s="288"/>
      <c r="D12" s="291"/>
      <c r="E12" s="292" t="s">
        <v>678</v>
      </c>
      <c r="F12" s="3190" t="s">
        <v>445</v>
      </c>
      <c r="G12" s="3190"/>
      <c r="H12" s="289"/>
    </row>
    <row r="13" spans="1:10" ht="33" customHeight="1" x14ac:dyDescent="0.2">
      <c r="B13" s="3183"/>
      <c r="C13" s="288"/>
      <c r="D13" s="3191" t="s">
        <v>447</v>
      </c>
      <c r="E13" s="3191"/>
      <c r="F13" s="3187" t="s">
        <v>445</v>
      </c>
      <c r="G13" s="3187"/>
      <c r="H13" s="289"/>
    </row>
    <row r="14" spans="1:10" ht="25.5" customHeight="1" x14ac:dyDescent="0.2">
      <c r="B14" s="3184"/>
      <c r="C14" s="291"/>
      <c r="D14" s="293"/>
      <c r="E14" s="293"/>
      <c r="F14" s="293"/>
      <c r="G14" s="293"/>
      <c r="H14" s="294"/>
      <c r="I14" s="277"/>
      <c r="J14" s="277"/>
    </row>
    <row r="15" spans="1:10" ht="7.5" customHeight="1" x14ac:dyDescent="0.2"/>
    <row r="16" spans="1:10" ht="24.75" customHeight="1" x14ac:dyDescent="0.2">
      <c r="B16" s="274" t="s">
        <v>211</v>
      </c>
    </row>
    <row r="18" spans="3:3" x14ac:dyDescent="0.2">
      <c r="C18" s="274" t="s">
        <v>79</v>
      </c>
    </row>
  </sheetData>
  <customSheetViews>
    <customSheetView guid="{FA98832E-F01A-4598-9960-E27C2FDAB118}" scale="110" showPageBreaks="1" showGridLines="0" printArea="1" view="pageBreakPreview">
      <selection activeCell="J20" sqref="J20"/>
      <pageMargins left="0.7" right="0.7" top="0.75" bottom="0.75" header="0.3" footer="0.3"/>
      <pageSetup paperSize="9" orientation="portrait" r:id="rId1"/>
    </customSheetView>
    <customSheetView guid="{8494577A-77FB-45FD-BD2B-C737BCFAD5B3}" scale="110" showPageBreaks="1" showGridLines="0" printArea="1" view="pageBreakPreview">
      <selection activeCell="J20" sqref="J20"/>
      <pageMargins left="0.7" right="0.7" top="0.75" bottom="0.75" header="0.3" footer="0.3"/>
      <pageSetup paperSize="9" orientation="portrait" r:id="rId2"/>
    </customSheetView>
  </customSheetViews>
  <mergeCells count="16">
    <mergeCell ref="G2:H2"/>
    <mergeCell ref="I2:J2"/>
    <mergeCell ref="A3:H3"/>
    <mergeCell ref="C5:H5"/>
    <mergeCell ref="C6:H6"/>
    <mergeCell ref="B7:B14"/>
    <mergeCell ref="D8:E8"/>
    <mergeCell ref="F8:G8"/>
    <mergeCell ref="D9:E9"/>
    <mergeCell ref="F9:G9"/>
    <mergeCell ref="D10:E10"/>
    <mergeCell ref="F10:G10"/>
    <mergeCell ref="F11:G11"/>
    <mergeCell ref="F12:G12"/>
    <mergeCell ref="D13:E13"/>
    <mergeCell ref="F13:G13"/>
  </mergeCells>
  <phoneticPr fontId="6"/>
  <pageMargins left="0.7" right="0.7" top="0.75" bottom="0.75" header="0.3" footer="0.3"/>
  <pageSetup paperSize="9" orientation="portrait" r:id="rId3"/>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J50"/>
  <sheetViews>
    <sheetView view="pageBreakPreview" zoomScale="98" zoomScaleNormal="100" zoomScaleSheetLayoutView="98" workbookViewId="0">
      <selection activeCell="A3" sqref="A3:J3"/>
    </sheetView>
  </sheetViews>
  <sheetFormatPr defaultRowHeight="13.2" x14ac:dyDescent="0.2"/>
  <cols>
    <col min="1" max="1" width="2.44140625" style="56" customWidth="1"/>
    <col min="2" max="2" width="19" style="56" customWidth="1"/>
    <col min="3" max="3" width="4.6640625" style="56" customWidth="1"/>
    <col min="4" max="4" width="4.33203125" style="56" customWidth="1"/>
    <col min="5" max="5" width="17.88671875" style="56" customWidth="1"/>
    <col min="6" max="6" width="4.6640625" style="56" customWidth="1"/>
    <col min="7" max="7" width="25" style="56" customWidth="1"/>
    <col min="8" max="8" width="4.6640625" style="56" customWidth="1"/>
    <col min="9" max="9" width="24.109375" style="56" customWidth="1"/>
    <col min="10" max="10" width="4.88671875" style="56" customWidth="1"/>
    <col min="11" max="11" width="2" style="56" customWidth="1"/>
    <col min="12" max="256" width="9" style="56"/>
    <col min="257" max="257" width="3.44140625" style="56" customWidth="1"/>
    <col min="258" max="258" width="19" style="56" customWidth="1"/>
    <col min="259" max="259" width="4.6640625" style="56" customWidth="1"/>
    <col min="260" max="260" width="4.33203125" style="56" customWidth="1"/>
    <col min="261" max="261" width="17.88671875" style="56" customWidth="1"/>
    <col min="262" max="262" width="4.6640625" style="56" customWidth="1"/>
    <col min="263" max="263" width="25" style="56" customWidth="1"/>
    <col min="264" max="264" width="4.6640625" style="56" customWidth="1"/>
    <col min="265" max="265" width="24.109375" style="56" customWidth="1"/>
    <col min="266" max="266" width="4.88671875" style="56" customWidth="1"/>
    <col min="267" max="512" width="9" style="56"/>
    <col min="513" max="513" width="3.44140625" style="56" customWidth="1"/>
    <col min="514" max="514" width="19" style="56" customWidth="1"/>
    <col min="515" max="515" width="4.6640625" style="56" customWidth="1"/>
    <col min="516" max="516" width="4.33203125" style="56" customWidth="1"/>
    <col min="517" max="517" width="17.88671875" style="56" customWidth="1"/>
    <col min="518" max="518" width="4.6640625" style="56" customWidth="1"/>
    <col min="519" max="519" width="25" style="56" customWidth="1"/>
    <col min="520" max="520" width="4.6640625" style="56" customWidth="1"/>
    <col min="521" max="521" width="24.109375" style="56" customWidth="1"/>
    <col min="522" max="522" width="4.88671875" style="56" customWidth="1"/>
    <col min="523" max="768" width="9" style="56"/>
    <col min="769" max="769" width="3.44140625" style="56" customWidth="1"/>
    <col min="770" max="770" width="19" style="56" customWidth="1"/>
    <col min="771" max="771" width="4.6640625" style="56" customWidth="1"/>
    <col min="772" max="772" width="4.33203125" style="56" customWidth="1"/>
    <col min="773" max="773" width="17.88671875" style="56" customWidth="1"/>
    <col min="774" max="774" width="4.6640625" style="56" customWidth="1"/>
    <col min="775" max="775" width="25" style="56" customWidth="1"/>
    <col min="776" max="776" width="4.6640625" style="56" customWidth="1"/>
    <col min="777" max="777" width="24.109375" style="56" customWidth="1"/>
    <col min="778" max="778" width="4.88671875" style="56" customWidth="1"/>
    <col min="779" max="1024" width="9" style="56"/>
    <col min="1025" max="1025" width="3.44140625" style="56" customWidth="1"/>
    <col min="1026" max="1026" width="19" style="56" customWidth="1"/>
    <col min="1027" max="1027" width="4.6640625" style="56" customWidth="1"/>
    <col min="1028" max="1028" width="4.33203125" style="56" customWidth="1"/>
    <col min="1029" max="1029" width="17.88671875" style="56" customWidth="1"/>
    <col min="1030" max="1030" width="4.6640625" style="56" customWidth="1"/>
    <col min="1031" max="1031" width="25" style="56" customWidth="1"/>
    <col min="1032" max="1032" width="4.6640625" style="56" customWidth="1"/>
    <col min="1033" max="1033" width="24.109375" style="56" customWidth="1"/>
    <col min="1034" max="1034" width="4.88671875" style="56" customWidth="1"/>
    <col min="1035" max="1280" width="9" style="56"/>
    <col min="1281" max="1281" width="3.44140625" style="56" customWidth="1"/>
    <col min="1282" max="1282" width="19" style="56" customWidth="1"/>
    <col min="1283" max="1283" width="4.6640625" style="56" customWidth="1"/>
    <col min="1284" max="1284" width="4.33203125" style="56" customWidth="1"/>
    <col min="1285" max="1285" width="17.88671875" style="56" customWidth="1"/>
    <col min="1286" max="1286" width="4.6640625" style="56" customWidth="1"/>
    <col min="1287" max="1287" width="25" style="56" customWidth="1"/>
    <col min="1288" max="1288" width="4.6640625" style="56" customWidth="1"/>
    <col min="1289" max="1289" width="24.109375" style="56" customWidth="1"/>
    <col min="1290" max="1290" width="4.88671875" style="56" customWidth="1"/>
    <col min="1291" max="1536" width="9" style="56"/>
    <col min="1537" max="1537" width="3.44140625" style="56" customWidth="1"/>
    <col min="1538" max="1538" width="19" style="56" customWidth="1"/>
    <col min="1539" max="1539" width="4.6640625" style="56" customWidth="1"/>
    <col min="1540" max="1540" width="4.33203125" style="56" customWidth="1"/>
    <col min="1541" max="1541" width="17.88671875" style="56" customWidth="1"/>
    <col min="1542" max="1542" width="4.6640625" style="56" customWidth="1"/>
    <col min="1543" max="1543" width="25" style="56" customWidth="1"/>
    <col min="1544" max="1544" width="4.6640625" style="56" customWidth="1"/>
    <col min="1545" max="1545" width="24.109375" style="56" customWidth="1"/>
    <col min="1546" max="1546" width="4.88671875" style="56" customWidth="1"/>
    <col min="1547" max="1792" width="9" style="56"/>
    <col min="1793" max="1793" width="3.44140625" style="56" customWidth="1"/>
    <col min="1794" max="1794" width="19" style="56" customWidth="1"/>
    <col min="1795" max="1795" width="4.6640625" style="56" customWidth="1"/>
    <col min="1796" max="1796" width="4.33203125" style="56" customWidth="1"/>
    <col min="1797" max="1797" width="17.88671875" style="56" customWidth="1"/>
    <col min="1798" max="1798" width="4.6640625" style="56" customWidth="1"/>
    <col min="1799" max="1799" width="25" style="56" customWidth="1"/>
    <col min="1800" max="1800" width="4.6640625" style="56" customWidth="1"/>
    <col min="1801" max="1801" width="24.109375" style="56" customWidth="1"/>
    <col min="1802" max="1802" width="4.88671875" style="56" customWidth="1"/>
    <col min="1803" max="2048" width="9" style="56"/>
    <col min="2049" max="2049" width="3.44140625" style="56" customWidth="1"/>
    <col min="2050" max="2050" width="19" style="56" customWidth="1"/>
    <col min="2051" max="2051" width="4.6640625" style="56" customWidth="1"/>
    <col min="2052" max="2052" width="4.33203125" style="56" customWidth="1"/>
    <col min="2053" max="2053" width="17.88671875" style="56" customWidth="1"/>
    <col min="2054" max="2054" width="4.6640625" style="56" customWidth="1"/>
    <col min="2055" max="2055" width="25" style="56" customWidth="1"/>
    <col min="2056" max="2056" width="4.6640625" style="56" customWidth="1"/>
    <col min="2057" max="2057" width="24.109375" style="56" customWidth="1"/>
    <col min="2058" max="2058" width="4.88671875" style="56" customWidth="1"/>
    <col min="2059" max="2304" width="9" style="56"/>
    <col min="2305" max="2305" width="3.44140625" style="56" customWidth="1"/>
    <col min="2306" max="2306" width="19" style="56" customWidth="1"/>
    <col min="2307" max="2307" width="4.6640625" style="56" customWidth="1"/>
    <col min="2308" max="2308" width="4.33203125" style="56" customWidth="1"/>
    <col min="2309" max="2309" width="17.88671875" style="56" customWidth="1"/>
    <col min="2310" max="2310" width="4.6640625" style="56" customWidth="1"/>
    <col min="2311" max="2311" width="25" style="56" customWidth="1"/>
    <col min="2312" max="2312" width="4.6640625" style="56" customWidth="1"/>
    <col min="2313" max="2313" width="24.109375" style="56" customWidth="1"/>
    <col min="2314" max="2314" width="4.88671875" style="56" customWidth="1"/>
    <col min="2315" max="2560" width="9" style="56"/>
    <col min="2561" max="2561" width="3.44140625" style="56" customWidth="1"/>
    <col min="2562" max="2562" width="19" style="56" customWidth="1"/>
    <col min="2563" max="2563" width="4.6640625" style="56" customWidth="1"/>
    <col min="2564" max="2564" width="4.33203125" style="56" customWidth="1"/>
    <col min="2565" max="2565" width="17.88671875" style="56" customWidth="1"/>
    <col min="2566" max="2566" width="4.6640625" style="56" customWidth="1"/>
    <col min="2567" max="2567" width="25" style="56" customWidth="1"/>
    <col min="2568" max="2568" width="4.6640625" style="56" customWidth="1"/>
    <col min="2569" max="2569" width="24.109375" style="56" customWidth="1"/>
    <col min="2570" max="2570" width="4.88671875" style="56" customWidth="1"/>
    <col min="2571" max="2816" width="9" style="56"/>
    <col min="2817" max="2817" width="3.44140625" style="56" customWidth="1"/>
    <col min="2818" max="2818" width="19" style="56" customWidth="1"/>
    <col min="2819" max="2819" width="4.6640625" style="56" customWidth="1"/>
    <col min="2820" max="2820" width="4.33203125" style="56" customWidth="1"/>
    <col min="2821" max="2821" width="17.88671875" style="56" customWidth="1"/>
    <col min="2822" max="2822" width="4.6640625" style="56" customWidth="1"/>
    <col min="2823" max="2823" width="25" style="56" customWidth="1"/>
    <col min="2824" max="2824" width="4.6640625" style="56" customWidth="1"/>
    <col min="2825" max="2825" width="24.109375" style="56" customWidth="1"/>
    <col min="2826" max="2826" width="4.88671875" style="56" customWidth="1"/>
    <col min="2827" max="3072" width="9" style="56"/>
    <col min="3073" max="3073" width="3.44140625" style="56" customWidth="1"/>
    <col min="3074" max="3074" width="19" style="56" customWidth="1"/>
    <col min="3075" max="3075" width="4.6640625" style="56" customWidth="1"/>
    <col min="3076" max="3076" width="4.33203125" style="56" customWidth="1"/>
    <col min="3077" max="3077" width="17.88671875" style="56" customWidth="1"/>
    <col min="3078" max="3078" width="4.6640625" style="56" customWidth="1"/>
    <col min="3079" max="3079" width="25" style="56" customWidth="1"/>
    <col min="3080" max="3080" width="4.6640625" style="56" customWidth="1"/>
    <col min="3081" max="3081" width="24.109375" style="56" customWidth="1"/>
    <col min="3082" max="3082" width="4.88671875" style="56" customWidth="1"/>
    <col min="3083" max="3328" width="9" style="56"/>
    <col min="3329" max="3329" width="3.44140625" style="56" customWidth="1"/>
    <col min="3330" max="3330" width="19" style="56" customWidth="1"/>
    <col min="3331" max="3331" width="4.6640625" style="56" customWidth="1"/>
    <col min="3332" max="3332" width="4.33203125" style="56" customWidth="1"/>
    <col min="3333" max="3333" width="17.88671875" style="56" customWidth="1"/>
    <col min="3334" max="3334" width="4.6640625" style="56" customWidth="1"/>
    <col min="3335" max="3335" width="25" style="56" customWidth="1"/>
    <col min="3336" max="3336" width="4.6640625" style="56" customWidth="1"/>
    <col min="3337" max="3337" width="24.109375" style="56" customWidth="1"/>
    <col min="3338" max="3338" width="4.88671875" style="56" customWidth="1"/>
    <col min="3339" max="3584" width="9" style="56"/>
    <col min="3585" max="3585" width="3.44140625" style="56" customWidth="1"/>
    <col min="3586" max="3586" width="19" style="56" customWidth="1"/>
    <col min="3587" max="3587" width="4.6640625" style="56" customWidth="1"/>
    <col min="3588" max="3588" width="4.33203125" style="56" customWidth="1"/>
    <col min="3589" max="3589" width="17.88671875" style="56" customWidth="1"/>
    <col min="3590" max="3590" width="4.6640625" style="56" customWidth="1"/>
    <col min="3591" max="3591" width="25" style="56" customWidth="1"/>
    <col min="3592" max="3592" width="4.6640625" style="56" customWidth="1"/>
    <col min="3593" max="3593" width="24.109375" style="56" customWidth="1"/>
    <col min="3594" max="3594" width="4.88671875" style="56" customWidth="1"/>
    <col min="3595" max="3840" width="9" style="56"/>
    <col min="3841" max="3841" width="3.44140625" style="56" customWidth="1"/>
    <col min="3842" max="3842" width="19" style="56" customWidth="1"/>
    <col min="3843" max="3843" width="4.6640625" style="56" customWidth="1"/>
    <col min="3844" max="3844" width="4.33203125" style="56" customWidth="1"/>
    <col min="3845" max="3845" width="17.88671875" style="56" customWidth="1"/>
    <col min="3846" max="3846" width="4.6640625" style="56" customWidth="1"/>
    <col min="3847" max="3847" width="25" style="56" customWidth="1"/>
    <col min="3848" max="3848" width="4.6640625" style="56" customWidth="1"/>
    <col min="3849" max="3849" width="24.109375" style="56" customWidth="1"/>
    <col min="3850" max="3850" width="4.88671875" style="56" customWidth="1"/>
    <col min="3851" max="4096" width="9" style="56"/>
    <col min="4097" max="4097" width="3.44140625" style="56" customWidth="1"/>
    <col min="4098" max="4098" width="19" style="56" customWidth="1"/>
    <col min="4099" max="4099" width="4.6640625" style="56" customWidth="1"/>
    <col min="4100" max="4100" width="4.33203125" style="56" customWidth="1"/>
    <col min="4101" max="4101" width="17.88671875" style="56" customWidth="1"/>
    <col min="4102" max="4102" width="4.6640625" style="56" customWidth="1"/>
    <col min="4103" max="4103" width="25" style="56" customWidth="1"/>
    <col min="4104" max="4104" width="4.6640625" style="56" customWidth="1"/>
    <col min="4105" max="4105" width="24.109375" style="56" customWidth="1"/>
    <col min="4106" max="4106" width="4.88671875" style="56" customWidth="1"/>
    <col min="4107" max="4352" width="9" style="56"/>
    <col min="4353" max="4353" width="3.44140625" style="56" customWidth="1"/>
    <col min="4354" max="4354" width="19" style="56" customWidth="1"/>
    <col min="4355" max="4355" width="4.6640625" style="56" customWidth="1"/>
    <col min="4356" max="4356" width="4.33203125" style="56" customWidth="1"/>
    <col min="4357" max="4357" width="17.88671875" style="56" customWidth="1"/>
    <col min="4358" max="4358" width="4.6640625" style="56" customWidth="1"/>
    <col min="4359" max="4359" width="25" style="56" customWidth="1"/>
    <col min="4360" max="4360" width="4.6640625" style="56" customWidth="1"/>
    <col min="4361" max="4361" width="24.109375" style="56" customWidth="1"/>
    <col min="4362" max="4362" width="4.88671875" style="56" customWidth="1"/>
    <col min="4363" max="4608" width="9" style="56"/>
    <col min="4609" max="4609" width="3.44140625" style="56" customWidth="1"/>
    <col min="4610" max="4610" width="19" style="56" customWidth="1"/>
    <col min="4611" max="4611" width="4.6640625" style="56" customWidth="1"/>
    <col min="4612" max="4612" width="4.33203125" style="56" customWidth="1"/>
    <col min="4613" max="4613" width="17.88671875" style="56" customWidth="1"/>
    <col min="4614" max="4614" width="4.6640625" style="56" customWidth="1"/>
    <col min="4615" max="4615" width="25" style="56" customWidth="1"/>
    <col min="4616" max="4616" width="4.6640625" style="56" customWidth="1"/>
    <col min="4617" max="4617" width="24.109375" style="56" customWidth="1"/>
    <col min="4618" max="4618" width="4.88671875" style="56" customWidth="1"/>
    <col min="4619" max="4864" width="9" style="56"/>
    <col min="4865" max="4865" width="3.44140625" style="56" customWidth="1"/>
    <col min="4866" max="4866" width="19" style="56" customWidth="1"/>
    <col min="4867" max="4867" width="4.6640625" style="56" customWidth="1"/>
    <col min="4868" max="4868" width="4.33203125" style="56" customWidth="1"/>
    <col min="4869" max="4869" width="17.88671875" style="56" customWidth="1"/>
    <col min="4870" max="4870" width="4.6640625" style="56" customWidth="1"/>
    <col min="4871" max="4871" width="25" style="56" customWidth="1"/>
    <col min="4872" max="4872" width="4.6640625" style="56" customWidth="1"/>
    <col min="4873" max="4873" width="24.109375" style="56" customWidth="1"/>
    <col min="4874" max="4874" width="4.88671875" style="56" customWidth="1"/>
    <col min="4875" max="5120" width="9" style="56"/>
    <col min="5121" max="5121" width="3.44140625" style="56" customWidth="1"/>
    <col min="5122" max="5122" width="19" style="56" customWidth="1"/>
    <col min="5123" max="5123" width="4.6640625" style="56" customWidth="1"/>
    <col min="5124" max="5124" width="4.33203125" style="56" customWidth="1"/>
    <col min="5125" max="5125" width="17.88671875" style="56" customWidth="1"/>
    <col min="5126" max="5126" width="4.6640625" style="56" customWidth="1"/>
    <col min="5127" max="5127" width="25" style="56" customWidth="1"/>
    <col min="5128" max="5128" width="4.6640625" style="56" customWidth="1"/>
    <col min="5129" max="5129" width="24.109375" style="56" customWidth="1"/>
    <col min="5130" max="5130" width="4.88671875" style="56" customWidth="1"/>
    <col min="5131" max="5376" width="9" style="56"/>
    <col min="5377" max="5377" width="3.44140625" style="56" customWidth="1"/>
    <col min="5378" max="5378" width="19" style="56" customWidth="1"/>
    <col min="5379" max="5379" width="4.6640625" style="56" customWidth="1"/>
    <col min="5380" max="5380" width="4.33203125" style="56" customWidth="1"/>
    <col min="5381" max="5381" width="17.88671875" style="56" customWidth="1"/>
    <col min="5382" max="5382" width="4.6640625" style="56" customWidth="1"/>
    <col min="5383" max="5383" width="25" style="56" customWidth="1"/>
    <col min="5384" max="5384" width="4.6640625" style="56" customWidth="1"/>
    <col min="5385" max="5385" width="24.109375" style="56" customWidth="1"/>
    <col min="5386" max="5386" width="4.88671875" style="56" customWidth="1"/>
    <col min="5387" max="5632" width="9" style="56"/>
    <col min="5633" max="5633" width="3.44140625" style="56" customWidth="1"/>
    <col min="5634" max="5634" width="19" style="56" customWidth="1"/>
    <col min="5635" max="5635" width="4.6640625" style="56" customWidth="1"/>
    <col min="5636" max="5636" width="4.33203125" style="56" customWidth="1"/>
    <col min="5637" max="5637" width="17.88671875" style="56" customWidth="1"/>
    <col min="5638" max="5638" width="4.6640625" style="56" customWidth="1"/>
    <col min="5639" max="5639" width="25" style="56" customWidth="1"/>
    <col min="5640" max="5640" width="4.6640625" style="56" customWidth="1"/>
    <col min="5641" max="5641" width="24.109375" style="56" customWidth="1"/>
    <col min="5642" max="5642" width="4.88671875" style="56" customWidth="1"/>
    <col min="5643" max="5888" width="9" style="56"/>
    <col min="5889" max="5889" width="3.44140625" style="56" customWidth="1"/>
    <col min="5890" max="5890" width="19" style="56" customWidth="1"/>
    <col min="5891" max="5891" width="4.6640625" style="56" customWidth="1"/>
    <col min="5892" max="5892" width="4.33203125" style="56" customWidth="1"/>
    <col min="5893" max="5893" width="17.88671875" style="56" customWidth="1"/>
    <col min="5894" max="5894" width="4.6640625" style="56" customWidth="1"/>
    <col min="5895" max="5895" width="25" style="56" customWidth="1"/>
    <col min="5896" max="5896" width="4.6640625" style="56" customWidth="1"/>
    <col min="5897" max="5897" width="24.109375" style="56" customWidth="1"/>
    <col min="5898" max="5898" width="4.88671875" style="56" customWidth="1"/>
    <col min="5899" max="6144" width="9" style="56"/>
    <col min="6145" max="6145" width="3.44140625" style="56" customWidth="1"/>
    <col min="6146" max="6146" width="19" style="56" customWidth="1"/>
    <col min="6147" max="6147" width="4.6640625" style="56" customWidth="1"/>
    <col min="6148" max="6148" width="4.33203125" style="56" customWidth="1"/>
    <col min="6149" max="6149" width="17.88671875" style="56" customWidth="1"/>
    <col min="6150" max="6150" width="4.6640625" style="56" customWidth="1"/>
    <col min="6151" max="6151" width="25" style="56" customWidth="1"/>
    <col min="6152" max="6152" width="4.6640625" style="56" customWidth="1"/>
    <col min="6153" max="6153" width="24.109375" style="56" customWidth="1"/>
    <col min="6154" max="6154" width="4.88671875" style="56" customWidth="1"/>
    <col min="6155" max="6400" width="9" style="56"/>
    <col min="6401" max="6401" width="3.44140625" style="56" customWidth="1"/>
    <col min="6402" max="6402" width="19" style="56" customWidth="1"/>
    <col min="6403" max="6403" width="4.6640625" style="56" customWidth="1"/>
    <col min="6404" max="6404" width="4.33203125" style="56" customWidth="1"/>
    <col min="6405" max="6405" width="17.88671875" style="56" customWidth="1"/>
    <col min="6406" max="6406" width="4.6640625" style="56" customWidth="1"/>
    <col min="6407" max="6407" width="25" style="56" customWidth="1"/>
    <col min="6408" max="6408" width="4.6640625" style="56" customWidth="1"/>
    <col min="6409" max="6409" width="24.109375" style="56" customWidth="1"/>
    <col min="6410" max="6410" width="4.88671875" style="56" customWidth="1"/>
    <col min="6411" max="6656" width="9" style="56"/>
    <col min="6657" max="6657" width="3.44140625" style="56" customWidth="1"/>
    <col min="6658" max="6658" width="19" style="56" customWidth="1"/>
    <col min="6659" max="6659" width="4.6640625" style="56" customWidth="1"/>
    <col min="6660" max="6660" width="4.33203125" style="56" customWidth="1"/>
    <col min="6661" max="6661" width="17.88671875" style="56" customWidth="1"/>
    <col min="6662" max="6662" width="4.6640625" style="56" customWidth="1"/>
    <col min="6663" max="6663" width="25" style="56" customWidth="1"/>
    <col min="6664" max="6664" width="4.6640625" style="56" customWidth="1"/>
    <col min="6665" max="6665" width="24.109375" style="56" customWidth="1"/>
    <col min="6666" max="6666" width="4.88671875" style="56" customWidth="1"/>
    <col min="6667" max="6912" width="9" style="56"/>
    <col min="6913" max="6913" width="3.44140625" style="56" customWidth="1"/>
    <col min="6914" max="6914" width="19" style="56" customWidth="1"/>
    <col min="6915" max="6915" width="4.6640625" style="56" customWidth="1"/>
    <col min="6916" max="6916" width="4.33203125" style="56" customWidth="1"/>
    <col min="6917" max="6917" width="17.88671875" style="56" customWidth="1"/>
    <col min="6918" max="6918" width="4.6640625" style="56" customWidth="1"/>
    <col min="6919" max="6919" width="25" style="56" customWidth="1"/>
    <col min="6920" max="6920" width="4.6640625" style="56" customWidth="1"/>
    <col min="6921" max="6921" width="24.109375" style="56" customWidth="1"/>
    <col min="6922" max="6922" width="4.88671875" style="56" customWidth="1"/>
    <col min="6923" max="7168" width="9" style="56"/>
    <col min="7169" max="7169" width="3.44140625" style="56" customWidth="1"/>
    <col min="7170" max="7170" width="19" style="56" customWidth="1"/>
    <col min="7171" max="7171" width="4.6640625" style="56" customWidth="1"/>
    <col min="7172" max="7172" width="4.33203125" style="56" customWidth="1"/>
    <col min="7173" max="7173" width="17.88671875" style="56" customWidth="1"/>
    <col min="7174" max="7174" width="4.6640625" style="56" customWidth="1"/>
    <col min="7175" max="7175" width="25" style="56" customWidth="1"/>
    <col min="7176" max="7176" width="4.6640625" style="56" customWidth="1"/>
    <col min="7177" max="7177" width="24.109375" style="56" customWidth="1"/>
    <col min="7178" max="7178" width="4.88671875" style="56" customWidth="1"/>
    <col min="7179" max="7424" width="9" style="56"/>
    <col min="7425" max="7425" width="3.44140625" style="56" customWidth="1"/>
    <col min="7426" max="7426" width="19" style="56" customWidth="1"/>
    <col min="7427" max="7427" width="4.6640625" style="56" customWidth="1"/>
    <col min="7428" max="7428" width="4.33203125" style="56" customWidth="1"/>
    <col min="7429" max="7429" width="17.88671875" style="56" customWidth="1"/>
    <col min="7430" max="7430" width="4.6640625" style="56" customWidth="1"/>
    <col min="7431" max="7431" width="25" style="56" customWidth="1"/>
    <col min="7432" max="7432" width="4.6640625" style="56" customWidth="1"/>
    <col min="7433" max="7433" width="24.109375" style="56" customWidth="1"/>
    <col min="7434" max="7434" width="4.88671875" style="56" customWidth="1"/>
    <col min="7435" max="7680" width="9" style="56"/>
    <col min="7681" max="7681" width="3.44140625" style="56" customWidth="1"/>
    <col min="7682" max="7682" width="19" style="56" customWidth="1"/>
    <col min="7683" max="7683" width="4.6640625" style="56" customWidth="1"/>
    <col min="7684" max="7684" width="4.33203125" style="56" customWidth="1"/>
    <col min="7685" max="7685" width="17.88671875" style="56" customWidth="1"/>
    <col min="7686" max="7686" width="4.6640625" style="56" customWidth="1"/>
    <col min="7687" max="7687" width="25" style="56" customWidth="1"/>
    <col min="7688" max="7688" width="4.6640625" style="56" customWidth="1"/>
    <col min="7689" max="7689" width="24.109375" style="56" customWidth="1"/>
    <col min="7690" max="7690" width="4.88671875" style="56" customWidth="1"/>
    <col min="7691" max="7936" width="9" style="56"/>
    <col min="7937" max="7937" width="3.44140625" style="56" customWidth="1"/>
    <col min="7938" max="7938" width="19" style="56" customWidth="1"/>
    <col min="7939" max="7939" width="4.6640625" style="56" customWidth="1"/>
    <col min="7940" max="7940" width="4.33203125" style="56" customWidth="1"/>
    <col min="7941" max="7941" width="17.88671875" style="56" customWidth="1"/>
    <col min="7942" max="7942" width="4.6640625" style="56" customWidth="1"/>
    <col min="7943" max="7943" width="25" style="56" customWidth="1"/>
    <col min="7944" max="7944" width="4.6640625" style="56" customWidth="1"/>
    <col min="7945" max="7945" width="24.109375" style="56" customWidth="1"/>
    <col min="7946" max="7946" width="4.88671875" style="56" customWidth="1"/>
    <col min="7947" max="8192" width="9" style="56"/>
    <col min="8193" max="8193" width="3.44140625" style="56" customWidth="1"/>
    <col min="8194" max="8194" width="19" style="56" customWidth="1"/>
    <col min="8195" max="8195" width="4.6640625" style="56" customWidth="1"/>
    <col min="8196" max="8196" width="4.33203125" style="56" customWidth="1"/>
    <col min="8197" max="8197" width="17.88671875" style="56" customWidth="1"/>
    <col min="8198" max="8198" width="4.6640625" style="56" customWidth="1"/>
    <col min="8199" max="8199" width="25" style="56" customWidth="1"/>
    <col min="8200" max="8200" width="4.6640625" style="56" customWidth="1"/>
    <col min="8201" max="8201" width="24.109375" style="56" customWidth="1"/>
    <col min="8202" max="8202" width="4.88671875" style="56" customWidth="1"/>
    <col min="8203" max="8448" width="9" style="56"/>
    <col min="8449" max="8449" width="3.44140625" style="56" customWidth="1"/>
    <col min="8450" max="8450" width="19" style="56" customWidth="1"/>
    <col min="8451" max="8451" width="4.6640625" style="56" customWidth="1"/>
    <col min="8452" max="8452" width="4.33203125" style="56" customWidth="1"/>
    <col min="8453" max="8453" width="17.88671875" style="56" customWidth="1"/>
    <col min="8454" max="8454" width="4.6640625" style="56" customWidth="1"/>
    <col min="8455" max="8455" width="25" style="56" customWidth="1"/>
    <col min="8456" max="8456" width="4.6640625" style="56" customWidth="1"/>
    <col min="8457" max="8457" width="24.109375" style="56" customWidth="1"/>
    <col min="8458" max="8458" width="4.88671875" style="56" customWidth="1"/>
    <col min="8459" max="8704" width="9" style="56"/>
    <col min="8705" max="8705" width="3.44140625" style="56" customWidth="1"/>
    <col min="8706" max="8706" width="19" style="56" customWidth="1"/>
    <col min="8707" max="8707" width="4.6640625" style="56" customWidth="1"/>
    <col min="8708" max="8708" width="4.33203125" style="56" customWidth="1"/>
    <col min="8709" max="8709" width="17.88671875" style="56" customWidth="1"/>
    <col min="8710" max="8710" width="4.6640625" style="56" customWidth="1"/>
    <col min="8711" max="8711" width="25" style="56" customWidth="1"/>
    <col min="8712" max="8712" width="4.6640625" style="56" customWidth="1"/>
    <col min="8713" max="8713" width="24.109375" style="56" customWidth="1"/>
    <col min="8714" max="8714" width="4.88671875" style="56" customWidth="1"/>
    <col min="8715" max="8960" width="9" style="56"/>
    <col min="8961" max="8961" width="3.44140625" style="56" customWidth="1"/>
    <col min="8962" max="8962" width="19" style="56" customWidth="1"/>
    <col min="8963" max="8963" width="4.6640625" style="56" customWidth="1"/>
    <col min="8964" max="8964" width="4.33203125" style="56" customWidth="1"/>
    <col min="8965" max="8965" width="17.88671875" style="56" customWidth="1"/>
    <col min="8966" max="8966" width="4.6640625" style="56" customWidth="1"/>
    <col min="8967" max="8967" width="25" style="56" customWidth="1"/>
    <col min="8968" max="8968" width="4.6640625" style="56" customWidth="1"/>
    <col min="8969" max="8969" width="24.109375" style="56" customWidth="1"/>
    <col min="8970" max="8970" width="4.88671875" style="56" customWidth="1"/>
    <col min="8971" max="9216" width="9" style="56"/>
    <col min="9217" max="9217" width="3.44140625" style="56" customWidth="1"/>
    <col min="9218" max="9218" width="19" style="56" customWidth="1"/>
    <col min="9219" max="9219" width="4.6640625" style="56" customWidth="1"/>
    <col min="9220" max="9220" width="4.33203125" style="56" customWidth="1"/>
    <col min="9221" max="9221" width="17.88671875" style="56" customWidth="1"/>
    <col min="9222" max="9222" width="4.6640625" style="56" customWidth="1"/>
    <col min="9223" max="9223" width="25" style="56" customWidth="1"/>
    <col min="9224" max="9224" width="4.6640625" style="56" customWidth="1"/>
    <col min="9225" max="9225" width="24.109375" style="56" customWidth="1"/>
    <col min="9226" max="9226" width="4.88671875" style="56" customWidth="1"/>
    <col min="9227" max="9472" width="9" style="56"/>
    <col min="9473" max="9473" width="3.44140625" style="56" customWidth="1"/>
    <col min="9474" max="9474" width="19" style="56" customWidth="1"/>
    <col min="9475" max="9475" width="4.6640625" style="56" customWidth="1"/>
    <col min="9476" max="9476" width="4.33203125" style="56" customWidth="1"/>
    <col min="9477" max="9477" width="17.88671875" style="56" customWidth="1"/>
    <col min="9478" max="9478" width="4.6640625" style="56" customWidth="1"/>
    <col min="9479" max="9479" width="25" style="56" customWidth="1"/>
    <col min="9480" max="9480" width="4.6640625" style="56" customWidth="1"/>
    <col min="9481" max="9481" width="24.109375" style="56" customWidth="1"/>
    <col min="9482" max="9482" width="4.88671875" style="56" customWidth="1"/>
    <col min="9483" max="9728" width="9" style="56"/>
    <col min="9729" max="9729" width="3.44140625" style="56" customWidth="1"/>
    <col min="9730" max="9730" width="19" style="56" customWidth="1"/>
    <col min="9731" max="9731" width="4.6640625" style="56" customWidth="1"/>
    <col min="9732" max="9732" width="4.33203125" style="56" customWidth="1"/>
    <col min="9733" max="9733" width="17.88671875" style="56" customWidth="1"/>
    <col min="9734" max="9734" width="4.6640625" style="56" customWidth="1"/>
    <col min="9735" max="9735" width="25" style="56" customWidth="1"/>
    <col min="9736" max="9736" width="4.6640625" style="56" customWidth="1"/>
    <col min="9737" max="9737" width="24.109375" style="56" customWidth="1"/>
    <col min="9738" max="9738" width="4.88671875" style="56" customWidth="1"/>
    <col min="9739" max="9984" width="9" style="56"/>
    <col min="9985" max="9985" width="3.44140625" style="56" customWidth="1"/>
    <col min="9986" max="9986" width="19" style="56" customWidth="1"/>
    <col min="9987" max="9987" width="4.6640625" style="56" customWidth="1"/>
    <col min="9988" max="9988" width="4.33203125" style="56" customWidth="1"/>
    <col min="9989" max="9989" width="17.88671875" style="56" customWidth="1"/>
    <col min="9990" max="9990" width="4.6640625" style="56" customWidth="1"/>
    <col min="9991" max="9991" width="25" style="56" customWidth="1"/>
    <col min="9992" max="9992" width="4.6640625" style="56" customWidth="1"/>
    <col min="9993" max="9993" width="24.109375" style="56" customWidth="1"/>
    <col min="9994" max="9994" width="4.88671875" style="56" customWidth="1"/>
    <col min="9995" max="10240" width="9" style="56"/>
    <col min="10241" max="10241" width="3.44140625" style="56" customWidth="1"/>
    <col min="10242" max="10242" width="19" style="56" customWidth="1"/>
    <col min="10243" max="10243" width="4.6640625" style="56" customWidth="1"/>
    <col min="10244" max="10244" width="4.33203125" style="56" customWidth="1"/>
    <col min="10245" max="10245" width="17.88671875" style="56" customWidth="1"/>
    <col min="10246" max="10246" width="4.6640625" style="56" customWidth="1"/>
    <col min="10247" max="10247" width="25" style="56" customWidth="1"/>
    <col min="10248" max="10248" width="4.6640625" style="56" customWidth="1"/>
    <col min="10249" max="10249" width="24.109375" style="56" customWidth="1"/>
    <col min="10250" max="10250" width="4.88671875" style="56" customWidth="1"/>
    <col min="10251" max="10496" width="9" style="56"/>
    <col min="10497" max="10497" width="3.44140625" style="56" customWidth="1"/>
    <col min="10498" max="10498" width="19" style="56" customWidth="1"/>
    <col min="10499" max="10499" width="4.6640625" style="56" customWidth="1"/>
    <col min="10500" max="10500" width="4.33203125" style="56" customWidth="1"/>
    <col min="10501" max="10501" width="17.88671875" style="56" customWidth="1"/>
    <col min="10502" max="10502" width="4.6640625" style="56" customWidth="1"/>
    <col min="10503" max="10503" width="25" style="56" customWidth="1"/>
    <col min="10504" max="10504" width="4.6640625" style="56" customWidth="1"/>
    <col min="10505" max="10505" width="24.109375" style="56" customWidth="1"/>
    <col min="10506" max="10506" width="4.88671875" style="56" customWidth="1"/>
    <col min="10507" max="10752" width="9" style="56"/>
    <col min="10753" max="10753" width="3.44140625" style="56" customWidth="1"/>
    <col min="10754" max="10754" width="19" style="56" customWidth="1"/>
    <col min="10755" max="10755" width="4.6640625" style="56" customWidth="1"/>
    <col min="10756" max="10756" width="4.33203125" style="56" customWidth="1"/>
    <col min="10757" max="10757" width="17.88671875" style="56" customWidth="1"/>
    <col min="10758" max="10758" width="4.6640625" style="56" customWidth="1"/>
    <col min="10759" max="10759" width="25" style="56" customWidth="1"/>
    <col min="10760" max="10760" width="4.6640625" style="56" customWidth="1"/>
    <col min="10761" max="10761" width="24.109375" style="56" customWidth="1"/>
    <col min="10762" max="10762" width="4.88671875" style="56" customWidth="1"/>
    <col min="10763" max="11008" width="9" style="56"/>
    <col min="11009" max="11009" width="3.44140625" style="56" customWidth="1"/>
    <col min="11010" max="11010" width="19" style="56" customWidth="1"/>
    <col min="11011" max="11011" width="4.6640625" style="56" customWidth="1"/>
    <col min="11012" max="11012" width="4.33203125" style="56" customWidth="1"/>
    <col min="11013" max="11013" width="17.88671875" style="56" customWidth="1"/>
    <col min="11014" max="11014" width="4.6640625" style="56" customWidth="1"/>
    <col min="11015" max="11015" width="25" style="56" customWidth="1"/>
    <col min="11016" max="11016" width="4.6640625" style="56" customWidth="1"/>
    <col min="11017" max="11017" width="24.109375" style="56" customWidth="1"/>
    <col min="11018" max="11018" width="4.88671875" style="56" customWidth="1"/>
    <col min="11019" max="11264" width="9" style="56"/>
    <col min="11265" max="11265" width="3.44140625" style="56" customWidth="1"/>
    <col min="11266" max="11266" width="19" style="56" customWidth="1"/>
    <col min="11267" max="11267" width="4.6640625" style="56" customWidth="1"/>
    <col min="11268" max="11268" width="4.33203125" style="56" customWidth="1"/>
    <col min="11269" max="11269" width="17.88671875" style="56" customWidth="1"/>
    <col min="11270" max="11270" width="4.6640625" style="56" customWidth="1"/>
    <col min="11271" max="11271" width="25" style="56" customWidth="1"/>
    <col min="11272" max="11272" width="4.6640625" style="56" customWidth="1"/>
    <col min="11273" max="11273" width="24.109375" style="56" customWidth="1"/>
    <col min="11274" max="11274" width="4.88671875" style="56" customWidth="1"/>
    <col min="11275" max="11520" width="9" style="56"/>
    <col min="11521" max="11521" width="3.44140625" style="56" customWidth="1"/>
    <col min="11522" max="11522" width="19" style="56" customWidth="1"/>
    <col min="11523" max="11523" width="4.6640625" style="56" customWidth="1"/>
    <col min="11524" max="11524" width="4.33203125" style="56" customWidth="1"/>
    <col min="11525" max="11525" width="17.88671875" style="56" customWidth="1"/>
    <col min="11526" max="11526" width="4.6640625" style="56" customWidth="1"/>
    <col min="11527" max="11527" width="25" style="56" customWidth="1"/>
    <col min="11528" max="11528" width="4.6640625" style="56" customWidth="1"/>
    <col min="11529" max="11529" width="24.109375" style="56" customWidth="1"/>
    <col min="11530" max="11530" width="4.88671875" style="56" customWidth="1"/>
    <col min="11531" max="11776" width="9" style="56"/>
    <col min="11777" max="11777" width="3.44140625" style="56" customWidth="1"/>
    <col min="11778" max="11778" width="19" style="56" customWidth="1"/>
    <col min="11779" max="11779" width="4.6640625" style="56" customWidth="1"/>
    <col min="11780" max="11780" width="4.33203125" style="56" customWidth="1"/>
    <col min="11781" max="11781" width="17.88671875" style="56" customWidth="1"/>
    <col min="11782" max="11782" width="4.6640625" style="56" customWidth="1"/>
    <col min="11783" max="11783" width="25" style="56" customWidth="1"/>
    <col min="11784" max="11784" width="4.6640625" style="56" customWidth="1"/>
    <col min="11785" max="11785" width="24.109375" style="56" customWidth="1"/>
    <col min="11786" max="11786" width="4.88671875" style="56" customWidth="1"/>
    <col min="11787" max="12032" width="9" style="56"/>
    <col min="12033" max="12033" width="3.44140625" style="56" customWidth="1"/>
    <col min="12034" max="12034" width="19" style="56" customWidth="1"/>
    <col min="12035" max="12035" width="4.6640625" style="56" customWidth="1"/>
    <col min="12036" max="12036" width="4.33203125" style="56" customWidth="1"/>
    <col min="12037" max="12037" width="17.88671875" style="56" customWidth="1"/>
    <col min="12038" max="12038" width="4.6640625" style="56" customWidth="1"/>
    <col min="12039" max="12039" width="25" style="56" customWidth="1"/>
    <col min="12040" max="12040" width="4.6640625" style="56" customWidth="1"/>
    <col min="12041" max="12041" width="24.109375" style="56" customWidth="1"/>
    <col min="12042" max="12042" width="4.88671875" style="56" customWidth="1"/>
    <col min="12043" max="12288" width="9" style="56"/>
    <col min="12289" max="12289" width="3.44140625" style="56" customWidth="1"/>
    <col min="12290" max="12290" width="19" style="56" customWidth="1"/>
    <col min="12291" max="12291" width="4.6640625" style="56" customWidth="1"/>
    <col min="12292" max="12292" width="4.33203125" style="56" customWidth="1"/>
    <col min="12293" max="12293" width="17.88671875" style="56" customWidth="1"/>
    <col min="12294" max="12294" width="4.6640625" style="56" customWidth="1"/>
    <col min="12295" max="12295" width="25" style="56" customWidth="1"/>
    <col min="12296" max="12296" width="4.6640625" style="56" customWidth="1"/>
    <col min="12297" max="12297" width="24.109375" style="56" customWidth="1"/>
    <col min="12298" max="12298" width="4.88671875" style="56" customWidth="1"/>
    <col min="12299" max="12544" width="9" style="56"/>
    <col min="12545" max="12545" width="3.44140625" style="56" customWidth="1"/>
    <col min="12546" max="12546" width="19" style="56" customWidth="1"/>
    <col min="12547" max="12547" width="4.6640625" style="56" customWidth="1"/>
    <col min="12548" max="12548" width="4.33203125" style="56" customWidth="1"/>
    <col min="12549" max="12549" width="17.88671875" style="56" customWidth="1"/>
    <col min="12550" max="12550" width="4.6640625" style="56" customWidth="1"/>
    <col min="12551" max="12551" width="25" style="56" customWidth="1"/>
    <col min="12552" max="12552" width="4.6640625" style="56" customWidth="1"/>
    <col min="12553" max="12553" width="24.109375" style="56" customWidth="1"/>
    <col min="12554" max="12554" width="4.88671875" style="56" customWidth="1"/>
    <col min="12555" max="12800" width="9" style="56"/>
    <col min="12801" max="12801" width="3.44140625" style="56" customWidth="1"/>
    <col min="12802" max="12802" width="19" style="56" customWidth="1"/>
    <col min="12803" max="12803" width="4.6640625" style="56" customWidth="1"/>
    <col min="12804" max="12804" width="4.33203125" style="56" customWidth="1"/>
    <col min="12805" max="12805" width="17.88671875" style="56" customWidth="1"/>
    <col min="12806" max="12806" width="4.6640625" style="56" customWidth="1"/>
    <col min="12807" max="12807" width="25" style="56" customWidth="1"/>
    <col min="12808" max="12808" width="4.6640625" style="56" customWidth="1"/>
    <col min="12809" max="12809" width="24.109375" style="56" customWidth="1"/>
    <col min="12810" max="12810" width="4.88671875" style="56" customWidth="1"/>
    <col min="12811" max="13056" width="9" style="56"/>
    <col min="13057" max="13057" width="3.44140625" style="56" customWidth="1"/>
    <col min="13058" max="13058" width="19" style="56" customWidth="1"/>
    <col min="13059" max="13059" width="4.6640625" style="56" customWidth="1"/>
    <col min="13060" max="13060" width="4.33203125" style="56" customWidth="1"/>
    <col min="13061" max="13061" width="17.88671875" style="56" customWidth="1"/>
    <col min="13062" max="13062" width="4.6640625" style="56" customWidth="1"/>
    <col min="13063" max="13063" width="25" style="56" customWidth="1"/>
    <col min="13064" max="13064" width="4.6640625" style="56" customWidth="1"/>
    <col min="13065" max="13065" width="24.109375" style="56" customWidth="1"/>
    <col min="13066" max="13066" width="4.88671875" style="56" customWidth="1"/>
    <col min="13067" max="13312" width="9" style="56"/>
    <col min="13313" max="13313" width="3.44140625" style="56" customWidth="1"/>
    <col min="13314" max="13314" width="19" style="56" customWidth="1"/>
    <col min="13315" max="13315" width="4.6640625" style="56" customWidth="1"/>
    <col min="13316" max="13316" width="4.33203125" style="56" customWidth="1"/>
    <col min="13317" max="13317" width="17.88671875" style="56" customWidth="1"/>
    <col min="13318" max="13318" width="4.6640625" style="56" customWidth="1"/>
    <col min="13319" max="13319" width="25" style="56" customWidth="1"/>
    <col min="13320" max="13320" width="4.6640625" style="56" customWidth="1"/>
    <col min="13321" max="13321" width="24.109375" style="56" customWidth="1"/>
    <col min="13322" max="13322" width="4.88671875" style="56" customWidth="1"/>
    <col min="13323" max="13568" width="9" style="56"/>
    <col min="13569" max="13569" width="3.44140625" style="56" customWidth="1"/>
    <col min="13570" max="13570" width="19" style="56" customWidth="1"/>
    <col min="13571" max="13571" width="4.6640625" style="56" customWidth="1"/>
    <col min="13572" max="13572" width="4.33203125" style="56" customWidth="1"/>
    <col min="13573" max="13573" width="17.88671875" style="56" customWidth="1"/>
    <col min="13574" max="13574" width="4.6640625" style="56" customWidth="1"/>
    <col min="13575" max="13575" width="25" style="56" customWidth="1"/>
    <col min="13576" max="13576" width="4.6640625" style="56" customWidth="1"/>
    <col min="13577" max="13577" width="24.109375" style="56" customWidth="1"/>
    <col min="13578" max="13578" width="4.88671875" style="56" customWidth="1"/>
    <col min="13579" max="13824" width="9" style="56"/>
    <col min="13825" max="13825" width="3.44140625" style="56" customWidth="1"/>
    <col min="13826" max="13826" width="19" style="56" customWidth="1"/>
    <col min="13827" max="13827" width="4.6640625" style="56" customWidth="1"/>
    <col min="13828" max="13828" width="4.33203125" style="56" customWidth="1"/>
    <col min="13829" max="13829" width="17.88671875" style="56" customWidth="1"/>
    <col min="13830" max="13830" width="4.6640625" style="56" customWidth="1"/>
    <col min="13831" max="13831" width="25" style="56" customWidth="1"/>
    <col min="13832" max="13832" width="4.6640625" style="56" customWidth="1"/>
    <col min="13833" max="13833" width="24.109375" style="56" customWidth="1"/>
    <col min="13834" max="13834" width="4.88671875" style="56" customWidth="1"/>
    <col min="13835" max="14080" width="9" style="56"/>
    <col min="14081" max="14081" width="3.44140625" style="56" customWidth="1"/>
    <col min="14082" max="14082" width="19" style="56" customWidth="1"/>
    <col min="14083" max="14083" width="4.6640625" style="56" customWidth="1"/>
    <col min="14084" max="14084" width="4.33203125" style="56" customWidth="1"/>
    <col min="14085" max="14085" width="17.88671875" style="56" customWidth="1"/>
    <col min="14086" max="14086" width="4.6640625" style="56" customWidth="1"/>
    <col min="14087" max="14087" width="25" style="56" customWidth="1"/>
    <col min="14088" max="14088" width="4.6640625" style="56" customWidth="1"/>
    <col min="14089" max="14089" width="24.109375" style="56" customWidth="1"/>
    <col min="14090" max="14090" width="4.88671875" style="56" customWidth="1"/>
    <col min="14091" max="14336" width="9" style="56"/>
    <col min="14337" max="14337" width="3.44140625" style="56" customWidth="1"/>
    <col min="14338" max="14338" width="19" style="56" customWidth="1"/>
    <col min="14339" max="14339" width="4.6640625" style="56" customWidth="1"/>
    <col min="14340" max="14340" width="4.33203125" style="56" customWidth="1"/>
    <col min="14341" max="14341" width="17.88671875" style="56" customWidth="1"/>
    <col min="14342" max="14342" width="4.6640625" style="56" customWidth="1"/>
    <col min="14343" max="14343" width="25" style="56" customWidth="1"/>
    <col min="14344" max="14344" width="4.6640625" style="56" customWidth="1"/>
    <col min="14345" max="14345" width="24.109375" style="56" customWidth="1"/>
    <col min="14346" max="14346" width="4.88671875" style="56" customWidth="1"/>
    <col min="14347" max="14592" width="9" style="56"/>
    <col min="14593" max="14593" width="3.44140625" style="56" customWidth="1"/>
    <col min="14594" max="14594" width="19" style="56" customWidth="1"/>
    <col min="14595" max="14595" width="4.6640625" style="56" customWidth="1"/>
    <col min="14596" max="14596" width="4.33203125" style="56" customWidth="1"/>
    <col min="14597" max="14597" width="17.88671875" style="56" customWidth="1"/>
    <col min="14598" max="14598" width="4.6640625" style="56" customWidth="1"/>
    <col min="14599" max="14599" width="25" style="56" customWidth="1"/>
    <col min="14600" max="14600" width="4.6640625" style="56" customWidth="1"/>
    <col min="14601" max="14601" width="24.109375" style="56" customWidth="1"/>
    <col min="14602" max="14602" width="4.88671875" style="56" customWidth="1"/>
    <col min="14603" max="14848" width="9" style="56"/>
    <col min="14849" max="14849" width="3.44140625" style="56" customWidth="1"/>
    <col min="14850" max="14850" width="19" style="56" customWidth="1"/>
    <col min="14851" max="14851" width="4.6640625" style="56" customWidth="1"/>
    <col min="14852" max="14852" width="4.33203125" style="56" customWidth="1"/>
    <col min="14853" max="14853" width="17.88671875" style="56" customWidth="1"/>
    <col min="14854" max="14854" width="4.6640625" style="56" customWidth="1"/>
    <col min="14855" max="14855" width="25" style="56" customWidth="1"/>
    <col min="14856" max="14856" width="4.6640625" style="56" customWidth="1"/>
    <col min="14857" max="14857" width="24.109375" style="56" customWidth="1"/>
    <col min="14858" max="14858" width="4.88671875" style="56" customWidth="1"/>
    <col min="14859" max="15104" width="9" style="56"/>
    <col min="15105" max="15105" width="3.44140625" style="56" customWidth="1"/>
    <col min="15106" max="15106" width="19" style="56" customWidth="1"/>
    <col min="15107" max="15107" width="4.6640625" style="56" customWidth="1"/>
    <col min="15108" max="15108" width="4.33203125" style="56" customWidth="1"/>
    <col min="15109" max="15109" width="17.88671875" style="56" customWidth="1"/>
    <col min="15110" max="15110" width="4.6640625" style="56" customWidth="1"/>
    <col min="15111" max="15111" width="25" style="56" customWidth="1"/>
    <col min="15112" max="15112" width="4.6640625" style="56" customWidth="1"/>
    <col min="15113" max="15113" width="24.109375" style="56" customWidth="1"/>
    <col min="15114" max="15114" width="4.88671875" style="56" customWidth="1"/>
    <col min="15115" max="15360" width="9" style="56"/>
    <col min="15361" max="15361" width="3.44140625" style="56" customWidth="1"/>
    <col min="15362" max="15362" width="19" style="56" customWidth="1"/>
    <col min="15363" max="15363" width="4.6640625" style="56" customWidth="1"/>
    <col min="15364" max="15364" width="4.33203125" style="56" customWidth="1"/>
    <col min="15365" max="15365" width="17.88671875" style="56" customWidth="1"/>
    <col min="15366" max="15366" width="4.6640625" style="56" customWidth="1"/>
    <col min="15367" max="15367" width="25" style="56" customWidth="1"/>
    <col min="15368" max="15368" width="4.6640625" style="56" customWidth="1"/>
    <col min="15369" max="15369" width="24.109375" style="56" customWidth="1"/>
    <col min="15370" max="15370" width="4.88671875" style="56" customWidth="1"/>
    <col min="15371" max="15616" width="9" style="56"/>
    <col min="15617" max="15617" width="3.44140625" style="56" customWidth="1"/>
    <col min="15618" max="15618" width="19" style="56" customWidth="1"/>
    <col min="15619" max="15619" width="4.6640625" style="56" customWidth="1"/>
    <col min="15620" max="15620" width="4.33203125" style="56" customWidth="1"/>
    <col min="15621" max="15621" width="17.88671875" style="56" customWidth="1"/>
    <col min="15622" max="15622" width="4.6640625" style="56" customWidth="1"/>
    <col min="15623" max="15623" width="25" style="56" customWidth="1"/>
    <col min="15624" max="15624" width="4.6640625" style="56" customWidth="1"/>
    <col min="15625" max="15625" width="24.109375" style="56" customWidth="1"/>
    <col min="15626" max="15626" width="4.88671875" style="56" customWidth="1"/>
    <col min="15627" max="15872" width="9" style="56"/>
    <col min="15873" max="15873" width="3.44140625" style="56" customWidth="1"/>
    <col min="15874" max="15874" width="19" style="56" customWidth="1"/>
    <col min="15875" max="15875" width="4.6640625" style="56" customWidth="1"/>
    <col min="15876" max="15876" width="4.33203125" style="56" customWidth="1"/>
    <col min="15877" max="15877" width="17.88671875" style="56" customWidth="1"/>
    <col min="15878" max="15878" width="4.6640625" style="56" customWidth="1"/>
    <col min="15879" max="15879" width="25" style="56" customWidth="1"/>
    <col min="15880" max="15880" width="4.6640625" style="56" customWidth="1"/>
    <col min="15881" max="15881" width="24.109375" style="56" customWidth="1"/>
    <col min="15882" max="15882" width="4.88671875" style="56" customWidth="1"/>
    <col min="15883" max="16128" width="9" style="56"/>
    <col min="16129" max="16129" width="3.44140625" style="56" customWidth="1"/>
    <col min="16130" max="16130" width="19" style="56" customWidth="1"/>
    <col min="16131" max="16131" width="4.6640625" style="56" customWidth="1"/>
    <col min="16132" max="16132" width="4.33203125" style="56" customWidth="1"/>
    <col min="16133" max="16133" width="17.88671875" style="56" customWidth="1"/>
    <col min="16134" max="16134" width="4.6640625" style="56" customWidth="1"/>
    <col min="16135" max="16135" width="25" style="56" customWidth="1"/>
    <col min="16136" max="16136" width="4.6640625" style="56" customWidth="1"/>
    <col min="16137" max="16137" width="24.109375" style="56" customWidth="1"/>
    <col min="16138" max="16138" width="4.88671875" style="56" customWidth="1"/>
    <col min="16139" max="16384" width="9" style="56"/>
  </cols>
  <sheetData>
    <row r="1" spans="1:10" ht="11.25" customHeight="1" x14ac:dyDescent="0.2">
      <c r="A1" s="55"/>
      <c r="I1" s="1047"/>
    </row>
    <row r="2" spans="1:10" ht="18" customHeight="1" x14ac:dyDescent="0.2">
      <c r="A2" s="817"/>
      <c r="B2" s="1071" t="s">
        <v>1878</v>
      </c>
      <c r="C2" s="792"/>
      <c r="D2" s="792"/>
      <c r="E2" s="792"/>
      <c r="F2" s="792"/>
      <c r="G2" s="792"/>
      <c r="H2" s="792"/>
      <c r="I2" s="1304" t="s">
        <v>723</v>
      </c>
      <c r="J2" s="1304"/>
    </row>
    <row r="3" spans="1:10" ht="26.25" customHeight="1" x14ac:dyDescent="0.2">
      <c r="A3" s="3057" t="s">
        <v>677</v>
      </c>
      <c r="B3" s="3057"/>
      <c r="C3" s="3057"/>
      <c r="D3" s="3057"/>
      <c r="E3" s="3057"/>
      <c r="F3" s="3057"/>
      <c r="G3" s="3057"/>
      <c r="H3" s="3057"/>
      <c r="I3" s="3057"/>
      <c r="J3" s="3057"/>
    </row>
    <row r="4" spans="1:10" ht="11.25" customHeight="1" x14ac:dyDescent="0.2">
      <c r="A4" s="819"/>
      <c r="B4" s="819"/>
      <c r="C4" s="819"/>
      <c r="D4" s="819"/>
      <c r="E4" s="819"/>
      <c r="F4" s="819"/>
      <c r="G4" s="819"/>
      <c r="H4" s="819"/>
      <c r="I4" s="819"/>
      <c r="J4" s="819"/>
    </row>
    <row r="5" spans="1:10" ht="23.25" customHeight="1" x14ac:dyDescent="0.2">
      <c r="A5" s="819"/>
      <c r="B5" s="1099" t="s">
        <v>60</v>
      </c>
      <c r="C5" s="3124"/>
      <c r="D5" s="3069"/>
      <c r="E5" s="3069"/>
      <c r="F5" s="3069"/>
      <c r="G5" s="3069"/>
      <c r="H5" s="3069"/>
      <c r="I5" s="3069"/>
      <c r="J5" s="3145"/>
    </row>
    <row r="6" spans="1:10" ht="23.25" customHeight="1" x14ac:dyDescent="0.2">
      <c r="A6" s="819"/>
      <c r="B6" s="1100" t="s">
        <v>524</v>
      </c>
      <c r="C6" s="1100" t="s">
        <v>1453</v>
      </c>
      <c r="D6" s="3119" t="s">
        <v>676</v>
      </c>
      <c r="E6" s="3119"/>
      <c r="F6" s="1091" t="s">
        <v>1455</v>
      </c>
      <c r="G6" s="1091" t="s">
        <v>675</v>
      </c>
      <c r="H6" s="1091" t="s">
        <v>907</v>
      </c>
      <c r="I6" s="1090" t="s">
        <v>674</v>
      </c>
      <c r="J6" s="1101"/>
    </row>
    <row r="7" spans="1:10" ht="23.25" customHeight="1" x14ac:dyDescent="0.2">
      <c r="A7" s="792"/>
      <c r="B7" s="1102" t="s">
        <v>38</v>
      </c>
      <c r="C7" s="3146" t="s">
        <v>47</v>
      </c>
      <c r="D7" s="3147"/>
      <c r="E7" s="3147"/>
      <c r="F7" s="3147"/>
      <c r="G7" s="3147"/>
      <c r="H7" s="3147"/>
      <c r="I7" s="3147"/>
      <c r="J7" s="3070"/>
    </row>
    <row r="8" spans="1:10" ht="18.75" customHeight="1" x14ac:dyDescent="0.2">
      <c r="A8" s="792"/>
      <c r="B8" s="3148" t="s">
        <v>1855</v>
      </c>
      <c r="C8" s="1072"/>
      <c r="D8" s="1073"/>
      <c r="E8" s="1073"/>
      <c r="F8" s="1073"/>
      <c r="G8" s="1073"/>
      <c r="H8" s="1073"/>
      <c r="I8" s="1073"/>
      <c r="J8" s="1074"/>
    </row>
    <row r="9" spans="1:10" ht="23.25" customHeight="1" x14ac:dyDescent="0.2">
      <c r="A9" s="792"/>
      <c r="B9" s="3149"/>
      <c r="C9" s="1075"/>
      <c r="D9" s="3145"/>
      <c r="E9" s="3145"/>
      <c r="F9" s="3078" t="s">
        <v>442</v>
      </c>
      <c r="G9" s="3078"/>
      <c r="H9" s="3078" t="s">
        <v>443</v>
      </c>
      <c r="I9" s="3078"/>
      <c r="J9" s="824"/>
    </row>
    <row r="10" spans="1:10" ht="23.25" customHeight="1" x14ac:dyDescent="0.2">
      <c r="A10" s="792"/>
      <c r="B10" s="3149"/>
      <c r="C10" s="1075"/>
      <c r="D10" s="3150" t="s">
        <v>444</v>
      </c>
      <c r="E10" s="3150"/>
      <c r="F10" s="3067" t="s">
        <v>445</v>
      </c>
      <c r="G10" s="3067"/>
      <c r="H10" s="3067" t="s">
        <v>445</v>
      </c>
      <c r="I10" s="3067"/>
      <c r="J10" s="824"/>
    </row>
    <row r="11" spans="1:10" ht="59.25" customHeight="1" x14ac:dyDescent="0.2">
      <c r="A11" s="792"/>
      <c r="B11" s="3149"/>
      <c r="C11" s="1075"/>
      <c r="D11" s="3151" t="s">
        <v>1856</v>
      </c>
      <c r="E11" s="3151"/>
      <c r="F11" s="3067" t="s">
        <v>445</v>
      </c>
      <c r="G11" s="3067"/>
      <c r="H11" s="3067" t="s">
        <v>445</v>
      </c>
      <c r="I11" s="3067"/>
      <c r="J11" s="824"/>
    </row>
    <row r="12" spans="1:10" ht="30.75" customHeight="1" x14ac:dyDescent="0.2">
      <c r="A12" s="792"/>
      <c r="B12" s="3149"/>
      <c r="C12" s="1075"/>
      <c r="D12" s="3143" t="s">
        <v>1857</v>
      </c>
      <c r="E12" s="3143"/>
      <c r="F12" s="3144" t="s">
        <v>445</v>
      </c>
      <c r="G12" s="3144"/>
      <c r="H12" s="3144" t="s">
        <v>445</v>
      </c>
      <c r="I12" s="3144"/>
      <c r="J12" s="824"/>
    </row>
    <row r="13" spans="1:10" ht="30.75" customHeight="1" x14ac:dyDescent="0.2">
      <c r="A13" s="792"/>
      <c r="B13" s="3149"/>
      <c r="C13" s="1075"/>
      <c r="D13" s="1103"/>
      <c r="E13" s="1104" t="s">
        <v>1858</v>
      </c>
      <c r="F13" s="3144" t="s">
        <v>445</v>
      </c>
      <c r="G13" s="3144"/>
      <c r="H13" s="3144" t="s">
        <v>445</v>
      </c>
      <c r="I13" s="3144"/>
      <c r="J13" s="824"/>
    </row>
    <row r="14" spans="1:10" ht="30.75" customHeight="1" x14ac:dyDescent="0.2">
      <c r="A14" s="792"/>
      <c r="B14" s="3149"/>
      <c r="C14" s="1075"/>
      <c r="D14" s="1103"/>
      <c r="E14" s="1105" t="s">
        <v>1859</v>
      </c>
      <c r="F14" s="3152" t="s">
        <v>445</v>
      </c>
      <c r="G14" s="3153"/>
      <c r="H14" s="3154" t="s">
        <v>445</v>
      </c>
      <c r="I14" s="3154"/>
      <c r="J14" s="824"/>
    </row>
    <row r="15" spans="1:10" ht="30.75" customHeight="1" x14ac:dyDescent="0.2">
      <c r="A15" s="792"/>
      <c r="B15" s="3149"/>
      <c r="C15" s="1075"/>
      <c r="D15" s="1103"/>
      <c r="E15" s="1106" t="s">
        <v>1860</v>
      </c>
      <c r="F15" s="3154" t="s">
        <v>445</v>
      </c>
      <c r="G15" s="3154"/>
      <c r="H15" s="3154" t="s">
        <v>445</v>
      </c>
      <c r="I15" s="3154"/>
      <c r="J15" s="824"/>
    </row>
    <row r="16" spans="1:10" ht="30.75" customHeight="1" x14ac:dyDescent="0.2">
      <c r="A16" s="792"/>
      <c r="B16" s="3149"/>
      <c r="C16" s="1075"/>
      <c r="D16" s="1078"/>
      <c r="E16" s="1107" t="s">
        <v>1861</v>
      </c>
      <c r="F16" s="3155" t="s">
        <v>445</v>
      </c>
      <c r="G16" s="3155"/>
      <c r="H16" s="3155" t="s">
        <v>445</v>
      </c>
      <c r="I16" s="3155"/>
      <c r="J16" s="824"/>
    </row>
    <row r="17" spans="1:10" ht="30.75" customHeight="1" x14ac:dyDescent="0.2">
      <c r="A17" s="792"/>
      <c r="B17" s="3149"/>
      <c r="C17" s="1075"/>
      <c r="D17" s="3156" t="s">
        <v>1862</v>
      </c>
      <c r="E17" s="3156"/>
      <c r="F17" s="3067" t="s">
        <v>445</v>
      </c>
      <c r="G17" s="3067"/>
      <c r="H17" s="3067" t="s">
        <v>445</v>
      </c>
      <c r="I17" s="3067"/>
      <c r="J17" s="824"/>
    </row>
    <row r="18" spans="1:10" ht="13.5" customHeight="1" x14ac:dyDescent="0.2">
      <c r="A18" s="792"/>
      <c r="B18" s="3149"/>
      <c r="C18" s="1078"/>
      <c r="D18" s="1079"/>
      <c r="E18" s="1079"/>
      <c r="F18" s="1079"/>
      <c r="G18" s="1079"/>
      <c r="H18" s="1079"/>
      <c r="I18" s="1079"/>
      <c r="J18" s="1080"/>
    </row>
    <row r="19" spans="1:10" ht="21" customHeight="1" x14ac:dyDescent="0.2">
      <c r="A19" s="792"/>
      <c r="B19" s="3148" t="s">
        <v>1863</v>
      </c>
      <c r="C19" s="1073"/>
      <c r="D19" s="1073"/>
      <c r="E19" s="1073"/>
      <c r="F19" s="1073"/>
      <c r="G19" s="1073"/>
      <c r="H19" s="1073"/>
      <c r="I19" s="1073"/>
      <c r="J19" s="1074"/>
    </row>
    <row r="20" spans="1:10" ht="47.25" customHeight="1" x14ac:dyDescent="0.2">
      <c r="A20" s="792"/>
      <c r="B20" s="3149"/>
      <c r="C20" s="792"/>
      <c r="D20" s="1099" t="s">
        <v>672</v>
      </c>
      <c r="E20" s="3157" t="s">
        <v>906</v>
      </c>
      <c r="F20" s="3157"/>
      <c r="G20" s="1108" t="s">
        <v>673</v>
      </c>
      <c r="H20" s="3157" t="s">
        <v>905</v>
      </c>
      <c r="I20" s="3145"/>
      <c r="J20" s="824"/>
    </row>
    <row r="21" spans="1:10" ht="23.25" customHeight="1" x14ac:dyDescent="0.2">
      <c r="A21" s="792"/>
      <c r="B21" s="3149"/>
      <c r="C21" s="792"/>
      <c r="D21" s="1099" t="s">
        <v>564</v>
      </c>
      <c r="E21" s="3145"/>
      <c r="F21" s="3145"/>
      <c r="G21" s="1109"/>
      <c r="H21" s="3158"/>
      <c r="I21" s="3159"/>
      <c r="J21" s="824"/>
    </row>
    <row r="22" spans="1:10" ht="23.25" customHeight="1" x14ac:dyDescent="0.2">
      <c r="A22" s="792"/>
      <c r="B22" s="3149"/>
      <c r="C22" s="792"/>
      <c r="D22" s="1099" t="s">
        <v>671</v>
      </c>
      <c r="E22" s="3145"/>
      <c r="F22" s="3145"/>
      <c r="G22" s="1109"/>
      <c r="H22" s="3160"/>
      <c r="I22" s="3161"/>
      <c r="J22" s="824"/>
    </row>
    <row r="23" spans="1:10" ht="23.25" customHeight="1" x14ac:dyDescent="0.2">
      <c r="A23" s="792"/>
      <c r="B23" s="3149"/>
      <c r="C23" s="792"/>
      <c r="D23" s="1099" t="s">
        <v>670</v>
      </c>
      <c r="E23" s="3145"/>
      <c r="F23" s="3145"/>
      <c r="G23" s="1109"/>
      <c r="H23" s="3160"/>
      <c r="I23" s="3161"/>
      <c r="J23" s="824"/>
    </row>
    <row r="24" spans="1:10" ht="23.25" customHeight="1" x14ac:dyDescent="0.2">
      <c r="A24" s="792"/>
      <c r="B24" s="3149"/>
      <c r="C24" s="792"/>
      <c r="D24" s="1099" t="s">
        <v>669</v>
      </c>
      <c r="E24" s="3145"/>
      <c r="F24" s="3145"/>
      <c r="G24" s="1109"/>
      <c r="H24" s="3160"/>
      <c r="I24" s="3161"/>
      <c r="J24" s="824"/>
    </row>
    <row r="25" spans="1:10" ht="23.25" customHeight="1" x14ac:dyDescent="0.2">
      <c r="A25" s="792"/>
      <c r="B25" s="3149"/>
      <c r="C25" s="792"/>
      <c r="D25" s="1099" t="s">
        <v>668</v>
      </c>
      <c r="E25" s="3145"/>
      <c r="F25" s="3145"/>
      <c r="G25" s="1109"/>
      <c r="H25" s="3160"/>
      <c r="I25" s="3161"/>
      <c r="J25" s="824"/>
    </row>
    <row r="26" spans="1:10" ht="23.25" customHeight="1" x14ac:dyDescent="0.2">
      <c r="A26" s="792"/>
      <c r="B26" s="3149"/>
      <c r="C26" s="792"/>
      <c r="D26" s="1099" t="s">
        <v>667</v>
      </c>
      <c r="E26" s="3145"/>
      <c r="F26" s="3145"/>
      <c r="G26" s="1109"/>
      <c r="H26" s="3160"/>
      <c r="I26" s="3161"/>
      <c r="J26" s="824"/>
    </row>
    <row r="27" spans="1:10" ht="23.25" customHeight="1" x14ac:dyDescent="0.2">
      <c r="A27" s="792"/>
      <c r="B27" s="3149"/>
      <c r="C27" s="792"/>
      <c r="D27" s="1099" t="s">
        <v>666</v>
      </c>
      <c r="E27" s="3145"/>
      <c r="F27" s="3145"/>
      <c r="G27" s="1109"/>
      <c r="H27" s="3160"/>
      <c r="I27" s="3161"/>
      <c r="J27" s="824"/>
    </row>
    <row r="28" spans="1:10" ht="23.25" customHeight="1" x14ac:dyDescent="0.2">
      <c r="A28" s="792"/>
      <c r="B28" s="3149"/>
      <c r="C28" s="792"/>
      <c r="D28" s="1099" t="s">
        <v>665</v>
      </c>
      <c r="E28" s="3145"/>
      <c r="F28" s="3145"/>
      <c r="G28" s="1109"/>
      <c r="H28" s="3160"/>
      <c r="I28" s="3161"/>
      <c r="J28" s="824"/>
    </row>
    <row r="29" spans="1:10" ht="23.25" customHeight="1" x14ac:dyDescent="0.2">
      <c r="A29" s="792"/>
      <c r="B29" s="3149"/>
      <c r="C29" s="792"/>
      <c r="D29" s="1099" t="s">
        <v>664</v>
      </c>
      <c r="E29" s="3145"/>
      <c r="F29" s="3145"/>
      <c r="G29" s="1109"/>
      <c r="H29" s="3160"/>
      <c r="I29" s="3161"/>
      <c r="J29" s="824"/>
    </row>
    <row r="30" spans="1:10" ht="23.25" customHeight="1" x14ac:dyDescent="0.2">
      <c r="A30" s="792"/>
      <c r="B30" s="3149"/>
      <c r="C30" s="792"/>
      <c r="D30" s="1099" t="s">
        <v>663</v>
      </c>
      <c r="E30" s="3145"/>
      <c r="F30" s="3145"/>
      <c r="G30" s="1109"/>
      <c r="H30" s="3160"/>
      <c r="I30" s="3161"/>
      <c r="J30" s="824"/>
    </row>
    <row r="31" spans="1:10" ht="23.25" customHeight="1" x14ac:dyDescent="0.2">
      <c r="A31" s="792"/>
      <c r="B31" s="3149"/>
      <c r="C31" s="792"/>
      <c r="D31" s="1099" t="s">
        <v>662</v>
      </c>
      <c r="E31" s="3145"/>
      <c r="F31" s="3145"/>
      <c r="G31" s="1109"/>
      <c r="H31" s="3160"/>
      <c r="I31" s="3161"/>
      <c r="J31" s="824"/>
    </row>
    <row r="32" spans="1:10" ht="23.25" customHeight="1" thickBot="1" x14ac:dyDescent="0.25">
      <c r="A32" s="792"/>
      <c r="B32" s="3149"/>
      <c r="C32" s="792"/>
      <c r="D32" s="1110" t="s">
        <v>661</v>
      </c>
      <c r="E32" s="3164"/>
      <c r="F32" s="3164"/>
      <c r="G32" s="1111"/>
      <c r="H32" s="3162"/>
      <c r="I32" s="3163"/>
      <c r="J32" s="824"/>
    </row>
    <row r="33" spans="1:10" ht="23.25" customHeight="1" thickTop="1" x14ac:dyDescent="0.2">
      <c r="A33" s="792"/>
      <c r="B33" s="3149"/>
      <c r="C33" s="792"/>
      <c r="D33" s="1112" t="s">
        <v>63</v>
      </c>
      <c r="E33" s="3168"/>
      <c r="F33" s="3168"/>
      <c r="G33" s="1113"/>
      <c r="H33" s="3168"/>
      <c r="I33" s="3168"/>
      <c r="J33" s="824"/>
    </row>
    <row r="34" spans="1:10" ht="12" customHeight="1" x14ac:dyDescent="0.2">
      <c r="A34" s="792"/>
      <c r="B34" s="3149"/>
      <c r="C34" s="792"/>
      <c r="D34" s="1114"/>
      <c r="E34" s="1115"/>
      <c r="F34" s="1115"/>
      <c r="G34" s="1116"/>
      <c r="H34" s="1115"/>
      <c r="I34" s="1115"/>
      <c r="J34" s="824"/>
    </row>
    <row r="35" spans="1:10" s="550" customFormat="1" ht="19.5" customHeight="1" x14ac:dyDescent="0.2">
      <c r="A35" s="1117"/>
      <c r="B35" s="3149"/>
      <c r="C35" s="1117"/>
      <c r="D35" s="1118"/>
      <c r="E35" s="1119"/>
      <c r="F35" s="1119"/>
      <c r="G35" s="1120"/>
      <c r="H35" s="1119"/>
      <c r="I35" s="1119"/>
      <c r="J35" s="1121"/>
    </row>
    <row r="36" spans="1:10" ht="19.5" customHeight="1" x14ac:dyDescent="0.2">
      <c r="A36" s="792"/>
      <c r="B36" s="3149"/>
      <c r="C36" s="792"/>
      <c r="D36" s="1122"/>
      <c r="E36" s="3090"/>
      <c r="F36" s="3090"/>
      <c r="G36" s="3090"/>
      <c r="H36" s="3090"/>
      <c r="I36" s="3090"/>
      <c r="J36" s="3169"/>
    </row>
    <row r="37" spans="1:10" ht="23.25" customHeight="1" x14ac:dyDescent="0.2">
      <c r="A37" s="792"/>
      <c r="B37" s="3149"/>
      <c r="C37" s="792"/>
      <c r="D37" s="1122"/>
      <c r="E37" s="3090" t="s">
        <v>1414</v>
      </c>
      <c r="F37" s="3090"/>
      <c r="G37" s="3090"/>
      <c r="H37" s="3090"/>
      <c r="I37" s="3090"/>
      <c r="J37" s="3169"/>
    </row>
    <row r="38" spans="1:10" ht="31.5" customHeight="1" x14ac:dyDescent="0.2">
      <c r="A38" s="792"/>
      <c r="B38" s="3149"/>
      <c r="C38" s="792"/>
      <c r="D38" s="1120"/>
      <c r="E38" s="3093"/>
      <c r="F38" s="3093"/>
      <c r="G38" s="3093"/>
      <c r="H38" s="3093"/>
      <c r="I38" s="3093"/>
      <c r="J38" s="3170"/>
    </row>
    <row r="39" spans="1:10" ht="6" customHeight="1" x14ac:dyDescent="0.2">
      <c r="A39" s="792"/>
      <c r="B39" s="3172"/>
      <c r="C39" s="1079"/>
      <c r="D39" s="1123"/>
      <c r="E39" s="1079"/>
      <c r="F39" s="1124"/>
      <c r="G39" s="1125"/>
      <c r="H39" s="1124"/>
      <c r="I39" s="1124"/>
      <c r="J39" s="1080"/>
    </row>
    <row r="40" spans="1:10" ht="13.5" customHeight="1" x14ac:dyDescent="0.2">
      <c r="A40" s="792"/>
      <c r="B40" s="792"/>
      <c r="C40" s="792"/>
      <c r="D40" s="792"/>
      <c r="E40" s="792"/>
      <c r="F40" s="792"/>
      <c r="G40" s="792"/>
      <c r="H40" s="792"/>
      <c r="I40" s="792"/>
      <c r="J40" s="792"/>
    </row>
    <row r="41" spans="1:10" ht="22.5" customHeight="1" x14ac:dyDescent="0.2">
      <c r="A41" s="792"/>
      <c r="B41" s="3192" t="s">
        <v>1865</v>
      </c>
      <c r="C41" s="3192"/>
      <c r="D41" s="3192"/>
      <c r="E41" s="3192"/>
      <c r="F41" s="3192"/>
      <c r="G41" s="3192"/>
      <c r="H41" s="3192"/>
      <c r="I41" s="3192"/>
      <c r="J41" s="3192"/>
    </row>
    <row r="42" spans="1:10" ht="20.25" customHeight="1" x14ac:dyDescent="0.2">
      <c r="A42" s="792"/>
      <c r="B42" s="3165" t="s">
        <v>1866</v>
      </c>
      <c r="C42" s="3165"/>
      <c r="D42" s="3165"/>
      <c r="E42" s="3165"/>
      <c r="F42" s="3165"/>
      <c r="G42" s="3165"/>
      <c r="H42" s="3165"/>
      <c r="I42" s="3165"/>
      <c r="J42" s="3165"/>
    </row>
    <row r="43" spans="1:10" ht="33" customHeight="1" x14ac:dyDescent="0.2">
      <c r="A43" s="792"/>
      <c r="B43" s="3165" t="s">
        <v>1867</v>
      </c>
      <c r="C43" s="3165"/>
      <c r="D43" s="3165"/>
      <c r="E43" s="3165"/>
      <c r="F43" s="3165"/>
      <c r="G43" s="3165"/>
      <c r="H43" s="3165"/>
      <c r="I43" s="3165"/>
      <c r="J43" s="3165"/>
    </row>
    <row r="44" spans="1:10" ht="21" customHeight="1" x14ac:dyDescent="0.2">
      <c r="A44" s="792"/>
      <c r="B44" s="3166" t="s">
        <v>1868</v>
      </c>
      <c r="C44" s="3166"/>
      <c r="D44" s="3166"/>
      <c r="E44" s="3166"/>
      <c r="F44" s="3166"/>
      <c r="G44" s="3166"/>
      <c r="H44" s="3166"/>
      <c r="I44" s="3166"/>
      <c r="J44" s="3166"/>
    </row>
    <row r="45" spans="1:10" ht="17.25" customHeight="1" x14ac:dyDescent="0.2">
      <c r="A45" s="792"/>
      <c r="B45" s="3167" t="s">
        <v>1869</v>
      </c>
      <c r="C45" s="3167"/>
      <c r="D45" s="3167"/>
      <c r="E45" s="3167"/>
      <c r="F45" s="3167"/>
      <c r="G45" s="3167"/>
      <c r="H45" s="3167"/>
      <c r="I45" s="3167"/>
      <c r="J45" s="792"/>
    </row>
    <row r="46" spans="1:10" x14ac:dyDescent="0.2">
      <c r="C46" s="56" t="s">
        <v>1809</v>
      </c>
    </row>
    <row r="48" spans="1:10" ht="13.5" customHeight="1" x14ac:dyDescent="0.2"/>
    <row r="49" ht="13.5" customHeight="1" x14ac:dyDescent="0.2"/>
    <row r="50" ht="13.5" customHeight="1" x14ac:dyDescent="0.2"/>
  </sheetData>
  <mergeCells count="55">
    <mergeCell ref="E32:F32"/>
    <mergeCell ref="B43:J43"/>
    <mergeCell ref="B44:J44"/>
    <mergeCell ref="B45:I45"/>
    <mergeCell ref="H33:I33"/>
    <mergeCell ref="E36:J36"/>
    <mergeCell ref="E37:J37"/>
    <mergeCell ref="E38:J38"/>
    <mergeCell ref="B41:J41"/>
    <mergeCell ref="B42:J42"/>
    <mergeCell ref="E33:F33"/>
    <mergeCell ref="B19:B39"/>
    <mergeCell ref="E26:F26"/>
    <mergeCell ref="E28:F28"/>
    <mergeCell ref="E29:F29"/>
    <mergeCell ref="E30:F30"/>
    <mergeCell ref="E31:F31"/>
    <mergeCell ref="F15:G15"/>
    <mergeCell ref="H15:I15"/>
    <mergeCell ref="E27:F27"/>
    <mergeCell ref="F16:G16"/>
    <mergeCell ref="H16:I16"/>
    <mergeCell ref="D17:E17"/>
    <mergeCell ref="F17:G17"/>
    <mergeCell ref="H17:I17"/>
    <mergeCell ref="E20:F20"/>
    <mergeCell ref="H20:I20"/>
    <mergeCell ref="E21:F21"/>
    <mergeCell ref="H21:I32"/>
    <mergeCell ref="E22:F22"/>
    <mergeCell ref="E23:F23"/>
    <mergeCell ref="E24:F24"/>
    <mergeCell ref="E25:F25"/>
    <mergeCell ref="F11:G11"/>
    <mergeCell ref="H11:I11"/>
    <mergeCell ref="F13:G13"/>
    <mergeCell ref="H13:I13"/>
    <mergeCell ref="F14:G14"/>
    <mergeCell ref="H14:I14"/>
    <mergeCell ref="D12:E12"/>
    <mergeCell ref="F12:G12"/>
    <mergeCell ref="H12:I12"/>
    <mergeCell ref="I2:J2"/>
    <mergeCell ref="A3:J3"/>
    <mergeCell ref="C5:J5"/>
    <mergeCell ref="D6:E6"/>
    <mergeCell ref="C7:J7"/>
    <mergeCell ref="B8:B18"/>
    <mergeCell ref="D9:E9"/>
    <mergeCell ref="F9:G9"/>
    <mergeCell ref="H9:I9"/>
    <mergeCell ref="D10:E10"/>
    <mergeCell ref="F10:G10"/>
    <mergeCell ref="H10:I10"/>
    <mergeCell ref="D11:E11"/>
  </mergeCells>
  <phoneticPr fontId="6"/>
  <pageMargins left="0.7" right="0.7" top="0.75" bottom="0.75" header="0.3" footer="0.3"/>
  <pageSetup paperSize="9" scale="71" orientation="portrait" r:id="rId1"/>
  <drawing r:id="rId2"/>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G17"/>
  <sheetViews>
    <sheetView showGridLines="0" view="pageBreakPreview" zoomScaleNormal="100" zoomScaleSheetLayoutView="100" workbookViewId="0">
      <selection activeCell="A3" sqref="A3:J3"/>
    </sheetView>
  </sheetViews>
  <sheetFormatPr defaultRowHeight="13.2" x14ac:dyDescent="0.2"/>
  <cols>
    <col min="1" max="1" width="1.21875" style="56" customWidth="1"/>
    <col min="2" max="2" width="26.33203125" style="56" customWidth="1"/>
    <col min="3" max="3" width="4.33203125" style="56" customWidth="1"/>
    <col min="4" max="6" width="21.88671875" style="56" customWidth="1"/>
    <col min="7" max="7" width="3.33203125" style="56" customWidth="1"/>
    <col min="8" max="8" width="1.6640625" style="56" customWidth="1"/>
    <col min="9" max="256" width="9" style="56"/>
    <col min="257" max="257" width="1.21875" style="56" customWidth="1"/>
    <col min="258" max="258" width="26.33203125" style="56" customWidth="1"/>
    <col min="259" max="259" width="4.33203125" style="56" customWidth="1"/>
    <col min="260" max="262" width="21.88671875" style="56" customWidth="1"/>
    <col min="263" max="263" width="3.33203125" style="56" customWidth="1"/>
    <col min="264" max="512" width="9" style="56"/>
    <col min="513" max="513" width="1.21875" style="56" customWidth="1"/>
    <col min="514" max="514" width="26.33203125" style="56" customWidth="1"/>
    <col min="515" max="515" width="4.33203125" style="56" customWidth="1"/>
    <col min="516" max="518" width="21.88671875" style="56" customWidth="1"/>
    <col min="519" max="519" width="3.33203125" style="56" customWidth="1"/>
    <col min="520" max="768" width="9" style="56"/>
    <col min="769" max="769" width="1.21875" style="56" customWidth="1"/>
    <col min="770" max="770" width="26.33203125" style="56" customWidth="1"/>
    <col min="771" max="771" width="4.33203125" style="56" customWidth="1"/>
    <col min="772" max="774" width="21.88671875" style="56" customWidth="1"/>
    <col min="775" max="775" width="3.33203125" style="56" customWidth="1"/>
    <col min="776" max="1024" width="9" style="56"/>
    <col min="1025" max="1025" width="1.21875" style="56" customWidth="1"/>
    <col min="1026" max="1026" width="26.33203125" style="56" customWidth="1"/>
    <col min="1027" max="1027" width="4.33203125" style="56" customWidth="1"/>
    <col min="1028" max="1030" width="21.88671875" style="56" customWidth="1"/>
    <col min="1031" max="1031" width="3.33203125" style="56" customWidth="1"/>
    <col min="1032" max="1280" width="9" style="56"/>
    <col min="1281" max="1281" width="1.21875" style="56" customWidth="1"/>
    <col min="1282" max="1282" width="26.33203125" style="56" customWidth="1"/>
    <col min="1283" max="1283" width="4.33203125" style="56" customWidth="1"/>
    <col min="1284" max="1286" width="21.88671875" style="56" customWidth="1"/>
    <col min="1287" max="1287" width="3.33203125" style="56" customWidth="1"/>
    <col min="1288" max="1536" width="9" style="56"/>
    <col min="1537" max="1537" width="1.21875" style="56" customWidth="1"/>
    <col min="1538" max="1538" width="26.33203125" style="56" customWidth="1"/>
    <col min="1539" max="1539" width="4.33203125" style="56" customWidth="1"/>
    <col min="1540" max="1542" width="21.88671875" style="56" customWidth="1"/>
    <col min="1543" max="1543" width="3.33203125" style="56" customWidth="1"/>
    <col min="1544" max="1792" width="9" style="56"/>
    <col min="1793" max="1793" width="1.21875" style="56" customWidth="1"/>
    <col min="1794" max="1794" width="26.33203125" style="56" customWidth="1"/>
    <col min="1795" max="1795" width="4.33203125" style="56" customWidth="1"/>
    <col min="1796" max="1798" width="21.88671875" style="56" customWidth="1"/>
    <col min="1799" max="1799" width="3.33203125" style="56" customWidth="1"/>
    <col min="1800" max="2048" width="9" style="56"/>
    <col min="2049" max="2049" width="1.21875" style="56" customWidth="1"/>
    <col min="2050" max="2050" width="26.33203125" style="56" customWidth="1"/>
    <col min="2051" max="2051" width="4.33203125" style="56" customWidth="1"/>
    <col min="2052" max="2054" width="21.88671875" style="56" customWidth="1"/>
    <col min="2055" max="2055" width="3.33203125" style="56" customWidth="1"/>
    <col min="2056" max="2304" width="9" style="56"/>
    <col min="2305" max="2305" width="1.21875" style="56" customWidth="1"/>
    <col min="2306" max="2306" width="26.33203125" style="56" customWidth="1"/>
    <col min="2307" max="2307" width="4.33203125" style="56" customWidth="1"/>
    <col min="2308" max="2310" width="21.88671875" style="56" customWidth="1"/>
    <col min="2311" max="2311" width="3.33203125" style="56" customWidth="1"/>
    <col min="2312" max="2560" width="9" style="56"/>
    <col min="2561" max="2561" width="1.21875" style="56" customWidth="1"/>
    <col min="2562" max="2562" width="26.33203125" style="56" customWidth="1"/>
    <col min="2563" max="2563" width="4.33203125" style="56" customWidth="1"/>
    <col min="2564" max="2566" width="21.88671875" style="56" customWidth="1"/>
    <col min="2567" max="2567" width="3.33203125" style="56" customWidth="1"/>
    <col min="2568" max="2816" width="9" style="56"/>
    <col min="2817" max="2817" width="1.21875" style="56" customWidth="1"/>
    <col min="2818" max="2818" width="26.33203125" style="56" customWidth="1"/>
    <col min="2819" max="2819" width="4.33203125" style="56" customWidth="1"/>
    <col min="2820" max="2822" width="21.88671875" style="56" customWidth="1"/>
    <col min="2823" max="2823" width="3.33203125" style="56" customWidth="1"/>
    <col min="2824" max="3072" width="9" style="56"/>
    <col min="3073" max="3073" width="1.21875" style="56" customWidth="1"/>
    <col min="3074" max="3074" width="26.33203125" style="56" customWidth="1"/>
    <col min="3075" max="3075" width="4.33203125" style="56" customWidth="1"/>
    <col min="3076" max="3078" width="21.88671875" style="56" customWidth="1"/>
    <col min="3079" max="3079" width="3.33203125" style="56" customWidth="1"/>
    <col min="3080" max="3328" width="9" style="56"/>
    <col min="3329" max="3329" width="1.21875" style="56" customWidth="1"/>
    <col min="3330" max="3330" width="26.33203125" style="56" customWidth="1"/>
    <col min="3331" max="3331" width="4.33203125" style="56" customWidth="1"/>
    <col min="3332" max="3334" width="21.88671875" style="56" customWidth="1"/>
    <col min="3335" max="3335" width="3.33203125" style="56" customWidth="1"/>
    <col min="3336" max="3584" width="9" style="56"/>
    <col min="3585" max="3585" width="1.21875" style="56" customWidth="1"/>
    <col min="3586" max="3586" width="26.33203125" style="56" customWidth="1"/>
    <col min="3587" max="3587" width="4.33203125" style="56" customWidth="1"/>
    <col min="3588" max="3590" width="21.88671875" style="56" customWidth="1"/>
    <col min="3591" max="3591" width="3.33203125" style="56" customWidth="1"/>
    <col min="3592" max="3840" width="9" style="56"/>
    <col min="3841" max="3841" width="1.21875" style="56" customWidth="1"/>
    <col min="3842" max="3842" width="26.33203125" style="56" customWidth="1"/>
    <col min="3843" max="3843" width="4.33203125" style="56" customWidth="1"/>
    <col min="3844" max="3846" width="21.88671875" style="56" customWidth="1"/>
    <col min="3847" max="3847" width="3.33203125" style="56" customWidth="1"/>
    <col min="3848" max="4096" width="9" style="56"/>
    <col min="4097" max="4097" width="1.21875" style="56" customWidth="1"/>
    <col min="4098" max="4098" width="26.33203125" style="56" customWidth="1"/>
    <col min="4099" max="4099" width="4.33203125" style="56" customWidth="1"/>
    <col min="4100" max="4102" width="21.88671875" style="56" customWidth="1"/>
    <col min="4103" max="4103" width="3.33203125" style="56" customWidth="1"/>
    <col min="4104" max="4352" width="9" style="56"/>
    <col min="4353" max="4353" width="1.21875" style="56" customWidth="1"/>
    <col min="4354" max="4354" width="26.33203125" style="56" customWidth="1"/>
    <col min="4355" max="4355" width="4.33203125" style="56" customWidth="1"/>
    <col min="4356" max="4358" width="21.88671875" style="56" customWidth="1"/>
    <col min="4359" max="4359" width="3.33203125" style="56" customWidth="1"/>
    <col min="4360" max="4608" width="9" style="56"/>
    <col min="4609" max="4609" width="1.21875" style="56" customWidth="1"/>
    <col min="4610" max="4610" width="26.33203125" style="56" customWidth="1"/>
    <col min="4611" max="4611" width="4.33203125" style="56" customWidth="1"/>
    <col min="4612" max="4614" width="21.88671875" style="56" customWidth="1"/>
    <col min="4615" max="4615" width="3.33203125" style="56" customWidth="1"/>
    <col min="4616" max="4864" width="9" style="56"/>
    <col min="4865" max="4865" width="1.21875" style="56" customWidth="1"/>
    <col min="4866" max="4866" width="26.33203125" style="56" customWidth="1"/>
    <col min="4867" max="4867" width="4.33203125" style="56" customWidth="1"/>
    <col min="4868" max="4870" width="21.88671875" style="56" customWidth="1"/>
    <col min="4871" max="4871" width="3.33203125" style="56" customWidth="1"/>
    <col min="4872" max="5120" width="9" style="56"/>
    <col min="5121" max="5121" width="1.21875" style="56" customWidth="1"/>
    <col min="5122" max="5122" width="26.33203125" style="56" customWidth="1"/>
    <col min="5123" max="5123" width="4.33203125" style="56" customWidth="1"/>
    <col min="5124" max="5126" width="21.88671875" style="56" customWidth="1"/>
    <col min="5127" max="5127" width="3.33203125" style="56" customWidth="1"/>
    <col min="5128" max="5376" width="9" style="56"/>
    <col min="5377" max="5377" width="1.21875" style="56" customWidth="1"/>
    <col min="5378" max="5378" width="26.33203125" style="56" customWidth="1"/>
    <col min="5379" max="5379" width="4.33203125" style="56" customWidth="1"/>
    <col min="5380" max="5382" width="21.88671875" style="56" customWidth="1"/>
    <col min="5383" max="5383" width="3.33203125" style="56" customWidth="1"/>
    <col min="5384" max="5632" width="9" style="56"/>
    <col min="5633" max="5633" width="1.21875" style="56" customWidth="1"/>
    <col min="5634" max="5634" width="26.33203125" style="56" customWidth="1"/>
    <col min="5635" max="5635" width="4.33203125" style="56" customWidth="1"/>
    <col min="5636" max="5638" width="21.88671875" style="56" customWidth="1"/>
    <col min="5639" max="5639" width="3.33203125" style="56" customWidth="1"/>
    <col min="5640" max="5888" width="9" style="56"/>
    <col min="5889" max="5889" width="1.21875" style="56" customWidth="1"/>
    <col min="5890" max="5890" width="26.33203125" style="56" customWidth="1"/>
    <col min="5891" max="5891" width="4.33203125" style="56" customWidth="1"/>
    <col min="5892" max="5894" width="21.88671875" style="56" customWidth="1"/>
    <col min="5895" max="5895" width="3.33203125" style="56" customWidth="1"/>
    <col min="5896" max="6144" width="9" style="56"/>
    <col min="6145" max="6145" width="1.21875" style="56" customWidth="1"/>
    <col min="6146" max="6146" width="26.33203125" style="56" customWidth="1"/>
    <col min="6147" max="6147" width="4.33203125" style="56" customWidth="1"/>
    <col min="6148" max="6150" width="21.88671875" style="56" customWidth="1"/>
    <col min="6151" max="6151" width="3.33203125" style="56" customWidth="1"/>
    <col min="6152" max="6400" width="9" style="56"/>
    <col min="6401" max="6401" width="1.21875" style="56" customWidth="1"/>
    <col min="6402" max="6402" width="26.33203125" style="56" customWidth="1"/>
    <col min="6403" max="6403" width="4.33203125" style="56" customWidth="1"/>
    <col min="6404" max="6406" width="21.88671875" style="56" customWidth="1"/>
    <col min="6407" max="6407" width="3.33203125" style="56" customWidth="1"/>
    <col min="6408" max="6656" width="9" style="56"/>
    <col min="6657" max="6657" width="1.21875" style="56" customWidth="1"/>
    <col min="6658" max="6658" width="26.33203125" style="56" customWidth="1"/>
    <col min="6659" max="6659" width="4.33203125" style="56" customWidth="1"/>
    <col min="6660" max="6662" width="21.88671875" style="56" customWidth="1"/>
    <col min="6663" max="6663" width="3.33203125" style="56" customWidth="1"/>
    <col min="6664" max="6912" width="9" style="56"/>
    <col min="6913" max="6913" width="1.21875" style="56" customWidth="1"/>
    <col min="6914" max="6914" width="26.33203125" style="56" customWidth="1"/>
    <col min="6915" max="6915" width="4.33203125" style="56" customWidth="1"/>
    <col min="6916" max="6918" width="21.88671875" style="56" customWidth="1"/>
    <col min="6919" max="6919" width="3.33203125" style="56" customWidth="1"/>
    <col min="6920" max="7168" width="9" style="56"/>
    <col min="7169" max="7169" width="1.21875" style="56" customWidth="1"/>
    <col min="7170" max="7170" width="26.33203125" style="56" customWidth="1"/>
    <col min="7171" max="7171" width="4.33203125" style="56" customWidth="1"/>
    <col min="7172" max="7174" width="21.88671875" style="56" customWidth="1"/>
    <col min="7175" max="7175" width="3.33203125" style="56" customWidth="1"/>
    <col min="7176" max="7424" width="9" style="56"/>
    <col min="7425" max="7425" width="1.21875" style="56" customWidth="1"/>
    <col min="7426" max="7426" width="26.33203125" style="56" customWidth="1"/>
    <col min="7427" max="7427" width="4.33203125" style="56" customWidth="1"/>
    <col min="7428" max="7430" width="21.88671875" style="56" customWidth="1"/>
    <col min="7431" max="7431" width="3.33203125" style="56" customWidth="1"/>
    <col min="7432" max="7680" width="9" style="56"/>
    <col min="7681" max="7681" width="1.21875" style="56" customWidth="1"/>
    <col min="7682" max="7682" width="26.33203125" style="56" customWidth="1"/>
    <col min="7683" max="7683" width="4.33203125" style="56" customWidth="1"/>
    <col min="7684" max="7686" width="21.88671875" style="56" customWidth="1"/>
    <col min="7687" max="7687" width="3.33203125" style="56" customWidth="1"/>
    <col min="7688" max="7936" width="9" style="56"/>
    <col min="7937" max="7937" width="1.21875" style="56" customWidth="1"/>
    <col min="7938" max="7938" width="26.33203125" style="56" customWidth="1"/>
    <col min="7939" max="7939" width="4.33203125" style="56" customWidth="1"/>
    <col min="7940" max="7942" width="21.88671875" style="56" customWidth="1"/>
    <col min="7943" max="7943" width="3.33203125" style="56" customWidth="1"/>
    <col min="7944" max="8192" width="9" style="56"/>
    <col min="8193" max="8193" width="1.21875" style="56" customWidth="1"/>
    <col min="8194" max="8194" width="26.33203125" style="56" customWidth="1"/>
    <col min="8195" max="8195" width="4.33203125" style="56" customWidth="1"/>
    <col min="8196" max="8198" width="21.88671875" style="56" customWidth="1"/>
    <col min="8199" max="8199" width="3.33203125" style="56" customWidth="1"/>
    <col min="8200" max="8448" width="9" style="56"/>
    <col min="8449" max="8449" width="1.21875" style="56" customWidth="1"/>
    <col min="8450" max="8450" width="26.33203125" style="56" customWidth="1"/>
    <col min="8451" max="8451" width="4.33203125" style="56" customWidth="1"/>
    <col min="8452" max="8454" width="21.88671875" style="56" customWidth="1"/>
    <col min="8455" max="8455" width="3.33203125" style="56" customWidth="1"/>
    <col min="8456" max="8704" width="9" style="56"/>
    <col min="8705" max="8705" width="1.21875" style="56" customWidth="1"/>
    <col min="8706" max="8706" width="26.33203125" style="56" customWidth="1"/>
    <col min="8707" max="8707" width="4.33203125" style="56" customWidth="1"/>
    <col min="8708" max="8710" width="21.88671875" style="56" customWidth="1"/>
    <col min="8711" max="8711" width="3.33203125" style="56" customWidth="1"/>
    <col min="8712" max="8960" width="9" style="56"/>
    <col min="8961" max="8961" width="1.21875" style="56" customWidth="1"/>
    <col min="8962" max="8962" width="26.33203125" style="56" customWidth="1"/>
    <col min="8963" max="8963" width="4.33203125" style="56" customWidth="1"/>
    <col min="8964" max="8966" width="21.88671875" style="56" customWidth="1"/>
    <col min="8967" max="8967" width="3.33203125" style="56" customWidth="1"/>
    <col min="8968" max="9216" width="9" style="56"/>
    <col min="9217" max="9217" width="1.21875" style="56" customWidth="1"/>
    <col min="9218" max="9218" width="26.33203125" style="56" customWidth="1"/>
    <col min="9219" max="9219" width="4.33203125" style="56" customWidth="1"/>
    <col min="9220" max="9222" width="21.88671875" style="56" customWidth="1"/>
    <col min="9223" max="9223" width="3.33203125" style="56" customWidth="1"/>
    <col min="9224" max="9472" width="9" style="56"/>
    <col min="9473" max="9473" width="1.21875" style="56" customWidth="1"/>
    <col min="9474" max="9474" width="26.33203125" style="56" customWidth="1"/>
    <col min="9475" max="9475" width="4.33203125" style="56" customWidth="1"/>
    <col min="9476" max="9478" width="21.88671875" style="56" customWidth="1"/>
    <col min="9479" max="9479" width="3.33203125" style="56" customWidth="1"/>
    <col min="9480" max="9728" width="9" style="56"/>
    <col min="9729" max="9729" width="1.21875" style="56" customWidth="1"/>
    <col min="9730" max="9730" width="26.33203125" style="56" customWidth="1"/>
    <col min="9731" max="9731" width="4.33203125" style="56" customWidth="1"/>
    <col min="9732" max="9734" width="21.88671875" style="56" customWidth="1"/>
    <col min="9735" max="9735" width="3.33203125" style="56" customWidth="1"/>
    <col min="9736" max="9984" width="9" style="56"/>
    <col min="9985" max="9985" width="1.21875" style="56" customWidth="1"/>
    <col min="9986" max="9986" width="26.33203125" style="56" customWidth="1"/>
    <col min="9987" max="9987" width="4.33203125" style="56" customWidth="1"/>
    <col min="9988" max="9990" width="21.88671875" style="56" customWidth="1"/>
    <col min="9991" max="9991" width="3.33203125" style="56" customWidth="1"/>
    <col min="9992" max="10240" width="9" style="56"/>
    <col min="10241" max="10241" width="1.21875" style="56" customWidth="1"/>
    <col min="10242" max="10242" width="26.33203125" style="56" customWidth="1"/>
    <col min="10243" max="10243" width="4.33203125" style="56" customWidth="1"/>
    <col min="10244" max="10246" width="21.88671875" style="56" customWidth="1"/>
    <col min="10247" max="10247" width="3.33203125" style="56" customWidth="1"/>
    <col min="10248" max="10496" width="9" style="56"/>
    <col min="10497" max="10497" width="1.21875" style="56" customWidth="1"/>
    <col min="10498" max="10498" width="26.33203125" style="56" customWidth="1"/>
    <col min="10499" max="10499" width="4.33203125" style="56" customWidth="1"/>
    <col min="10500" max="10502" width="21.88671875" style="56" customWidth="1"/>
    <col min="10503" max="10503" width="3.33203125" style="56" customWidth="1"/>
    <col min="10504" max="10752" width="9" style="56"/>
    <col min="10753" max="10753" width="1.21875" style="56" customWidth="1"/>
    <col min="10754" max="10754" width="26.33203125" style="56" customWidth="1"/>
    <col min="10755" max="10755" width="4.33203125" style="56" customWidth="1"/>
    <col min="10756" max="10758" width="21.88671875" style="56" customWidth="1"/>
    <col min="10759" max="10759" width="3.33203125" style="56" customWidth="1"/>
    <col min="10760" max="11008" width="9" style="56"/>
    <col min="11009" max="11009" width="1.21875" style="56" customWidth="1"/>
    <col min="11010" max="11010" width="26.33203125" style="56" customWidth="1"/>
    <col min="11011" max="11011" width="4.33203125" style="56" customWidth="1"/>
    <col min="11012" max="11014" width="21.88671875" style="56" customWidth="1"/>
    <col min="11015" max="11015" width="3.33203125" style="56" customWidth="1"/>
    <col min="11016" max="11264" width="9" style="56"/>
    <col min="11265" max="11265" width="1.21875" style="56" customWidth="1"/>
    <col min="11266" max="11266" width="26.33203125" style="56" customWidth="1"/>
    <col min="11267" max="11267" width="4.33203125" style="56" customWidth="1"/>
    <col min="11268" max="11270" width="21.88671875" style="56" customWidth="1"/>
    <col min="11271" max="11271" width="3.33203125" style="56" customWidth="1"/>
    <col min="11272" max="11520" width="9" style="56"/>
    <col min="11521" max="11521" width="1.21875" style="56" customWidth="1"/>
    <col min="11522" max="11522" width="26.33203125" style="56" customWidth="1"/>
    <col min="11523" max="11523" width="4.33203125" style="56" customWidth="1"/>
    <col min="11524" max="11526" width="21.88671875" style="56" customWidth="1"/>
    <col min="11527" max="11527" width="3.33203125" style="56" customWidth="1"/>
    <col min="11528" max="11776" width="9" style="56"/>
    <col min="11777" max="11777" width="1.21875" style="56" customWidth="1"/>
    <col min="11778" max="11778" width="26.33203125" style="56" customWidth="1"/>
    <col min="11779" max="11779" width="4.33203125" style="56" customWidth="1"/>
    <col min="11780" max="11782" width="21.88671875" style="56" customWidth="1"/>
    <col min="11783" max="11783" width="3.33203125" style="56" customWidth="1"/>
    <col min="11784" max="12032" width="9" style="56"/>
    <col min="12033" max="12033" width="1.21875" style="56" customWidth="1"/>
    <col min="12034" max="12034" width="26.33203125" style="56" customWidth="1"/>
    <col min="12035" max="12035" width="4.33203125" style="56" customWidth="1"/>
    <col min="12036" max="12038" width="21.88671875" style="56" customWidth="1"/>
    <col min="12039" max="12039" width="3.33203125" style="56" customWidth="1"/>
    <col min="12040" max="12288" width="9" style="56"/>
    <col min="12289" max="12289" width="1.21875" style="56" customWidth="1"/>
    <col min="12290" max="12290" width="26.33203125" style="56" customWidth="1"/>
    <col min="12291" max="12291" width="4.33203125" style="56" customWidth="1"/>
    <col min="12292" max="12294" width="21.88671875" style="56" customWidth="1"/>
    <col min="12295" max="12295" width="3.33203125" style="56" customWidth="1"/>
    <col min="12296" max="12544" width="9" style="56"/>
    <col min="12545" max="12545" width="1.21875" style="56" customWidth="1"/>
    <col min="12546" max="12546" width="26.33203125" style="56" customWidth="1"/>
    <col min="12547" max="12547" width="4.33203125" style="56" customWidth="1"/>
    <col min="12548" max="12550" width="21.88671875" style="56" customWidth="1"/>
    <col min="12551" max="12551" width="3.33203125" style="56" customWidth="1"/>
    <col min="12552" max="12800" width="9" style="56"/>
    <col min="12801" max="12801" width="1.21875" style="56" customWidth="1"/>
    <col min="12802" max="12802" width="26.33203125" style="56" customWidth="1"/>
    <col min="12803" max="12803" width="4.33203125" style="56" customWidth="1"/>
    <col min="12804" max="12806" width="21.88671875" style="56" customWidth="1"/>
    <col min="12807" max="12807" width="3.33203125" style="56" customWidth="1"/>
    <col min="12808" max="13056" width="9" style="56"/>
    <col min="13057" max="13057" width="1.21875" style="56" customWidth="1"/>
    <col min="13058" max="13058" width="26.33203125" style="56" customWidth="1"/>
    <col min="13059" max="13059" width="4.33203125" style="56" customWidth="1"/>
    <col min="13060" max="13062" width="21.88671875" style="56" customWidth="1"/>
    <col min="13063" max="13063" width="3.33203125" style="56" customWidth="1"/>
    <col min="13064" max="13312" width="9" style="56"/>
    <col min="13313" max="13313" width="1.21875" style="56" customWidth="1"/>
    <col min="13314" max="13314" width="26.33203125" style="56" customWidth="1"/>
    <col min="13315" max="13315" width="4.33203125" style="56" customWidth="1"/>
    <col min="13316" max="13318" width="21.88671875" style="56" customWidth="1"/>
    <col min="13319" max="13319" width="3.33203125" style="56" customWidth="1"/>
    <col min="13320" max="13568" width="9" style="56"/>
    <col min="13569" max="13569" width="1.21875" style="56" customWidth="1"/>
    <col min="13570" max="13570" width="26.33203125" style="56" customWidth="1"/>
    <col min="13571" max="13571" width="4.33203125" style="56" customWidth="1"/>
    <col min="13572" max="13574" width="21.88671875" style="56" customWidth="1"/>
    <col min="13575" max="13575" width="3.33203125" style="56" customWidth="1"/>
    <col min="13576" max="13824" width="9" style="56"/>
    <col min="13825" max="13825" width="1.21875" style="56" customWidth="1"/>
    <col min="13826" max="13826" width="26.33203125" style="56" customWidth="1"/>
    <col min="13827" max="13827" width="4.33203125" style="56" customWidth="1"/>
    <col min="13828" max="13830" width="21.88671875" style="56" customWidth="1"/>
    <col min="13831" max="13831" width="3.33203125" style="56" customWidth="1"/>
    <col min="13832" max="14080" width="9" style="56"/>
    <col min="14081" max="14081" width="1.21875" style="56" customWidth="1"/>
    <col min="14082" max="14082" width="26.33203125" style="56" customWidth="1"/>
    <col min="14083" max="14083" width="4.33203125" style="56" customWidth="1"/>
    <col min="14084" max="14086" width="21.88671875" style="56" customWidth="1"/>
    <col min="14087" max="14087" width="3.33203125" style="56" customWidth="1"/>
    <col min="14088" max="14336" width="9" style="56"/>
    <col min="14337" max="14337" width="1.21875" style="56" customWidth="1"/>
    <col min="14338" max="14338" width="26.33203125" style="56" customWidth="1"/>
    <col min="14339" max="14339" width="4.33203125" style="56" customWidth="1"/>
    <col min="14340" max="14342" width="21.88671875" style="56" customWidth="1"/>
    <col min="14343" max="14343" width="3.33203125" style="56" customWidth="1"/>
    <col min="14344" max="14592" width="9" style="56"/>
    <col min="14593" max="14593" width="1.21875" style="56" customWidth="1"/>
    <col min="14594" max="14594" width="26.33203125" style="56" customWidth="1"/>
    <col min="14595" max="14595" width="4.33203125" style="56" customWidth="1"/>
    <col min="14596" max="14598" width="21.88671875" style="56" customWidth="1"/>
    <col min="14599" max="14599" width="3.33203125" style="56" customWidth="1"/>
    <col min="14600" max="14848" width="9" style="56"/>
    <col min="14849" max="14849" width="1.21875" style="56" customWidth="1"/>
    <col min="14850" max="14850" width="26.33203125" style="56" customWidth="1"/>
    <col min="14851" max="14851" width="4.33203125" style="56" customWidth="1"/>
    <col min="14852" max="14854" width="21.88671875" style="56" customWidth="1"/>
    <col min="14855" max="14855" width="3.33203125" style="56" customWidth="1"/>
    <col min="14856" max="15104" width="9" style="56"/>
    <col min="15105" max="15105" width="1.21875" style="56" customWidth="1"/>
    <col min="15106" max="15106" width="26.33203125" style="56" customWidth="1"/>
    <col min="15107" max="15107" width="4.33203125" style="56" customWidth="1"/>
    <col min="15108" max="15110" width="21.88671875" style="56" customWidth="1"/>
    <col min="15111" max="15111" width="3.33203125" style="56" customWidth="1"/>
    <col min="15112" max="15360" width="9" style="56"/>
    <col min="15361" max="15361" width="1.21875" style="56" customWidth="1"/>
    <col min="15362" max="15362" width="26.33203125" style="56" customWidth="1"/>
    <col min="15363" max="15363" width="4.33203125" style="56" customWidth="1"/>
    <col min="15364" max="15366" width="21.88671875" style="56" customWidth="1"/>
    <col min="15367" max="15367" width="3.33203125" style="56" customWidth="1"/>
    <col min="15368" max="15616" width="9" style="56"/>
    <col min="15617" max="15617" width="1.21875" style="56" customWidth="1"/>
    <col min="15618" max="15618" width="26.33203125" style="56" customWidth="1"/>
    <col min="15619" max="15619" width="4.33203125" style="56" customWidth="1"/>
    <col min="15620" max="15622" width="21.88671875" style="56" customWidth="1"/>
    <col min="15623" max="15623" width="3.33203125" style="56" customWidth="1"/>
    <col min="15624" max="15872" width="9" style="56"/>
    <col min="15873" max="15873" width="1.21875" style="56" customWidth="1"/>
    <col min="15874" max="15874" width="26.33203125" style="56" customWidth="1"/>
    <col min="15875" max="15875" width="4.33203125" style="56" customWidth="1"/>
    <col min="15876" max="15878" width="21.88671875" style="56" customWidth="1"/>
    <col min="15879" max="15879" width="3.33203125" style="56" customWidth="1"/>
    <col min="15880" max="16128" width="9" style="56"/>
    <col min="16129" max="16129" width="1.21875" style="56" customWidth="1"/>
    <col min="16130" max="16130" width="26.33203125" style="56" customWidth="1"/>
    <col min="16131" max="16131" width="4.33203125" style="56" customWidth="1"/>
    <col min="16132" max="16134" width="21.88671875" style="56" customWidth="1"/>
    <col min="16135" max="16135" width="3.33203125" style="56" customWidth="1"/>
    <col min="16136" max="16384" width="9" style="56"/>
  </cols>
  <sheetData>
    <row r="1" spans="1:7" ht="18.75" customHeight="1" x14ac:dyDescent="0.2">
      <c r="A1" s="777"/>
      <c r="B1" s="1071" t="s">
        <v>1879</v>
      </c>
      <c r="C1" s="792"/>
      <c r="D1" s="792"/>
      <c r="E1" s="792"/>
      <c r="F1" s="792"/>
      <c r="G1" s="792"/>
    </row>
    <row r="2" spans="1:7" ht="21" customHeight="1" x14ac:dyDescent="0.2">
      <c r="A2" s="817"/>
      <c r="B2" s="792"/>
      <c r="C2" s="792"/>
      <c r="D2" s="792"/>
      <c r="E2" s="792"/>
      <c r="F2" s="1304" t="s">
        <v>723</v>
      </c>
      <c r="G2" s="1304"/>
    </row>
    <row r="3" spans="1:7" ht="12.75" customHeight="1" x14ac:dyDescent="0.2">
      <c r="A3" s="817"/>
      <c r="B3" s="792"/>
      <c r="C3" s="792"/>
      <c r="D3" s="792"/>
      <c r="E3" s="792"/>
      <c r="F3" s="1042"/>
      <c r="G3" s="1042"/>
    </row>
    <row r="4" spans="1:7" ht="40.5" customHeight="1" x14ac:dyDescent="0.2">
      <c r="A4" s="3193" t="s">
        <v>1880</v>
      </c>
      <c r="B4" s="3057"/>
      <c r="C4" s="3057"/>
      <c r="D4" s="3057"/>
      <c r="E4" s="3057"/>
      <c r="F4" s="3057"/>
      <c r="G4" s="3057"/>
    </row>
    <row r="5" spans="1:7" ht="14.25" customHeight="1" x14ac:dyDescent="0.2">
      <c r="A5" s="819"/>
      <c r="B5" s="819"/>
      <c r="C5" s="819"/>
      <c r="D5" s="819"/>
      <c r="E5" s="819"/>
      <c r="F5" s="819"/>
      <c r="G5" s="819"/>
    </row>
    <row r="6" spans="1:7" ht="36" customHeight="1" x14ac:dyDescent="0.2">
      <c r="A6" s="819"/>
      <c r="B6" s="1100" t="s">
        <v>60</v>
      </c>
      <c r="C6" s="1131"/>
      <c r="D6" s="1132"/>
      <c r="E6" s="1132"/>
      <c r="F6" s="1132"/>
      <c r="G6" s="1133"/>
    </row>
    <row r="7" spans="1:7" ht="30" customHeight="1" x14ac:dyDescent="0.2">
      <c r="A7" s="792"/>
      <c r="B7" s="1102" t="s">
        <v>449</v>
      </c>
      <c r="C7" s="3194" t="s">
        <v>460</v>
      </c>
      <c r="D7" s="3194"/>
      <c r="E7" s="3194"/>
      <c r="F7" s="3194"/>
      <c r="G7" s="3194"/>
    </row>
    <row r="8" spans="1:7" ht="30" customHeight="1" x14ac:dyDescent="0.2">
      <c r="A8" s="792"/>
      <c r="B8" s="1134" t="s">
        <v>1881</v>
      </c>
      <c r="C8" s="3195" t="s">
        <v>1882</v>
      </c>
      <c r="D8" s="3196"/>
      <c r="E8" s="3196"/>
      <c r="F8" s="3196"/>
      <c r="G8" s="3197"/>
    </row>
    <row r="9" spans="1:7" ht="3.75" customHeight="1" x14ac:dyDescent="0.2">
      <c r="A9" s="792"/>
      <c r="B9" s="3149" t="s">
        <v>1883</v>
      </c>
      <c r="C9" s="792"/>
      <c r="D9" s="1135"/>
      <c r="E9" s="1042"/>
      <c r="F9" s="1135"/>
      <c r="G9" s="824"/>
    </row>
    <row r="10" spans="1:7" ht="19.5" customHeight="1" x14ac:dyDescent="0.2">
      <c r="A10" s="792"/>
      <c r="B10" s="3149"/>
      <c r="C10" s="792"/>
      <c r="D10" s="1136"/>
      <c r="E10" s="1042"/>
      <c r="F10" s="1135"/>
      <c r="G10" s="824"/>
    </row>
    <row r="11" spans="1:7" ht="44.25" customHeight="1" x14ac:dyDescent="0.2">
      <c r="A11" s="792"/>
      <c r="B11" s="3149"/>
      <c r="C11" s="792"/>
      <c r="D11" s="3198" t="s">
        <v>1884</v>
      </c>
      <c r="E11" s="3199"/>
      <c r="F11" s="3199"/>
      <c r="G11" s="824"/>
    </row>
    <row r="12" spans="1:7" ht="29.25" customHeight="1" x14ac:dyDescent="0.2">
      <c r="A12" s="792"/>
      <c r="B12" s="3149"/>
      <c r="C12" s="792"/>
      <c r="D12" s="1136"/>
      <c r="E12" s="1042"/>
      <c r="F12" s="1135"/>
      <c r="G12" s="824"/>
    </row>
    <row r="13" spans="1:7" ht="37.5" customHeight="1" x14ac:dyDescent="0.2">
      <c r="A13" s="792"/>
      <c r="B13" s="3149"/>
      <c r="C13" s="792"/>
      <c r="D13" s="3200" t="s">
        <v>1885</v>
      </c>
      <c r="E13" s="3200"/>
      <c r="F13" s="3200"/>
      <c r="G13" s="824"/>
    </row>
    <row r="14" spans="1:7" ht="32.25" customHeight="1" x14ac:dyDescent="0.2">
      <c r="A14" s="792"/>
      <c r="B14" s="3172"/>
      <c r="C14" s="1079"/>
      <c r="D14" s="3201" t="s">
        <v>1886</v>
      </c>
      <c r="E14" s="3201"/>
      <c r="F14" s="3201"/>
      <c r="G14" s="1080"/>
    </row>
    <row r="15" spans="1:7" ht="20.25" customHeight="1" x14ac:dyDescent="0.2">
      <c r="A15" s="792"/>
      <c r="B15" s="792" t="s">
        <v>1887</v>
      </c>
      <c r="C15" s="792"/>
      <c r="D15" s="792"/>
      <c r="E15" s="792"/>
      <c r="F15" s="792"/>
      <c r="G15" s="792"/>
    </row>
    <row r="16" spans="1:7" ht="15.75" customHeight="1" x14ac:dyDescent="0.2">
      <c r="A16" s="792"/>
      <c r="B16" s="792" t="s">
        <v>1888</v>
      </c>
      <c r="C16" s="792"/>
      <c r="D16" s="792"/>
      <c r="E16" s="792"/>
      <c r="F16" s="792"/>
      <c r="G16" s="792"/>
    </row>
    <row r="17" spans="1:7" x14ac:dyDescent="0.2">
      <c r="A17" s="792"/>
      <c r="B17" s="792"/>
      <c r="C17" s="792"/>
      <c r="D17" s="792"/>
      <c r="E17" s="792"/>
      <c r="F17" s="792"/>
      <c r="G17" s="792"/>
    </row>
  </sheetData>
  <mergeCells count="8">
    <mergeCell ref="F2:G2"/>
    <mergeCell ref="A4:G4"/>
    <mergeCell ref="C7:G7"/>
    <mergeCell ref="C8:G8"/>
    <mergeCell ref="B9:B14"/>
    <mergeCell ref="D11:F11"/>
    <mergeCell ref="D13:F13"/>
    <mergeCell ref="D14:F14"/>
  </mergeCells>
  <phoneticPr fontId="6"/>
  <pageMargins left="0.7" right="0.7" top="0.75" bottom="0.75" header="0.3" footer="0.3"/>
  <pageSetup paperSize="9" scale="80" orientation="portrait" r:id="rId1"/>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H17"/>
  <sheetViews>
    <sheetView showGridLines="0" view="pageBreakPreview" zoomScaleNormal="100" zoomScaleSheetLayoutView="100" workbookViewId="0">
      <selection activeCell="A3" sqref="A3:J3"/>
    </sheetView>
  </sheetViews>
  <sheetFormatPr defaultRowHeight="13.2" x14ac:dyDescent="0.2"/>
  <cols>
    <col min="1" max="1" width="1.21875" style="56" customWidth="1"/>
    <col min="2" max="2" width="26.33203125" style="56" customWidth="1"/>
    <col min="3" max="3" width="4.33203125" style="56" customWidth="1"/>
    <col min="4" max="6" width="21.88671875" style="56" customWidth="1"/>
    <col min="7" max="7" width="3.33203125" style="56" customWidth="1"/>
    <col min="8" max="8" width="2.33203125" style="56" customWidth="1"/>
    <col min="9" max="256" width="9" style="56"/>
    <col min="257" max="257" width="1.21875" style="56" customWidth="1"/>
    <col min="258" max="258" width="26.33203125" style="56" customWidth="1"/>
    <col min="259" max="259" width="4.33203125" style="56" customWidth="1"/>
    <col min="260" max="262" width="21.88671875" style="56" customWidth="1"/>
    <col min="263" max="263" width="3.33203125" style="56" customWidth="1"/>
    <col min="264" max="512" width="9" style="56"/>
    <col min="513" max="513" width="1.21875" style="56" customWidth="1"/>
    <col min="514" max="514" width="26.33203125" style="56" customWidth="1"/>
    <col min="515" max="515" width="4.33203125" style="56" customWidth="1"/>
    <col min="516" max="518" width="21.88671875" style="56" customWidth="1"/>
    <col min="519" max="519" width="3.33203125" style="56" customWidth="1"/>
    <col min="520" max="768" width="9" style="56"/>
    <col min="769" max="769" width="1.21875" style="56" customWidth="1"/>
    <col min="770" max="770" width="26.33203125" style="56" customWidth="1"/>
    <col min="771" max="771" width="4.33203125" style="56" customWidth="1"/>
    <col min="772" max="774" width="21.88671875" style="56" customWidth="1"/>
    <col min="775" max="775" width="3.33203125" style="56" customWidth="1"/>
    <col min="776" max="1024" width="9" style="56"/>
    <col min="1025" max="1025" width="1.21875" style="56" customWidth="1"/>
    <col min="1026" max="1026" width="26.33203125" style="56" customWidth="1"/>
    <col min="1027" max="1027" width="4.33203125" style="56" customWidth="1"/>
    <col min="1028" max="1030" width="21.88671875" style="56" customWidth="1"/>
    <col min="1031" max="1031" width="3.33203125" style="56" customWidth="1"/>
    <col min="1032" max="1280" width="9" style="56"/>
    <col min="1281" max="1281" width="1.21875" style="56" customWidth="1"/>
    <col min="1282" max="1282" width="26.33203125" style="56" customWidth="1"/>
    <col min="1283" max="1283" width="4.33203125" style="56" customWidth="1"/>
    <col min="1284" max="1286" width="21.88671875" style="56" customWidth="1"/>
    <col min="1287" max="1287" width="3.33203125" style="56" customWidth="1"/>
    <col min="1288" max="1536" width="9" style="56"/>
    <col min="1537" max="1537" width="1.21875" style="56" customWidth="1"/>
    <col min="1538" max="1538" width="26.33203125" style="56" customWidth="1"/>
    <col min="1539" max="1539" width="4.33203125" style="56" customWidth="1"/>
    <col min="1540" max="1542" width="21.88671875" style="56" customWidth="1"/>
    <col min="1543" max="1543" width="3.33203125" style="56" customWidth="1"/>
    <col min="1544" max="1792" width="9" style="56"/>
    <col min="1793" max="1793" width="1.21875" style="56" customWidth="1"/>
    <col min="1794" max="1794" width="26.33203125" style="56" customWidth="1"/>
    <col min="1795" max="1795" width="4.33203125" style="56" customWidth="1"/>
    <col min="1796" max="1798" width="21.88671875" style="56" customWidth="1"/>
    <col min="1799" max="1799" width="3.33203125" style="56" customWidth="1"/>
    <col min="1800" max="2048" width="9" style="56"/>
    <col min="2049" max="2049" width="1.21875" style="56" customWidth="1"/>
    <col min="2050" max="2050" width="26.33203125" style="56" customWidth="1"/>
    <col min="2051" max="2051" width="4.33203125" style="56" customWidth="1"/>
    <col min="2052" max="2054" width="21.88671875" style="56" customWidth="1"/>
    <col min="2055" max="2055" width="3.33203125" style="56" customWidth="1"/>
    <col min="2056" max="2304" width="9" style="56"/>
    <col min="2305" max="2305" width="1.21875" style="56" customWidth="1"/>
    <col min="2306" max="2306" width="26.33203125" style="56" customWidth="1"/>
    <col min="2307" max="2307" width="4.33203125" style="56" customWidth="1"/>
    <col min="2308" max="2310" width="21.88671875" style="56" customWidth="1"/>
    <col min="2311" max="2311" width="3.33203125" style="56" customWidth="1"/>
    <col min="2312" max="2560" width="9" style="56"/>
    <col min="2561" max="2561" width="1.21875" style="56" customWidth="1"/>
    <col min="2562" max="2562" width="26.33203125" style="56" customWidth="1"/>
    <col min="2563" max="2563" width="4.33203125" style="56" customWidth="1"/>
    <col min="2564" max="2566" width="21.88671875" style="56" customWidth="1"/>
    <col min="2567" max="2567" width="3.33203125" style="56" customWidth="1"/>
    <col min="2568" max="2816" width="9" style="56"/>
    <col min="2817" max="2817" width="1.21875" style="56" customWidth="1"/>
    <col min="2818" max="2818" width="26.33203125" style="56" customWidth="1"/>
    <col min="2819" max="2819" width="4.33203125" style="56" customWidth="1"/>
    <col min="2820" max="2822" width="21.88671875" style="56" customWidth="1"/>
    <col min="2823" max="2823" width="3.33203125" style="56" customWidth="1"/>
    <col min="2824" max="3072" width="9" style="56"/>
    <col min="3073" max="3073" width="1.21875" style="56" customWidth="1"/>
    <col min="3074" max="3074" width="26.33203125" style="56" customWidth="1"/>
    <col min="3075" max="3075" width="4.33203125" style="56" customWidth="1"/>
    <col min="3076" max="3078" width="21.88671875" style="56" customWidth="1"/>
    <col min="3079" max="3079" width="3.33203125" style="56" customWidth="1"/>
    <col min="3080" max="3328" width="9" style="56"/>
    <col min="3329" max="3329" width="1.21875" style="56" customWidth="1"/>
    <col min="3330" max="3330" width="26.33203125" style="56" customWidth="1"/>
    <col min="3331" max="3331" width="4.33203125" style="56" customWidth="1"/>
    <col min="3332" max="3334" width="21.88671875" style="56" customWidth="1"/>
    <col min="3335" max="3335" width="3.33203125" style="56" customWidth="1"/>
    <col min="3336" max="3584" width="9" style="56"/>
    <col min="3585" max="3585" width="1.21875" style="56" customWidth="1"/>
    <col min="3586" max="3586" width="26.33203125" style="56" customWidth="1"/>
    <col min="3587" max="3587" width="4.33203125" style="56" customWidth="1"/>
    <col min="3588" max="3590" width="21.88671875" style="56" customWidth="1"/>
    <col min="3591" max="3591" width="3.33203125" style="56" customWidth="1"/>
    <col min="3592" max="3840" width="9" style="56"/>
    <col min="3841" max="3841" width="1.21875" style="56" customWidth="1"/>
    <col min="3842" max="3842" width="26.33203125" style="56" customWidth="1"/>
    <col min="3843" max="3843" width="4.33203125" style="56" customWidth="1"/>
    <col min="3844" max="3846" width="21.88671875" style="56" customWidth="1"/>
    <col min="3847" max="3847" width="3.33203125" style="56" customWidth="1"/>
    <col min="3848" max="4096" width="9" style="56"/>
    <col min="4097" max="4097" width="1.21875" style="56" customWidth="1"/>
    <col min="4098" max="4098" width="26.33203125" style="56" customWidth="1"/>
    <col min="4099" max="4099" width="4.33203125" style="56" customWidth="1"/>
    <col min="4100" max="4102" width="21.88671875" style="56" customWidth="1"/>
    <col min="4103" max="4103" width="3.33203125" style="56" customWidth="1"/>
    <col min="4104" max="4352" width="9" style="56"/>
    <col min="4353" max="4353" width="1.21875" style="56" customWidth="1"/>
    <col min="4354" max="4354" width="26.33203125" style="56" customWidth="1"/>
    <col min="4355" max="4355" width="4.33203125" style="56" customWidth="1"/>
    <col min="4356" max="4358" width="21.88671875" style="56" customWidth="1"/>
    <col min="4359" max="4359" width="3.33203125" style="56" customWidth="1"/>
    <col min="4360" max="4608" width="9" style="56"/>
    <col min="4609" max="4609" width="1.21875" style="56" customWidth="1"/>
    <col min="4610" max="4610" width="26.33203125" style="56" customWidth="1"/>
    <col min="4611" max="4611" width="4.33203125" style="56" customWidth="1"/>
    <col min="4612" max="4614" width="21.88671875" style="56" customWidth="1"/>
    <col min="4615" max="4615" width="3.33203125" style="56" customWidth="1"/>
    <col min="4616" max="4864" width="9" style="56"/>
    <col min="4865" max="4865" width="1.21875" style="56" customWidth="1"/>
    <col min="4866" max="4866" width="26.33203125" style="56" customWidth="1"/>
    <col min="4867" max="4867" width="4.33203125" style="56" customWidth="1"/>
    <col min="4868" max="4870" width="21.88671875" style="56" customWidth="1"/>
    <col min="4871" max="4871" width="3.33203125" style="56" customWidth="1"/>
    <col min="4872" max="5120" width="9" style="56"/>
    <col min="5121" max="5121" width="1.21875" style="56" customWidth="1"/>
    <col min="5122" max="5122" width="26.33203125" style="56" customWidth="1"/>
    <col min="5123" max="5123" width="4.33203125" style="56" customWidth="1"/>
    <col min="5124" max="5126" width="21.88671875" style="56" customWidth="1"/>
    <col min="5127" max="5127" width="3.33203125" style="56" customWidth="1"/>
    <col min="5128" max="5376" width="9" style="56"/>
    <col min="5377" max="5377" width="1.21875" style="56" customWidth="1"/>
    <col min="5378" max="5378" width="26.33203125" style="56" customWidth="1"/>
    <col min="5379" max="5379" width="4.33203125" style="56" customWidth="1"/>
    <col min="5380" max="5382" width="21.88671875" style="56" customWidth="1"/>
    <col min="5383" max="5383" width="3.33203125" style="56" customWidth="1"/>
    <col min="5384" max="5632" width="9" style="56"/>
    <col min="5633" max="5633" width="1.21875" style="56" customWidth="1"/>
    <col min="5634" max="5634" width="26.33203125" style="56" customWidth="1"/>
    <col min="5635" max="5635" width="4.33203125" style="56" customWidth="1"/>
    <col min="5636" max="5638" width="21.88671875" style="56" customWidth="1"/>
    <col min="5639" max="5639" width="3.33203125" style="56" customWidth="1"/>
    <col min="5640" max="5888" width="9" style="56"/>
    <col min="5889" max="5889" width="1.21875" style="56" customWidth="1"/>
    <col min="5890" max="5890" width="26.33203125" style="56" customWidth="1"/>
    <col min="5891" max="5891" width="4.33203125" style="56" customWidth="1"/>
    <col min="5892" max="5894" width="21.88671875" style="56" customWidth="1"/>
    <col min="5895" max="5895" width="3.33203125" style="56" customWidth="1"/>
    <col min="5896" max="6144" width="9" style="56"/>
    <col min="6145" max="6145" width="1.21875" style="56" customWidth="1"/>
    <col min="6146" max="6146" width="26.33203125" style="56" customWidth="1"/>
    <col min="6147" max="6147" width="4.33203125" style="56" customWidth="1"/>
    <col min="6148" max="6150" width="21.88671875" style="56" customWidth="1"/>
    <col min="6151" max="6151" width="3.33203125" style="56" customWidth="1"/>
    <col min="6152" max="6400" width="9" style="56"/>
    <col min="6401" max="6401" width="1.21875" style="56" customWidth="1"/>
    <col min="6402" max="6402" width="26.33203125" style="56" customWidth="1"/>
    <col min="6403" max="6403" width="4.33203125" style="56" customWidth="1"/>
    <col min="6404" max="6406" width="21.88671875" style="56" customWidth="1"/>
    <col min="6407" max="6407" width="3.33203125" style="56" customWidth="1"/>
    <col min="6408" max="6656" width="9" style="56"/>
    <col min="6657" max="6657" width="1.21875" style="56" customWidth="1"/>
    <col min="6658" max="6658" width="26.33203125" style="56" customWidth="1"/>
    <col min="6659" max="6659" width="4.33203125" style="56" customWidth="1"/>
    <col min="6660" max="6662" width="21.88671875" style="56" customWidth="1"/>
    <col min="6663" max="6663" width="3.33203125" style="56" customWidth="1"/>
    <col min="6664" max="6912" width="9" style="56"/>
    <col min="6913" max="6913" width="1.21875" style="56" customWidth="1"/>
    <col min="6914" max="6914" width="26.33203125" style="56" customWidth="1"/>
    <col min="6915" max="6915" width="4.33203125" style="56" customWidth="1"/>
    <col min="6916" max="6918" width="21.88671875" style="56" customWidth="1"/>
    <col min="6919" max="6919" width="3.33203125" style="56" customWidth="1"/>
    <col min="6920" max="7168" width="9" style="56"/>
    <col min="7169" max="7169" width="1.21875" style="56" customWidth="1"/>
    <col min="7170" max="7170" width="26.33203125" style="56" customWidth="1"/>
    <col min="7171" max="7171" width="4.33203125" style="56" customWidth="1"/>
    <col min="7172" max="7174" width="21.88671875" style="56" customWidth="1"/>
    <col min="7175" max="7175" width="3.33203125" style="56" customWidth="1"/>
    <col min="7176" max="7424" width="9" style="56"/>
    <col min="7425" max="7425" width="1.21875" style="56" customWidth="1"/>
    <col min="7426" max="7426" width="26.33203125" style="56" customWidth="1"/>
    <col min="7427" max="7427" width="4.33203125" style="56" customWidth="1"/>
    <col min="7428" max="7430" width="21.88671875" style="56" customWidth="1"/>
    <col min="7431" max="7431" width="3.33203125" style="56" customWidth="1"/>
    <col min="7432" max="7680" width="9" style="56"/>
    <col min="7681" max="7681" width="1.21875" style="56" customWidth="1"/>
    <col min="7682" max="7682" width="26.33203125" style="56" customWidth="1"/>
    <col min="7683" max="7683" width="4.33203125" style="56" customWidth="1"/>
    <col min="7684" max="7686" width="21.88671875" style="56" customWidth="1"/>
    <col min="7687" max="7687" width="3.33203125" style="56" customWidth="1"/>
    <col min="7688" max="7936" width="9" style="56"/>
    <col min="7937" max="7937" width="1.21875" style="56" customWidth="1"/>
    <col min="7938" max="7938" width="26.33203125" style="56" customWidth="1"/>
    <col min="7939" max="7939" width="4.33203125" style="56" customWidth="1"/>
    <col min="7940" max="7942" width="21.88671875" style="56" customWidth="1"/>
    <col min="7943" max="7943" width="3.33203125" style="56" customWidth="1"/>
    <col min="7944" max="8192" width="9" style="56"/>
    <col min="8193" max="8193" width="1.21875" style="56" customWidth="1"/>
    <col min="8194" max="8194" width="26.33203125" style="56" customWidth="1"/>
    <col min="8195" max="8195" width="4.33203125" style="56" customWidth="1"/>
    <col min="8196" max="8198" width="21.88671875" style="56" customWidth="1"/>
    <col min="8199" max="8199" width="3.33203125" style="56" customWidth="1"/>
    <col min="8200" max="8448" width="9" style="56"/>
    <col min="8449" max="8449" width="1.21875" style="56" customWidth="1"/>
    <col min="8450" max="8450" width="26.33203125" style="56" customWidth="1"/>
    <col min="8451" max="8451" width="4.33203125" style="56" customWidth="1"/>
    <col min="8452" max="8454" width="21.88671875" style="56" customWidth="1"/>
    <col min="8455" max="8455" width="3.33203125" style="56" customWidth="1"/>
    <col min="8456" max="8704" width="9" style="56"/>
    <col min="8705" max="8705" width="1.21875" style="56" customWidth="1"/>
    <col min="8706" max="8706" width="26.33203125" style="56" customWidth="1"/>
    <col min="8707" max="8707" width="4.33203125" style="56" customWidth="1"/>
    <col min="8708" max="8710" width="21.88671875" style="56" customWidth="1"/>
    <col min="8711" max="8711" width="3.33203125" style="56" customWidth="1"/>
    <col min="8712" max="8960" width="9" style="56"/>
    <col min="8961" max="8961" width="1.21875" style="56" customWidth="1"/>
    <col min="8962" max="8962" width="26.33203125" style="56" customWidth="1"/>
    <col min="8963" max="8963" width="4.33203125" style="56" customWidth="1"/>
    <col min="8964" max="8966" width="21.88671875" style="56" customWidth="1"/>
    <col min="8967" max="8967" width="3.33203125" style="56" customWidth="1"/>
    <col min="8968" max="9216" width="9" style="56"/>
    <col min="9217" max="9217" width="1.21875" style="56" customWidth="1"/>
    <col min="9218" max="9218" width="26.33203125" style="56" customWidth="1"/>
    <col min="9219" max="9219" width="4.33203125" style="56" customWidth="1"/>
    <col min="9220" max="9222" width="21.88671875" style="56" customWidth="1"/>
    <col min="9223" max="9223" width="3.33203125" style="56" customWidth="1"/>
    <col min="9224" max="9472" width="9" style="56"/>
    <col min="9473" max="9473" width="1.21875" style="56" customWidth="1"/>
    <col min="9474" max="9474" width="26.33203125" style="56" customWidth="1"/>
    <col min="9475" max="9475" width="4.33203125" style="56" customWidth="1"/>
    <col min="9476" max="9478" width="21.88671875" style="56" customWidth="1"/>
    <col min="9479" max="9479" width="3.33203125" style="56" customWidth="1"/>
    <col min="9480" max="9728" width="9" style="56"/>
    <col min="9729" max="9729" width="1.21875" style="56" customWidth="1"/>
    <col min="9730" max="9730" width="26.33203125" style="56" customWidth="1"/>
    <col min="9731" max="9731" width="4.33203125" style="56" customWidth="1"/>
    <col min="9732" max="9734" width="21.88671875" style="56" customWidth="1"/>
    <col min="9735" max="9735" width="3.33203125" style="56" customWidth="1"/>
    <col min="9736" max="9984" width="9" style="56"/>
    <col min="9985" max="9985" width="1.21875" style="56" customWidth="1"/>
    <col min="9986" max="9986" width="26.33203125" style="56" customWidth="1"/>
    <col min="9987" max="9987" width="4.33203125" style="56" customWidth="1"/>
    <col min="9988" max="9990" width="21.88671875" style="56" customWidth="1"/>
    <col min="9991" max="9991" width="3.33203125" style="56" customWidth="1"/>
    <col min="9992" max="10240" width="9" style="56"/>
    <col min="10241" max="10241" width="1.21875" style="56" customWidth="1"/>
    <col min="10242" max="10242" width="26.33203125" style="56" customWidth="1"/>
    <col min="10243" max="10243" width="4.33203125" style="56" customWidth="1"/>
    <col min="10244" max="10246" width="21.88671875" style="56" customWidth="1"/>
    <col min="10247" max="10247" width="3.33203125" style="56" customWidth="1"/>
    <col min="10248" max="10496" width="9" style="56"/>
    <col min="10497" max="10497" width="1.21875" style="56" customWidth="1"/>
    <col min="10498" max="10498" width="26.33203125" style="56" customWidth="1"/>
    <col min="10499" max="10499" width="4.33203125" style="56" customWidth="1"/>
    <col min="10500" max="10502" width="21.88671875" style="56" customWidth="1"/>
    <col min="10503" max="10503" width="3.33203125" style="56" customWidth="1"/>
    <col min="10504" max="10752" width="9" style="56"/>
    <col min="10753" max="10753" width="1.21875" style="56" customWidth="1"/>
    <col min="10754" max="10754" width="26.33203125" style="56" customWidth="1"/>
    <col min="10755" max="10755" width="4.33203125" style="56" customWidth="1"/>
    <col min="10756" max="10758" width="21.88671875" style="56" customWidth="1"/>
    <col min="10759" max="10759" width="3.33203125" style="56" customWidth="1"/>
    <col min="10760" max="11008" width="9" style="56"/>
    <col min="11009" max="11009" width="1.21875" style="56" customWidth="1"/>
    <col min="11010" max="11010" width="26.33203125" style="56" customWidth="1"/>
    <col min="11011" max="11011" width="4.33203125" style="56" customWidth="1"/>
    <col min="11012" max="11014" width="21.88671875" style="56" customWidth="1"/>
    <col min="11015" max="11015" width="3.33203125" style="56" customWidth="1"/>
    <col min="11016" max="11264" width="9" style="56"/>
    <col min="11265" max="11265" width="1.21875" style="56" customWidth="1"/>
    <col min="11266" max="11266" width="26.33203125" style="56" customWidth="1"/>
    <col min="11267" max="11267" width="4.33203125" style="56" customWidth="1"/>
    <col min="11268" max="11270" width="21.88671875" style="56" customWidth="1"/>
    <col min="11271" max="11271" width="3.33203125" style="56" customWidth="1"/>
    <col min="11272" max="11520" width="9" style="56"/>
    <col min="11521" max="11521" width="1.21875" style="56" customWidth="1"/>
    <col min="11522" max="11522" width="26.33203125" style="56" customWidth="1"/>
    <col min="11523" max="11523" width="4.33203125" style="56" customWidth="1"/>
    <col min="11524" max="11526" width="21.88671875" style="56" customWidth="1"/>
    <col min="11527" max="11527" width="3.33203125" style="56" customWidth="1"/>
    <col min="11528" max="11776" width="9" style="56"/>
    <col min="11777" max="11777" width="1.21875" style="56" customWidth="1"/>
    <col min="11778" max="11778" width="26.33203125" style="56" customWidth="1"/>
    <col min="11779" max="11779" width="4.33203125" style="56" customWidth="1"/>
    <col min="11780" max="11782" width="21.88671875" style="56" customWidth="1"/>
    <col min="11783" max="11783" width="3.33203125" style="56" customWidth="1"/>
    <col min="11784" max="12032" width="9" style="56"/>
    <col min="12033" max="12033" width="1.21875" style="56" customWidth="1"/>
    <col min="12034" max="12034" width="26.33203125" style="56" customWidth="1"/>
    <col min="12035" max="12035" width="4.33203125" style="56" customWidth="1"/>
    <col min="12036" max="12038" width="21.88671875" style="56" customWidth="1"/>
    <col min="12039" max="12039" width="3.33203125" style="56" customWidth="1"/>
    <col min="12040" max="12288" width="9" style="56"/>
    <col min="12289" max="12289" width="1.21875" style="56" customWidth="1"/>
    <col min="12290" max="12290" width="26.33203125" style="56" customWidth="1"/>
    <col min="12291" max="12291" width="4.33203125" style="56" customWidth="1"/>
    <col min="12292" max="12294" width="21.88671875" style="56" customWidth="1"/>
    <col min="12295" max="12295" width="3.33203125" style="56" customWidth="1"/>
    <col min="12296" max="12544" width="9" style="56"/>
    <col min="12545" max="12545" width="1.21875" style="56" customWidth="1"/>
    <col min="12546" max="12546" width="26.33203125" style="56" customWidth="1"/>
    <col min="12547" max="12547" width="4.33203125" style="56" customWidth="1"/>
    <col min="12548" max="12550" width="21.88671875" style="56" customWidth="1"/>
    <col min="12551" max="12551" width="3.33203125" style="56" customWidth="1"/>
    <col min="12552" max="12800" width="9" style="56"/>
    <col min="12801" max="12801" width="1.21875" style="56" customWidth="1"/>
    <col min="12802" max="12802" width="26.33203125" style="56" customWidth="1"/>
    <col min="12803" max="12803" width="4.33203125" style="56" customWidth="1"/>
    <col min="12804" max="12806" width="21.88671875" style="56" customWidth="1"/>
    <col min="12807" max="12807" width="3.33203125" style="56" customWidth="1"/>
    <col min="12808" max="13056" width="9" style="56"/>
    <col min="13057" max="13057" width="1.21875" style="56" customWidth="1"/>
    <col min="13058" max="13058" width="26.33203125" style="56" customWidth="1"/>
    <col min="13059" max="13059" width="4.33203125" style="56" customWidth="1"/>
    <col min="13060" max="13062" width="21.88671875" style="56" customWidth="1"/>
    <col min="13063" max="13063" width="3.33203125" style="56" customWidth="1"/>
    <col min="13064" max="13312" width="9" style="56"/>
    <col min="13313" max="13313" width="1.21875" style="56" customWidth="1"/>
    <col min="13314" max="13314" width="26.33203125" style="56" customWidth="1"/>
    <col min="13315" max="13315" width="4.33203125" style="56" customWidth="1"/>
    <col min="13316" max="13318" width="21.88671875" style="56" customWidth="1"/>
    <col min="13319" max="13319" width="3.33203125" style="56" customWidth="1"/>
    <col min="13320" max="13568" width="9" style="56"/>
    <col min="13569" max="13569" width="1.21875" style="56" customWidth="1"/>
    <col min="13570" max="13570" width="26.33203125" style="56" customWidth="1"/>
    <col min="13571" max="13571" width="4.33203125" style="56" customWidth="1"/>
    <col min="13572" max="13574" width="21.88671875" style="56" customWidth="1"/>
    <col min="13575" max="13575" width="3.33203125" style="56" customWidth="1"/>
    <col min="13576" max="13824" width="9" style="56"/>
    <col min="13825" max="13825" width="1.21875" style="56" customWidth="1"/>
    <col min="13826" max="13826" width="26.33203125" style="56" customWidth="1"/>
    <col min="13827" max="13827" width="4.33203125" style="56" customWidth="1"/>
    <col min="13828" max="13830" width="21.88671875" style="56" customWidth="1"/>
    <col min="13831" max="13831" width="3.33203125" style="56" customWidth="1"/>
    <col min="13832" max="14080" width="9" style="56"/>
    <col min="14081" max="14081" width="1.21875" style="56" customWidth="1"/>
    <col min="14082" max="14082" width="26.33203125" style="56" customWidth="1"/>
    <col min="14083" max="14083" width="4.33203125" style="56" customWidth="1"/>
    <col min="14084" max="14086" width="21.88671875" style="56" customWidth="1"/>
    <col min="14087" max="14087" width="3.33203125" style="56" customWidth="1"/>
    <col min="14088" max="14336" width="9" style="56"/>
    <col min="14337" max="14337" width="1.21875" style="56" customWidth="1"/>
    <col min="14338" max="14338" width="26.33203125" style="56" customWidth="1"/>
    <col min="14339" max="14339" width="4.33203125" style="56" customWidth="1"/>
    <col min="14340" max="14342" width="21.88671875" style="56" customWidth="1"/>
    <col min="14343" max="14343" width="3.33203125" style="56" customWidth="1"/>
    <col min="14344" max="14592" width="9" style="56"/>
    <col min="14593" max="14593" width="1.21875" style="56" customWidth="1"/>
    <col min="14594" max="14594" width="26.33203125" style="56" customWidth="1"/>
    <col min="14595" max="14595" width="4.33203125" style="56" customWidth="1"/>
    <col min="14596" max="14598" width="21.88671875" style="56" customWidth="1"/>
    <col min="14599" max="14599" width="3.33203125" style="56" customWidth="1"/>
    <col min="14600" max="14848" width="9" style="56"/>
    <col min="14849" max="14849" width="1.21875" style="56" customWidth="1"/>
    <col min="14850" max="14850" width="26.33203125" style="56" customWidth="1"/>
    <col min="14851" max="14851" width="4.33203125" style="56" customWidth="1"/>
    <col min="14852" max="14854" width="21.88671875" style="56" customWidth="1"/>
    <col min="14855" max="14855" width="3.33203125" style="56" customWidth="1"/>
    <col min="14856" max="15104" width="9" style="56"/>
    <col min="15105" max="15105" width="1.21875" style="56" customWidth="1"/>
    <col min="15106" max="15106" width="26.33203125" style="56" customWidth="1"/>
    <col min="15107" max="15107" width="4.33203125" style="56" customWidth="1"/>
    <col min="15108" max="15110" width="21.88671875" style="56" customWidth="1"/>
    <col min="15111" max="15111" width="3.33203125" style="56" customWidth="1"/>
    <col min="15112" max="15360" width="9" style="56"/>
    <col min="15361" max="15361" width="1.21875" style="56" customWidth="1"/>
    <col min="15362" max="15362" width="26.33203125" style="56" customWidth="1"/>
    <col min="15363" max="15363" width="4.33203125" style="56" customWidth="1"/>
    <col min="15364" max="15366" width="21.88671875" style="56" customWidth="1"/>
    <col min="15367" max="15367" width="3.33203125" style="56" customWidth="1"/>
    <col min="15368" max="15616" width="9" style="56"/>
    <col min="15617" max="15617" width="1.21875" style="56" customWidth="1"/>
    <col min="15618" max="15618" width="26.33203125" style="56" customWidth="1"/>
    <col min="15619" max="15619" width="4.33203125" style="56" customWidth="1"/>
    <col min="15620" max="15622" width="21.88671875" style="56" customWidth="1"/>
    <col min="15623" max="15623" width="3.33203125" style="56" customWidth="1"/>
    <col min="15624" max="15872" width="9" style="56"/>
    <col min="15873" max="15873" width="1.21875" style="56" customWidth="1"/>
    <col min="15874" max="15874" width="26.33203125" style="56" customWidth="1"/>
    <col min="15875" max="15875" width="4.33203125" style="56" customWidth="1"/>
    <col min="15876" max="15878" width="21.88671875" style="56" customWidth="1"/>
    <col min="15879" max="15879" width="3.33203125" style="56" customWidth="1"/>
    <col min="15880" max="16128" width="9" style="56"/>
    <col min="16129" max="16129" width="1.21875" style="56" customWidth="1"/>
    <col min="16130" max="16130" width="26.33203125" style="56" customWidth="1"/>
    <col min="16131" max="16131" width="4.33203125" style="56" customWidth="1"/>
    <col min="16132" max="16134" width="21.88671875" style="56" customWidth="1"/>
    <col min="16135" max="16135" width="3.33203125" style="56" customWidth="1"/>
    <col min="16136" max="16384" width="9" style="56"/>
  </cols>
  <sheetData>
    <row r="1" spans="1:8" ht="18.75" customHeight="1" x14ac:dyDescent="0.2">
      <c r="A1" s="777"/>
      <c r="B1" s="1071" t="s">
        <v>1889</v>
      </c>
      <c r="C1" s="792"/>
      <c r="D1" s="792"/>
      <c r="E1" s="792"/>
      <c r="F1" s="792"/>
      <c r="G1" s="792"/>
      <c r="H1" s="792"/>
    </row>
    <row r="2" spans="1:8" ht="21.75" customHeight="1" x14ac:dyDescent="0.2">
      <c r="A2" s="817"/>
      <c r="B2" s="792"/>
      <c r="C2" s="792"/>
      <c r="D2" s="792"/>
      <c r="E2" s="792"/>
      <c r="F2" s="1304" t="s">
        <v>723</v>
      </c>
      <c r="G2" s="1304"/>
      <c r="H2" s="792"/>
    </row>
    <row r="3" spans="1:8" ht="12" customHeight="1" x14ac:dyDescent="0.2">
      <c r="A3" s="817"/>
      <c r="B3" s="792"/>
      <c r="C3" s="792"/>
      <c r="D3" s="792"/>
      <c r="E3" s="792"/>
      <c r="F3" s="1042"/>
      <c r="G3" s="1042"/>
      <c r="H3" s="792"/>
    </row>
    <row r="4" spans="1:8" ht="36" customHeight="1" x14ac:dyDescent="0.2">
      <c r="A4" s="3193" t="s">
        <v>1890</v>
      </c>
      <c r="B4" s="3057"/>
      <c r="C4" s="3057"/>
      <c r="D4" s="3057"/>
      <c r="E4" s="3057"/>
      <c r="F4" s="3057"/>
      <c r="G4" s="3057"/>
      <c r="H4" s="792"/>
    </row>
    <row r="5" spans="1:8" ht="10.5" customHeight="1" x14ac:dyDescent="0.2">
      <c r="A5" s="819"/>
      <c r="B5" s="819"/>
      <c r="C5" s="819"/>
      <c r="D5" s="819"/>
      <c r="E5" s="819"/>
      <c r="F5" s="819"/>
      <c r="G5" s="819"/>
      <c r="H5" s="792"/>
    </row>
    <row r="6" spans="1:8" ht="36" customHeight="1" x14ac:dyDescent="0.2">
      <c r="A6" s="819"/>
      <c r="B6" s="1100" t="s">
        <v>60</v>
      </c>
      <c r="C6" s="1131"/>
      <c r="D6" s="1132"/>
      <c r="E6" s="1132"/>
      <c r="F6" s="1132"/>
      <c r="G6" s="1133"/>
      <c r="H6" s="792"/>
    </row>
    <row r="7" spans="1:8" ht="30" customHeight="1" x14ac:dyDescent="0.2">
      <c r="A7" s="792"/>
      <c r="B7" s="1102" t="s">
        <v>449</v>
      </c>
      <c r="C7" s="3069" t="s">
        <v>460</v>
      </c>
      <c r="D7" s="3069"/>
      <c r="E7" s="3069"/>
      <c r="F7" s="3069"/>
      <c r="G7" s="3070"/>
      <c r="H7" s="792"/>
    </row>
    <row r="8" spans="1:8" ht="46.5" customHeight="1" x14ac:dyDescent="0.2">
      <c r="A8" s="792"/>
      <c r="B8" s="1102" t="s">
        <v>1891</v>
      </c>
      <c r="C8" s="3061" t="s">
        <v>1892</v>
      </c>
      <c r="D8" s="3062"/>
      <c r="E8" s="3062"/>
      <c r="F8" s="3062"/>
      <c r="G8" s="3063"/>
      <c r="H8" s="792"/>
    </row>
    <row r="9" spans="1:8" ht="3.75" customHeight="1" x14ac:dyDescent="0.2">
      <c r="A9" s="792"/>
      <c r="B9" s="3202" t="s">
        <v>1893</v>
      </c>
      <c r="C9" s="792"/>
      <c r="D9" s="1135"/>
      <c r="E9" s="1042"/>
      <c r="F9" s="1135"/>
      <c r="G9" s="824"/>
      <c r="H9" s="792"/>
    </row>
    <row r="10" spans="1:8" ht="23.25" customHeight="1" x14ac:dyDescent="0.2">
      <c r="A10" s="792"/>
      <c r="B10" s="3202"/>
      <c r="C10" s="792"/>
      <c r="D10" s="1136" t="s">
        <v>1894</v>
      </c>
      <c r="E10" s="1042"/>
      <c r="F10" s="1135"/>
      <c r="G10" s="824"/>
      <c r="H10" s="792"/>
    </row>
    <row r="11" spans="1:8" ht="40.5" customHeight="1" x14ac:dyDescent="0.2">
      <c r="A11" s="792"/>
      <c r="B11" s="3202"/>
      <c r="C11" s="792"/>
      <c r="D11" s="3198" t="s">
        <v>1884</v>
      </c>
      <c r="E11" s="3199"/>
      <c r="F11" s="3199"/>
      <c r="G11" s="824"/>
      <c r="H11" s="792"/>
    </row>
    <row r="12" spans="1:8" ht="4.5" customHeight="1" x14ac:dyDescent="0.2">
      <c r="A12" s="792"/>
      <c r="B12" s="3202"/>
      <c r="C12" s="792"/>
      <c r="D12" s="1137"/>
      <c r="E12" s="1137"/>
      <c r="F12" s="1137"/>
      <c r="G12" s="824"/>
      <c r="H12" s="792"/>
    </row>
    <row r="13" spans="1:8" ht="21.75" customHeight="1" x14ac:dyDescent="0.2">
      <c r="A13" s="792"/>
      <c r="B13" s="3202"/>
      <c r="C13" s="792"/>
      <c r="D13" s="1136" t="s">
        <v>1895</v>
      </c>
      <c r="E13" s="1042"/>
      <c r="F13" s="1135"/>
      <c r="G13" s="824"/>
      <c r="H13" s="792"/>
    </row>
    <row r="14" spans="1:8" ht="58.5" customHeight="1" x14ac:dyDescent="0.2">
      <c r="A14" s="792"/>
      <c r="B14" s="3202"/>
      <c r="C14" s="1078"/>
      <c r="D14" s="3203" t="s">
        <v>1896</v>
      </c>
      <c r="E14" s="3203"/>
      <c r="F14" s="3203"/>
      <c r="G14" s="1080"/>
      <c r="H14" s="792"/>
    </row>
    <row r="15" spans="1:8" ht="15.75" customHeight="1" x14ac:dyDescent="0.2">
      <c r="A15" s="792"/>
      <c r="B15" s="835"/>
      <c r="C15" s="792"/>
      <c r="D15" s="1138"/>
      <c r="E15" s="1138"/>
      <c r="F15" s="1138"/>
      <c r="G15" s="792"/>
      <c r="H15" s="792"/>
    </row>
    <row r="16" spans="1:8" ht="19.5" customHeight="1" x14ac:dyDescent="0.2">
      <c r="A16" s="792"/>
      <c r="B16" s="792" t="s">
        <v>204</v>
      </c>
      <c r="C16" s="792"/>
      <c r="D16" s="792"/>
      <c r="E16" s="792"/>
      <c r="F16" s="1138"/>
      <c r="G16" s="792"/>
      <c r="H16" s="792"/>
    </row>
    <row r="17" spans="1:8" ht="19.5" customHeight="1" x14ac:dyDescent="0.2">
      <c r="A17" s="792"/>
      <c r="B17" s="792" t="s">
        <v>1897</v>
      </c>
      <c r="C17" s="792"/>
      <c r="D17" s="792"/>
      <c r="E17" s="792"/>
      <c r="F17" s="792"/>
      <c r="G17" s="792"/>
      <c r="H17" s="792"/>
    </row>
  </sheetData>
  <mergeCells count="7">
    <mergeCell ref="F2:G2"/>
    <mergeCell ref="A4:G4"/>
    <mergeCell ref="C7:G7"/>
    <mergeCell ref="C8:G8"/>
    <mergeCell ref="B9:B14"/>
    <mergeCell ref="D11:F11"/>
    <mergeCell ref="D14:F14"/>
  </mergeCells>
  <phoneticPr fontId="6"/>
  <pageMargins left="0.7" right="0.7" top="0.75" bottom="0.75" header="0.3" footer="0.3"/>
  <pageSetup paperSize="9" scale="85" orientation="portrait" r:id="rId1"/>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B1:J33"/>
  <sheetViews>
    <sheetView view="pageBreakPreview" zoomScaleNormal="100" zoomScaleSheetLayoutView="100" workbookViewId="0">
      <selection activeCell="A3" sqref="A3:J3"/>
    </sheetView>
  </sheetViews>
  <sheetFormatPr defaultColWidth="9" defaultRowHeight="13.2" x14ac:dyDescent="0.2"/>
  <cols>
    <col min="1" max="1" width="1.109375" style="1139" customWidth="1"/>
    <col min="2" max="2" width="3" style="1139" customWidth="1"/>
    <col min="3" max="3" width="12" style="1139" customWidth="1"/>
    <col min="4" max="6" width="10.6640625" style="1139" customWidth="1"/>
    <col min="7" max="7" width="16.109375" style="1139" customWidth="1"/>
    <col min="8" max="8" width="17.88671875" style="1139" customWidth="1"/>
    <col min="9" max="9" width="2.109375" style="1139" customWidth="1"/>
    <col min="10" max="16384" width="9" style="1139"/>
  </cols>
  <sheetData>
    <row r="1" spans="2:10" x14ac:dyDescent="0.2">
      <c r="B1" s="253" t="s">
        <v>1898</v>
      </c>
      <c r="E1" s="3205"/>
      <c r="F1" s="3205"/>
      <c r="G1" s="3205"/>
      <c r="H1" s="3205"/>
      <c r="I1" s="3205"/>
    </row>
    <row r="2" spans="2:10" ht="22.5" customHeight="1" x14ac:dyDescent="0.2">
      <c r="B2" s="1049"/>
      <c r="C2" s="1049"/>
      <c r="D2" s="1049"/>
      <c r="E2" s="1049"/>
      <c r="F2" s="1049"/>
      <c r="G2" s="1377" t="s">
        <v>723</v>
      </c>
      <c r="H2" s="1377"/>
      <c r="I2" s="1049"/>
    </row>
    <row r="3" spans="2:10" ht="18" customHeight="1" x14ac:dyDescent="0.2">
      <c r="B3" s="1049"/>
      <c r="C3" s="1049"/>
      <c r="D3" s="1049"/>
      <c r="E3" s="1049"/>
      <c r="F3" s="1049"/>
      <c r="G3" s="1051"/>
      <c r="H3" s="1051"/>
      <c r="I3" s="1049"/>
    </row>
    <row r="4" spans="2:10" ht="16.2" x14ac:dyDescent="0.2">
      <c r="B4" s="3206" t="s">
        <v>1899</v>
      </c>
      <c r="C4" s="1378"/>
      <c r="D4" s="1378"/>
      <c r="E4" s="1378"/>
      <c r="F4" s="1378"/>
      <c r="G4" s="1378"/>
      <c r="H4" s="1378"/>
      <c r="I4" s="1053"/>
      <c r="J4" s="1140"/>
    </row>
    <row r="5" spans="2:10" ht="17.25" customHeight="1" x14ac:dyDescent="0.2">
      <c r="B5" s="1053"/>
      <c r="C5" s="1053"/>
      <c r="D5" s="1053"/>
      <c r="E5" s="1053"/>
      <c r="F5" s="1053"/>
      <c r="G5" s="1053"/>
      <c r="H5" s="1053"/>
      <c r="I5" s="1053"/>
      <c r="J5" s="1140"/>
    </row>
    <row r="6" spans="2:10" ht="31.5" customHeight="1" x14ac:dyDescent="0.2">
      <c r="B6" s="3145" t="s">
        <v>1900</v>
      </c>
      <c r="C6" s="3145"/>
      <c r="D6" s="3145"/>
      <c r="E6" s="3145"/>
      <c r="F6" s="3145"/>
      <c r="G6" s="3145"/>
      <c r="H6" s="3145"/>
      <c r="I6" s="1053"/>
      <c r="J6" s="1140"/>
    </row>
    <row r="7" spans="2:10" ht="31.5" customHeight="1" x14ac:dyDescent="0.2">
      <c r="B7" s="3077" t="s">
        <v>1790</v>
      </c>
      <c r="C7" s="3062"/>
      <c r="D7" s="3063"/>
      <c r="E7" s="3077" t="s">
        <v>1901</v>
      </c>
      <c r="F7" s="3062"/>
      <c r="G7" s="3062"/>
      <c r="H7" s="3063"/>
      <c r="I7" s="1053"/>
      <c r="J7" s="1140"/>
    </row>
    <row r="8" spans="2:10" ht="31.5" customHeight="1" x14ac:dyDescent="0.2">
      <c r="B8" s="3145" t="s">
        <v>150</v>
      </c>
      <c r="C8" s="3145"/>
      <c r="D8" s="3145"/>
      <c r="E8" s="3145" t="s">
        <v>1902</v>
      </c>
      <c r="F8" s="3145"/>
      <c r="G8" s="3145"/>
      <c r="H8" s="3145"/>
      <c r="I8" s="1053"/>
      <c r="J8" s="1140"/>
    </row>
    <row r="9" spans="2:10" ht="9" customHeight="1" x14ac:dyDescent="0.2">
      <c r="B9" s="1091"/>
      <c r="C9" s="1091"/>
      <c r="D9" s="1091"/>
      <c r="E9" s="1091"/>
      <c r="F9" s="1091"/>
      <c r="G9" s="1091"/>
      <c r="H9" s="1091"/>
      <c r="I9" s="1053"/>
      <c r="J9" s="1140"/>
    </row>
    <row r="10" spans="2:10" ht="30.9" customHeight="1" x14ac:dyDescent="0.2">
      <c r="B10" s="3207" t="s">
        <v>456</v>
      </c>
      <c r="C10" s="3208"/>
      <c r="D10" s="3208"/>
      <c r="E10" s="3208"/>
      <c r="F10" s="3208"/>
      <c r="G10" s="3208"/>
      <c r="H10" s="3209"/>
      <c r="I10" s="1049"/>
    </row>
    <row r="11" spans="2:10" ht="26.4" x14ac:dyDescent="0.2">
      <c r="B11" s="3204" t="s">
        <v>54</v>
      </c>
      <c r="C11" s="3204"/>
      <c r="D11" s="3204"/>
      <c r="E11" s="3204" t="s">
        <v>457</v>
      </c>
      <c r="F11" s="3204"/>
      <c r="G11" s="1141" t="s">
        <v>458</v>
      </c>
      <c r="H11" s="1142" t="s">
        <v>1903</v>
      </c>
      <c r="I11" s="1049"/>
    </row>
    <row r="12" spans="2:10" ht="22.5" customHeight="1" x14ac:dyDescent="0.2">
      <c r="B12" s="1141">
        <v>1</v>
      </c>
      <c r="C12" s="3204"/>
      <c r="D12" s="3204"/>
      <c r="E12" s="3204"/>
      <c r="F12" s="3204"/>
      <c r="G12" s="1141"/>
      <c r="H12" s="1141" t="s">
        <v>1904</v>
      </c>
      <c r="I12" s="1049"/>
    </row>
    <row r="13" spans="2:10" ht="22.5" customHeight="1" x14ac:dyDescent="0.2">
      <c r="B13" s="1141"/>
      <c r="C13" s="3204"/>
      <c r="D13" s="3204"/>
      <c r="E13" s="3204"/>
      <c r="F13" s="3204"/>
      <c r="G13" s="1141"/>
      <c r="H13" s="1141" t="s">
        <v>1904</v>
      </c>
      <c r="I13" s="1049"/>
    </row>
    <row r="14" spans="2:10" ht="22.5" customHeight="1" x14ac:dyDescent="0.2">
      <c r="B14" s="1141"/>
      <c r="C14" s="3204"/>
      <c r="D14" s="3204"/>
      <c r="E14" s="3204"/>
      <c r="F14" s="3204"/>
      <c r="G14" s="1141"/>
      <c r="H14" s="1141" t="s">
        <v>1904</v>
      </c>
      <c r="I14" s="1049"/>
    </row>
    <row r="15" spans="2:10" ht="24" customHeight="1" x14ac:dyDescent="0.2">
      <c r="B15" s="1053"/>
      <c r="C15" s="1053"/>
      <c r="D15" s="1053"/>
      <c r="E15" s="1053"/>
      <c r="F15" s="1053"/>
      <c r="G15" s="1053"/>
      <c r="H15" s="1141" t="s">
        <v>1905</v>
      </c>
      <c r="I15" s="1049" t="s">
        <v>1414</v>
      </c>
    </row>
    <row r="16" spans="2:10" ht="11.25" customHeight="1" x14ac:dyDescent="0.2">
      <c r="B16" s="1053"/>
      <c r="C16" s="1053"/>
      <c r="D16" s="1053"/>
      <c r="E16" s="1053"/>
      <c r="F16" s="1053"/>
      <c r="G16" s="1053"/>
      <c r="H16" s="1143"/>
      <c r="I16" s="1049"/>
    </row>
    <row r="17" spans="2:9" ht="26.4" x14ac:dyDescent="0.2">
      <c r="B17" s="3204" t="s">
        <v>54</v>
      </c>
      <c r="C17" s="3204"/>
      <c r="D17" s="3204"/>
      <c r="E17" s="3204" t="s">
        <v>457</v>
      </c>
      <c r="F17" s="3204"/>
      <c r="G17" s="1141" t="s">
        <v>458</v>
      </c>
      <c r="H17" s="1142" t="s">
        <v>1903</v>
      </c>
      <c r="I17" s="1049"/>
    </row>
    <row r="18" spans="2:9" ht="22.5" customHeight="1" x14ac:dyDescent="0.2">
      <c r="B18" s="1141">
        <v>2</v>
      </c>
      <c r="C18" s="3204"/>
      <c r="D18" s="3204"/>
      <c r="E18" s="3204"/>
      <c r="F18" s="3204"/>
      <c r="G18" s="1141"/>
      <c r="H18" s="1141" t="s">
        <v>1904</v>
      </c>
      <c r="I18" s="1049"/>
    </row>
    <row r="19" spans="2:9" ht="22.5" customHeight="1" x14ac:dyDescent="0.2">
      <c r="B19" s="1141"/>
      <c r="C19" s="3204"/>
      <c r="D19" s="3204"/>
      <c r="E19" s="3204"/>
      <c r="F19" s="3204"/>
      <c r="G19" s="1141"/>
      <c r="H19" s="1141" t="s">
        <v>1904</v>
      </c>
      <c r="I19" s="1049"/>
    </row>
    <row r="20" spans="2:9" ht="22.5" customHeight="1" x14ac:dyDescent="0.2">
      <c r="B20" s="1141"/>
      <c r="C20" s="3204"/>
      <c r="D20" s="3204"/>
      <c r="E20" s="3204"/>
      <c r="F20" s="3204"/>
      <c r="G20" s="1141"/>
      <c r="H20" s="1141" t="s">
        <v>1904</v>
      </c>
      <c r="I20" s="1049"/>
    </row>
    <row r="21" spans="2:9" ht="24" customHeight="1" x14ac:dyDescent="0.2">
      <c r="B21" s="1144"/>
      <c r="C21" s="1144"/>
      <c r="D21" s="1144"/>
      <c r="E21" s="1144"/>
      <c r="F21" s="1144"/>
      <c r="G21" s="1145"/>
      <c r="H21" s="1141" t="s">
        <v>1905</v>
      </c>
      <c r="I21" s="1049"/>
    </row>
    <row r="22" spans="2:9" ht="12" customHeight="1" x14ac:dyDescent="0.2">
      <c r="B22" s="1053"/>
      <c r="C22" s="1053"/>
      <c r="D22" s="1053"/>
      <c r="E22" s="1053"/>
      <c r="F22" s="1053"/>
      <c r="G22" s="1053"/>
      <c r="H22" s="1143"/>
      <c r="I22" s="1049"/>
    </row>
    <row r="23" spans="2:9" ht="26.4" x14ac:dyDescent="0.2">
      <c r="B23" s="3204" t="s">
        <v>54</v>
      </c>
      <c r="C23" s="3204"/>
      <c r="D23" s="3204"/>
      <c r="E23" s="3204" t="s">
        <v>457</v>
      </c>
      <c r="F23" s="3204"/>
      <c r="G23" s="1141" t="s">
        <v>458</v>
      </c>
      <c r="H23" s="1142" t="s">
        <v>1903</v>
      </c>
      <c r="I23" s="1049"/>
    </row>
    <row r="24" spans="2:9" ht="22.5" customHeight="1" x14ac:dyDescent="0.2">
      <c r="B24" s="1141">
        <v>3</v>
      </c>
      <c r="C24" s="3204"/>
      <c r="D24" s="3204"/>
      <c r="E24" s="3204"/>
      <c r="F24" s="3204"/>
      <c r="G24" s="1141"/>
      <c r="H24" s="1141" t="s">
        <v>1904</v>
      </c>
      <c r="I24" s="1049"/>
    </row>
    <row r="25" spans="2:9" ht="22.5" customHeight="1" x14ac:dyDescent="0.2">
      <c r="B25" s="1141"/>
      <c r="C25" s="3204"/>
      <c r="D25" s="3204"/>
      <c r="G25" s="1141"/>
      <c r="H25" s="1141" t="s">
        <v>1904</v>
      </c>
      <c r="I25" s="1049"/>
    </row>
    <row r="26" spans="2:9" ht="22.5" customHeight="1" x14ac:dyDescent="0.2">
      <c r="B26" s="1141"/>
      <c r="C26" s="3204"/>
      <c r="D26" s="3204"/>
      <c r="E26" s="3204"/>
      <c r="F26" s="3204"/>
      <c r="G26" s="1141"/>
      <c r="H26" s="1141" t="s">
        <v>1904</v>
      </c>
      <c r="I26" s="1049"/>
    </row>
    <row r="27" spans="2:9" ht="24" customHeight="1" x14ac:dyDescent="0.2">
      <c r="B27" s="1053"/>
      <c r="C27" s="3212"/>
      <c r="D27" s="3212"/>
      <c r="E27" s="3212"/>
      <c r="F27" s="3212"/>
      <c r="G27" s="1053"/>
      <c r="H27" s="1141" t="s">
        <v>1905</v>
      </c>
      <c r="I27" s="1049"/>
    </row>
    <row r="28" spans="2:9" ht="14.1" customHeight="1" x14ac:dyDescent="0.2">
      <c r="B28" s="1049"/>
      <c r="C28" s="1049"/>
      <c r="D28" s="1049"/>
      <c r="E28" s="1049"/>
      <c r="F28" s="1049"/>
      <c r="G28" s="1049"/>
      <c r="H28" s="1049"/>
      <c r="I28" s="1049"/>
    </row>
    <row r="29" spans="2:9" s="56" customFormat="1" ht="33" customHeight="1" x14ac:dyDescent="0.2">
      <c r="B29" s="3093" t="s">
        <v>1906</v>
      </c>
      <c r="C29" s="3093"/>
      <c r="D29" s="3093"/>
      <c r="E29" s="3093"/>
      <c r="F29" s="3093"/>
      <c r="G29" s="3093"/>
      <c r="H29" s="3093"/>
      <c r="I29" s="3093"/>
    </row>
    <row r="30" spans="2:9" ht="35.25" customHeight="1" x14ac:dyDescent="0.2">
      <c r="B30" s="1386" t="s">
        <v>1907</v>
      </c>
      <c r="C30" s="3213"/>
      <c r="D30" s="3213"/>
      <c r="E30" s="3213"/>
      <c r="F30" s="3213"/>
      <c r="G30" s="3213"/>
      <c r="H30" s="3213"/>
      <c r="I30" s="1146"/>
    </row>
    <row r="31" spans="2:9" ht="48" customHeight="1" x14ac:dyDescent="0.2">
      <c r="B31" s="1386" t="s">
        <v>1908</v>
      </c>
      <c r="C31" s="1386"/>
      <c r="D31" s="1386"/>
      <c r="E31" s="1386"/>
      <c r="F31" s="1386"/>
      <c r="G31" s="1386"/>
      <c r="H31" s="1386"/>
      <c r="I31" s="1386"/>
    </row>
    <row r="32" spans="2:9" ht="30" customHeight="1" x14ac:dyDescent="0.2">
      <c r="B32" s="3210" t="s">
        <v>1909</v>
      </c>
      <c r="C32" s="3211"/>
      <c r="D32" s="3211"/>
      <c r="E32" s="3211"/>
      <c r="F32" s="3211"/>
      <c r="G32" s="3211"/>
      <c r="H32" s="3211"/>
      <c r="I32" s="3211"/>
    </row>
    <row r="33" ht="13.5" customHeight="1" x14ac:dyDescent="0.2"/>
  </sheetData>
  <mergeCells count="39">
    <mergeCell ref="B32:I32"/>
    <mergeCell ref="B23:D23"/>
    <mergeCell ref="E23:F23"/>
    <mergeCell ref="C24:D24"/>
    <mergeCell ref="E24:F24"/>
    <mergeCell ref="C25:D25"/>
    <mergeCell ref="C26:D26"/>
    <mergeCell ref="E26:F26"/>
    <mergeCell ref="C27:D27"/>
    <mergeCell ref="E27:F27"/>
    <mergeCell ref="B29:I29"/>
    <mergeCell ref="B30:H30"/>
    <mergeCell ref="B31:I31"/>
    <mergeCell ref="C18:D18"/>
    <mergeCell ref="E18:F18"/>
    <mergeCell ref="C19:D19"/>
    <mergeCell ref="E19:F19"/>
    <mergeCell ref="C20:D20"/>
    <mergeCell ref="E20:F20"/>
    <mergeCell ref="C13:D13"/>
    <mergeCell ref="E13:F13"/>
    <mergeCell ref="C14:D14"/>
    <mergeCell ref="E14:F14"/>
    <mergeCell ref="B17:D17"/>
    <mergeCell ref="E17:F17"/>
    <mergeCell ref="C12:D12"/>
    <mergeCell ref="E12:F12"/>
    <mergeCell ref="E1:I1"/>
    <mergeCell ref="G2:H2"/>
    <mergeCell ref="B4:H4"/>
    <mergeCell ref="B6:D6"/>
    <mergeCell ref="E6:H6"/>
    <mergeCell ref="B7:D7"/>
    <mergeCell ref="E7:H7"/>
    <mergeCell ref="B8:D8"/>
    <mergeCell ref="E8:H8"/>
    <mergeCell ref="B10:H10"/>
    <mergeCell ref="B11:D11"/>
    <mergeCell ref="E11:F11"/>
  </mergeCells>
  <phoneticPr fontId="6"/>
  <pageMargins left="0.7" right="0.7" top="0.75" bottom="0.75" header="0.3" footer="0.3"/>
  <pageSetup paperSize="9" scale="96"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M50"/>
  <sheetViews>
    <sheetView view="pageBreakPreview" topLeftCell="A31" zoomScaleSheetLayoutView="100" workbookViewId="0">
      <selection activeCell="AO41" sqref="AO41"/>
    </sheetView>
  </sheetViews>
  <sheetFormatPr defaultColWidth="9.88671875" defaultRowHeight="21" customHeight="1" x14ac:dyDescent="0.2"/>
  <cols>
    <col min="1" max="1" width="9" style="723" customWidth="1"/>
    <col min="2" max="23" width="3" style="723" customWidth="1"/>
    <col min="24" max="24" width="6.33203125" style="723" customWidth="1"/>
    <col min="25" max="25" width="5" style="723" customWidth="1"/>
    <col min="26" max="37" width="3" style="723" customWidth="1"/>
    <col min="38" max="38" width="2.88671875" style="723" customWidth="1"/>
    <col min="39" max="39" width="10.33203125" style="723" customWidth="1"/>
    <col min="40" max="40" width="2.88671875" style="723" customWidth="1"/>
    <col min="41" max="16384" width="9.88671875" style="723"/>
  </cols>
  <sheetData>
    <row r="1" spans="1:39" ht="20.100000000000001" customHeight="1" x14ac:dyDescent="0.2">
      <c r="B1" s="496" t="s">
        <v>1266</v>
      </c>
      <c r="C1" s="748"/>
      <c r="D1" s="748"/>
      <c r="E1" s="748"/>
    </row>
    <row r="2" spans="1:39" ht="20.100000000000001" customHeight="1" x14ac:dyDescent="0.2">
      <c r="AA2" s="1395" t="s">
        <v>1220</v>
      </c>
      <c r="AB2" s="1395"/>
      <c r="AC2" s="1395"/>
      <c r="AD2" s="1395"/>
      <c r="AE2" s="1395"/>
      <c r="AF2" s="1395"/>
      <c r="AG2" s="1395"/>
      <c r="AH2" s="1395"/>
      <c r="AI2" s="1395"/>
      <c r="AJ2" s="1395"/>
    </row>
    <row r="3" spans="1:39" ht="20.100000000000001" customHeight="1" x14ac:dyDescent="0.2"/>
    <row r="4" spans="1:39" ht="20.100000000000001" customHeight="1" x14ac:dyDescent="0.2">
      <c r="A4" s="724"/>
      <c r="B4" s="1396" t="s">
        <v>1253</v>
      </c>
      <c r="C4" s="1396"/>
      <c r="D4" s="1396"/>
      <c r="E4" s="1396"/>
      <c r="F4" s="1396"/>
      <c r="G4" s="1396"/>
      <c r="H4" s="1396"/>
      <c r="I4" s="1396"/>
      <c r="J4" s="1396"/>
      <c r="K4" s="1396"/>
      <c r="L4" s="1396"/>
      <c r="M4" s="1396"/>
      <c r="N4" s="1396"/>
      <c r="O4" s="1396"/>
      <c r="P4" s="1396"/>
      <c r="Q4" s="1396"/>
      <c r="R4" s="1396"/>
      <c r="S4" s="1396"/>
      <c r="T4" s="1396"/>
      <c r="U4" s="1396"/>
      <c r="V4" s="1396"/>
      <c r="W4" s="1396"/>
      <c r="X4" s="1396"/>
      <c r="Y4" s="1396"/>
      <c r="Z4" s="1396"/>
      <c r="AA4" s="1396"/>
      <c r="AB4" s="1396"/>
      <c r="AC4" s="1396"/>
      <c r="AD4" s="1396"/>
      <c r="AE4" s="1396"/>
      <c r="AF4" s="1396"/>
      <c r="AG4" s="1396"/>
      <c r="AH4" s="1396"/>
      <c r="AI4" s="1396"/>
      <c r="AJ4" s="1396"/>
      <c r="AK4" s="724"/>
    </row>
    <row r="5" spans="1:39" s="743" customFormat="1" ht="20.100000000000001" customHeight="1" x14ac:dyDescent="0.2">
      <c r="A5" s="725"/>
      <c r="B5" s="725"/>
      <c r="C5" s="725"/>
      <c r="D5" s="725"/>
      <c r="E5" s="725"/>
      <c r="F5" s="725"/>
      <c r="G5" s="725"/>
      <c r="H5" s="725"/>
      <c r="I5" s="726"/>
      <c r="J5" s="726"/>
      <c r="K5" s="726"/>
      <c r="L5" s="726"/>
      <c r="M5" s="726"/>
      <c r="N5" s="726"/>
      <c r="O5" s="726"/>
      <c r="P5" s="726"/>
      <c r="Q5" s="726"/>
      <c r="R5" s="726"/>
      <c r="S5" s="726"/>
      <c r="T5" s="726"/>
      <c r="U5" s="726"/>
      <c r="V5" s="726"/>
      <c r="W5" s="726"/>
      <c r="X5" s="726"/>
      <c r="Y5" s="726"/>
      <c r="Z5" s="726"/>
      <c r="AA5" s="726"/>
      <c r="AB5" s="726"/>
      <c r="AC5" s="726"/>
      <c r="AD5" s="726"/>
      <c r="AE5" s="726"/>
      <c r="AF5" s="726"/>
      <c r="AG5" s="726"/>
      <c r="AH5" s="726"/>
      <c r="AI5" s="726"/>
      <c r="AJ5" s="726"/>
      <c r="AK5" s="726"/>
    </row>
    <row r="6" spans="1:39" s="743" customFormat="1" ht="29.25" customHeight="1" x14ac:dyDescent="0.2">
      <c r="A6" s="725"/>
      <c r="B6" s="1397" t="s">
        <v>1222</v>
      </c>
      <c r="C6" s="1397"/>
      <c r="D6" s="1397"/>
      <c r="E6" s="1397"/>
      <c r="F6" s="1397"/>
      <c r="G6" s="1397"/>
      <c r="H6" s="1397"/>
      <c r="I6" s="1397"/>
      <c r="J6" s="1397"/>
      <c r="K6" s="1397"/>
      <c r="L6" s="1398"/>
      <c r="M6" s="1398"/>
      <c r="N6" s="1398"/>
      <c r="O6" s="1398"/>
      <c r="P6" s="1398"/>
      <c r="Q6" s="1398"/>
      <c r="R6" s="1398"/>
      <c r="S6" s="1398"/>
      <c r="T6" s="1398"/>
      <c r="U6" s="1398"/>
      <c r="V6" s="1398"/>
      <c r="W6" s="1398"/>
      <c r="X6" s="1398"/>
      <c r="Y6" s="1398"/>
      <c r="Z6" s="1398"/>
      <c r="AA6" s="1398"/>
      <c r="AB6" s="1398"/>
      <c r="AC6" s="1398"/>
      <c r="AD6" s="1398"/>
      <c r="AE6" s="1398"/>
      <c r="AF6" s="1398"/>
      <c r="AG6" s="1398"/>
      <c r="AH6" s="1398"/>
      <c r="AI6" s="1398"/>
      <c r="AJ6" s="1398"/>
      <c r="AK6" s="726"/>
    </row>
    <row r="7" spans="1:39" s="743" customFormat="1" ht="31.5" customHeight="1" x14ac:dyDescent="0.2">
      <c r="A7" s="725"/>
      <c r="B7" s="1397" t="s">
        <v>1223</v>
      </c>
      <c r="C7" s="1397"/>
      <c r="D7" s="1397"/>
      <c r="E7" s="1397"/>
      <c r="F7" s="1397"/>
      <c r="G7" s="1397"/>
      <c r="H7" s="1397"/>
      <c r="I7" s="1397"/>
      <c r="J7" s="1397"/>
      <c r="K7" s="1397"/>
      <c r="L7" s="1399"/>
      <c r="M7" s="1399"/>
      <c r="N7" s="1399"/>
      <c r="O7" s="1399"/>
      <c r="P7" s="1399"/>
      <c r="Q7" s="1399"/>
      <c r="R7" s="1399"/>
      <c r="S7" s="1399"/>
      <c r="T7" s="1399"/>
      <c r="U7" s="1399"/>
      <c r="V7" s="1399"/>
      <c r="W7" s="1399"/>
      <c r="X7" s="1399"/>
      <c r="Y7" s="1399"/>
      <c r="Z7" s="1400" t="s">
        <v>1254</v>
      </c>
      <c r="AA7" s="1400"/>
      <c r="AB7" s="1400"/>
      <c r="AC7" s="1400"/>
      <c r="AD7" s="1400"/>
      <c r="AE7" s="1400"/>
      <c r="AF7" s="1400"/>
      <c r="AG7" s="1401" t="s">
        <v>1255</v>
      </c>
      <c r="AH7" s="1401"/>
      <c r="AI7" s="1401"/>
      <c r="AJ7" s="1401"/>
      <c r="AK7" s="726"/>
    </row>
    <row r="8" spans="1:39" s="743" customFormat="1" ht="29.25" customHeight="1" x14ac:dyDescent="0.2">
      <c r="A8" s="726"/>
      <c r="B8" s="1402" t="s">
        <v>1226</v>
      </c>
      <c r="C8" s="1402"/>
      <c r="D8" s="1402"/>
      <c r="E8" s="1402"/>
      <c r="F8" s="1402"/>
      <c r="G8" s="1402"/>
      <c r="H8" s="1402"/>
      <c r="I8" s="1402"/>
      <c r="J8" s="1402"/>
      <c r="K8" s="1402"/>
      <c r="L8" s="1398" t="s">
        <v>1256</v>
      </c>
      <c r="M8" s="1398"/>
      <c r="N8" s="1398"/>
      <c r="O8" s="1398"/>
      <c r="P8" s="1398"/>
      <c r="Q8" s="1398"/>
      <c r="R8" s="1398"/>
      <c r="S8" s="1398"/>
      <c r="T8" s="1398"/>
      <c r="U8" s="1398"/>
      <c r="V8" s="1398"/>
      <c r="W8" s="1398"/>
      <c r="X8" s="1398"/>
      <c r="Y8" s="1398"/>
      <c r="Z8" s="1398"/>
      <c r="AA8" s="1398"/>
      <c r="AB8" s="1398"/>
      <c r="AC8" s="1398"/>
      <c r="AD8" s="1398"/>
      <c r="AE8" s="1398"/>
      <c r="AF8" s="1398"/>
      <c r="AG8" s="1398"/>
      <c r="AH8" s="1398"/>
      <c r="AI8" s="1398"/>
      <c r="AJ8" s="1398"/>
      <c r="AK8" s="726"/>
    </row>
    <row r="9" spans="1:39" ht="9.75" customHeight="1" x14ac:dyDescent="0.2">
      <c r="A9" s="724"/>
      <c r="B9" s="724"/>
      <c r="C9" s="724"/>
      <c r="D9" s="724"/>
      <c r="E9" s="724"/>
      <c r="F9" s="724"/>
      <c r="G9" s="724"/>
      <c r="H9" s="724"/>
      <c r="I9" s="724"/>
      <c r="J9" s="724"/>
      <c r="K9" s="724"/>
      <c r="L9" s="724"/>
      <c r="M9" s="724"/>
      <c r="N9" s="724"/>
      <c r="O9" s="724"/>
      <c r="P9" s="724"/>
      <c r="Q9" s="724"/>
      <c r="R9" s="724"/>
      <c r="S9" s="724"/>
      <c r="T9" s="724"/>
      <c r="U9" s="724"/>
      <c r="V9" s="724"/>
      <c r="W9" s="724"/>
      <c r="X9" s="724"/>
      <c r="Y9" s="724"/>
      <c r="Z9" s="724"/>
      <c r="AA9" s="724"/>
      <c r="AB9" s="724"/>
      <c r="AC9" s="724"/>
      <c r="AD9" s="724"/>
      <c r="AE9" s="724"/>
      <c r="AF9" s="724"/>
      <c r="AG9" s="724"/>
      <c r="AH9" s="724"/>
      <c r="AI9" s="724"/>
      <c r="AJ9" s="724"/>
      <c r="AK9" s="724"/>
    </row>
    <row r="10" spans="1:39" ht="21" customHeight="1" x14ac:dyDescent="0.2">
      <c r="A10" s="724"/>
      <c r="B10" s="1403" t="s">
        <v>1228</v>
      </c>
      <c r="C10" s="1403"/>
      <c r="D10" s="1403"/>
      <c r="E10" s="1403"/>
      <c r="F10" s="1403"/>
      <c r="G10" s="1403"/>
      <c r="H10" s="1403"/>
      <c r="I10" s="1403"/>
      <c r="J10" s="1403"/>
      <c r="K10" s="1403"/>
      <c r="L10" s="1403"/>
      <c r="M10" s="1403"/>
      <c r="N10" s="1403"/>
      <c r="O10" s="1403"/>
      <c r="P10" s="1403"/>
      <c r="Q10" s="1403"/>
      <c r="R10" s="1403"/>
      <c r="S10" s="1403"/>
      <c r="T10" s="1403"/>
      <c r="U10" s="1403"/>
      <c r="V10" s="1403"/>
      <c r="W10" s="1403"/>
      <c r="X10" s="1403"/>
      <c r="Y10" s="1403"/>
      <c r="Z10" s="1403"/>
      <c r="AA10" s="1403"/>
      <c r="AB10" s="1403"/>
      <c r="AC10" s="1403"/>
      <c r="AD10" s="1403"/>
      <c r="AE10" s="1403"/>
      <c r="AF10" s="1403"/>
      <c r="AG10" s="1403"/>
      <c r="AH10" s="1403"/>
      <c r="AI10" s="1403"/>
      <c r="AJ10" s="1403"/>
      <c r="AK10" s="724"/>
    </row>
    <row r="11" spans="1:39" ht="21" customHeight="1" x14ac:dyDescent="0.2">
      <c r="A11" s="724"/>
      <c r="B11" s="1404" t="s">
        <v>1257</v>
      </c>
      <c r="C11" s="1404"/>
      <c r="D11" s="1404"/>
      <c r="E11" s="1404"/>
      <c r="F11" s="1404"/>
      <c r="G11" s="1404"/>
      <c r="H11" s="1404"/>
      <c r="I11" s="1404"/>
      <c r="J11" s="1404"/>
      <c r="K11" s="1404"/>
      <c r="L11" s="1404"/>
      <c r="M11" s="1404"/>
      <c r="N11" s="1404"/>
      <c r="O11" s="1404"/>
      <c r="P11" s="1404"/>
      <c r="Q11" s="1404"/>
      <c r="R11" s="1404"/>
      <c r="S11" s="1405"/>
      <c r="T11" s="1405"/>
      <c r="U11" s="1405"/>
      <c r="V11" s="1405"/>
      <c r="W11" s="1405"/>
      <c r="X11" s="1405"/>
      <c r="Y11" s="1405"/>
      <c r="Z11" s="1405"/>
      <c r="AA11" s="1405"/>
      <c r="AB11" s="1405"/>
      <c r="AC11" s="727" t="s">
        <v>1230</v>
      </c>
      <c r="AD11" s="728"/>
      <c r="AE11" s="1406"/>
      <c r="AF11" s="1406"/>
      <c r="AG11" s="1406"/>
      <c r="AH11" s="1406"/>
      <c r="AI11" s="1406"/>
      <c r="AJ11" s="1406"/>
      <c r="AK11" s="724"/>
      <c r="AM11" s="744"/>
    </row>
    <row r="12" spans="1:39" ht="21" customHeight="1" thickBot="1" x14ac:dyDescent="0.25">
      <c r="A12" s="724"/>
      <c r="B12" s="730"/>
      <c r="C12" s="1407" t="s">
        <v>1258</v>
      </c>
      <c r="D12" s="1407"/>
      <c r="E12" s="1407"/>
      <c r="F12" s="1407"/>
      <c r="G12" s="1407"/>
      <c r="H12" s="1407"/>
      <c r="I12" s="1407"/>
      <c r="J12" s="1407"/>
      <c r="K12" s="1407"/>
      <c r="L12" s="1407"/>
      <c r="M12" s="1407"/>
      <c r="N12" s="1407"/>
      <c r="O12" s="1407"/>
      <c r="P12" s="1407"/>
      <c r="Q12" s="1407"/>
      <c r="R12" s="1407"/>
      <c r="S12" s="1408">
        <f>ROUNDUP(S11*30%,1)</f>
        <v>0</v>
      </c>
      <c r="T12" s="1408"/>
      <c r="U12" s="1408"/>
      <c r="V12" s="1408"/>
      <c r="W12" s="1408"/>
      <c r="X12" s="1408"/>
      <c r="Y12" s="1408"/>
      <c r="Z12" s="1408"/>
      <c r="AA12" s="1408"/>
      <c r="AB12" s="1408"/>
      <c r="AC12" s="731" t="s">
        <v>1230</v>
      </c>
      <c r="AD12" s="731"/>
      <c r="AE12" s="1409"/>
      <c r="AF12" s="1409"/>
      <c r="AG12" s="1409"/>
      <c r="AH12" s="1409"/>
      <c r="AI12" s="1409"/>
      <c r="AJ12" s="1409"/>
      <c r="AK12" s="724"/>
    </row>
    <row r="13" spans="1:39" ht="21" customHeight="1" thickTop="1" x14ac:dyDescent="0.2">
      <c r="A13" s="724"/>
      <c r="B13" s="1410" t="s">
        <v>1259</v>
      </c>
      <c r="C13" s="1410"/>
      <c r="D13" s="1410"/>
      <c r="E13" s="1410"/>
      <c r="F13" s="1410"/>
      <c r="G13" s="1410"/>
      <c r="H13" s="1410"/>
      <c r="I13" s="1410"/>
      <c r="J13" s="1410"/>
      <c r="K13" s="1410"/>
      <c r="L13" s="1410"/>
      <c r="M13" s="1410"/>
      <c r="N13" s="1410"/>
      <c r="O13" s="1410"/>
      <c r="P13" s="1410"/>
      <c r="Q13" s="1410"/>
      <c r="R13" s="1410"/>
      <c r="S13" s="1411" t="e">
        <f>ROUNDUP(AE25/L25,1)</f>
        <v>#DIV/0!</v>
      </c>
      <c r="T13" s="1411"/>
      <c r="U13" s="1411"/>
      <c r="V13" s="1411"/>
      <c r="W13" s="1411"/>
      <c r="X13" s="1411"/>
      <c r="Y13" s="1411"/>
      <c r="Z13" s="1411"/>
      <c r="AA13" s="1411"/>
      <c r="AB13" s="1411"/>
      <c r="AC13" s="732" t="s">
        <v>1230</v>
      </c>
      <c r="AD13" s="732"/>
      <c r="AE13" s="1412" t="s">
        <v>1260</v>
      </c>
      <c r="AF13" s="1412"/>
      <c r="AG13" s="1412"/>
      <c r="AH13" s="1412"/>
      <c r="AI13" s="1412"/>
      <c r="AJ13" s="1412"/>
      <c r="AK13" s="724"/>
    </row>
    <row r="14" spans="1:39" ht="21" customHeight="1" x14ac:dyDescent="0.2">
      <c r="A14" s="724"/>
      <c r="B14" s="1413" t="s">
        <v>1234</v>
      </c>
      <c r="C14" s="1413"/>
      <c r="D14" s="1413"/>
      <c r="E14" s="1413"/>
      <c r="F14" s="1413"/>
      <c r="G14" s="1413"/>
      <c r="H14" s="1413"/>
      <c r="I14" s="1413"/>
      <c r="J14" s="1413"/>
      <c r="K14" s="1413"/>
      <c r="L14" s="1413" t="s">
        <v>1235</v>
      </c>
      <c r="M14" s="1413"/>
      <c r="N14" s="1413"/>
      <c r="O14" s="1413"/>
      <c r="P14" s="1413"/>
      <c r="Q14" s="1413"/>
      <c r="R14" s="1413"/>
      <c r="S14" s="1413"/>
      <c r="T14" s="1413"/>
      <c r="U14" s="1413"/>
      <c r="V14" s="1413"/>
      <c r="W14" s="1413"/>
      <c r="X14" s="1413"/>
      <c r="Y14" s="1413" t="s">
        <v>1236</v>
      </c>
      <c r="Z14" s="1413"/>
      <c r="AA14" s="1413"/>
      <c r="AB14" s="1413"/>
      <c r="AC14" s="1413"/>
      <c r="AD14" s="1413"/>
      <c r="AE14" s="1413" t="s">
        <v>1237</v>
      </c>
      <c r="AF14" s="1413"/>
      <c r="AG14" s="1413"/>
      <c r="AH14" s="1413"/>
      <c r="AI14" s="1413"/>
      <c r="AJ14" s="1413"/>
      <c r="AK14" s="724"/>
    </row>
    <row r="15" spans="1:39" ht="21" customHeight="1" x14ac:dyDescent="0.2">
      <c r="A15" s="724"/>
      <c r="B15" s="733">
        <v>1</v>
      </c>
      <c r="C15" s="1414"/>
      <c r="D15" s="1414"/>
      <c r="E15" s="1414"/>
      <c r="F15" s="1414"/>
      <c r="G15" s="1414"/>
      <c r="H15" s="1414"/>
      <c r="I15" s="1414"/>
      <c r="J15" s="1414"/>
      <c r="K15" s="1414"/>
      <c r="L15" s="1414"/>
      <c r="M15" s="1414"/>
      <c r="N15" s="1414"/>
      <c r="O15" s="1414"/>
      <c r="P15" s="1414"/>
      <c r="Q15" s="1414"/>
      <c r="R15" s="1414"/>
      <c r="S15" s="1414"/>
      <c r="T15" s="1414"/>
      <c r="U15" s="1414"/>
      <c r="V15" s="1414"/>
      <c r="W15" s="1414"/>
      <c r="X15" s="1414"/>
      <c r="Y15" s="1414"/>
      <c r="Z15" s="1414"/>
      <c r="AA15" s="1414"/>
      <c r="AB15" s="1414"/>
      <c r="AC15" s="1414"/>
      <c r="AD15" s="1414"/>
      <c r="AE15" s="1414"/>
      <c r="AF15" s="1414"/>
      <c r="AG15" s="1414"/>
      <c r="AH15" s="1414"/>
      <c r="AI15" s="1414"/>
      <c r="AJ15" s="1414"/>
      <c r="AK15" s="724"/>
    </row>
    <row r="16" spans="1:39" ht="21" customHeight="1" x14ac:dyDescent="0.2">
      <c r="A16" s="724"/>
      <c r="B16" s="733">
        <v>2</v>
      </c>
      <c r="C16" s="1414"/>
      <c r="D16" s="1414"/>
      <c r="E16" s="1414"/>
      <c r="F16" s="1414"/>
      <c r="G16" s="1414"/>
      <c r="H16" s="1414"/>
      <c r="I16" s="1414"/>
      <c r="J16" s="1414"/>
      <c r="K16" s="1414"/>
      <c r="L16" s="1414"/>
      <c r="M16" s="1414"/>
      <c r="N16" s="1414"/>
      <c r="O16" s="1414"/>
      <c r="P16" s="1414"/>
      <c r="Q16" s="1414"/>
      <c r="R16" s="1414"/>
      <c r="S16" s="1414"/>
      <c r="T16" s="1414"/>
      <c r="U16" s="1414"/>
      <c r="V16" s="1414"/>
      <c r="W16" s="1414"/>
      <c r="X16" s="1414"/>
      <c r="Y16" s="1414"/>
      <c r="Z16" s="1414"/>
      <c r="AA16" s="1414"/>
      <c r="AB16" s="1414"/>
      <c r="AC16" s="1414"/>
      <c r="AD16" s="1414"/>
      <c r="AE16" s="1414"/>
      <c r="AF16" s="1414"/>
      <c r="AG16" s="1414"/>
      <c r="AH16" s="1414"/>
      <c r="AI16" s="1414"/>
      <c r="AJ16" s="1414"/>
      <c r="AK16" s="724"/>
    </row>
    <row r="17" spans="1:37" ht="21" customHeight="1" x14ac:dyDescent="0.2">
      <c r="A17" s="724"/>
      <c r="B17" s="733">
        <v>3</v>
      </c>
      <c r="C17" s="1414"/>
      <c r="D17" s="1414"/>
      <c r="E17" s="1414"/>
      <c r="F17" s="1414"/>
      <c r="G17" s="1414"/>
      <c r="H17" s="1414"/>
      <c r="I17" s="1414"/>
      <c r="J17" s="1414"/>
      <c r="K17" s="1414"/>
      <c r="L17" s="1414"/>
      <c r="M17" s="1414"/>
      <c r="N17" s="1414"/>
      <c r="O17" s="1414"/>
      <c r="P17" s="1414"/>
      <c r="Q17" s="1414"/>
      <c r="R17" s="1414"/>
      <c r="S17" s="1414"/>
      <c r="T17" s="1414"/>
      <c r="U17" s="1414"/>
      <c r="V17" s="1414"/>
      <c r="W17" s="1414"/>
      <c r="X17" s="1414"/>
      <c r="Y17" s="1414"/>
      <c r="Z17" s="1414"/>
      <c r="AA17" s="1414"/>
      <c r="AB17" s="1414"/>
      <c r="AC17" s="1414"/>
      <c r="AD17" s="1414"/>
      <c r="AE17" s="1414"/>
      <c r="AF17" s="1414"/>
      <c r="AG17" s="1414"/>
      <c r="AH17" s="1414"/>
      <c r="AI17" s="1414"/>
      <c r="AJ17" s="1414"/>
      <c r="AK17" s="724"/>
    </row>
    <row r="18" spans="1:37" ht="21" customHeight="1" x14ac:dyDescent="0.2">
      <c r="A18" s="724"/>
      <c r="B18" s="733">
        <v>4</v>
      </c>
      <c r="C18" s="1414"/>
      <c r="D18" s="1414"/>
      <c r="E18" s="1414"/>
      <c r="F18" s="1414"/>
      <c r="G18" s="1414"/>
      <c r="H18" s="1414"/>
      <c r="I18" s="1414"/>
      <c r="J18" s="1414"/>
      <c r="K18" s="1414"/>
      <c r="L18" s="1414"/>
      <c r="M18" s="1414"/>
      <c r="N18" s="1414"/>
      <c r="O18" s="1414"/>
      <c r="P18" s="1414"/>
      <c r="Q18" s="1414"/>
      <c r="R18" s="1414"/>
      <c r="S18" s="1414"/>
      <c r="T18" s="1414"/>
      <c r="U18" s="1414"/>
      <c r="V18" s="1414"/>
      <c r="W18" s="1414"/>
      <c r="X18" s="1414"/>
      <c r="Y18" s="1414"/>
      <c r="Z18" s="1414"/>
      <c r="AA18" s="1414"/>
      <c r="AB18" s="1414"/>
      <c r="AC18" s="1414"/>
      <c r="AD18" s="1414"/>
      <c r="AE18" s="1414"/>
      <c r="AF18" s="1414"/>
      <c r="AG18" s="1414"/>
      <c r="AH18" s="1414"/>
      <c r="AI18" s="1414"/>
      <c r="AJ18" s="1414"/>
      <c r="AK18" s="724"/>
    </row>
    <row r="19" spans="1:37" ht="21" customHeight="1" x14ac:dyDescent="0.2">
      <c r="A19" s="724"/>
      <c r="B19" s="733">
        <v>5</v>
      </c>
      <c r="C19" s="1414"/>
      <c r="D19" s="1414"/>
      <c r="E19" s="1414"/>
      <c r="F19" s="1414"/>
      <c r="G19" s="1414"/>
      <c r="H19" s="1414"/>
      <c r="I19" s="1414"/>
      <c r="J19" s="1414"/>
      <c r="K19" s="1414"/>
      <c r="L19" s="1414"/>
      <c r="M19" s="1414"/>
      <c r="N19" s="1414"/>
      <c r="O19" s="1414"/>
      <c r="P19" s="1414"/>
      <c r="Q19" s="1414"/>
      <c r="R19" s="1414"/>
      <c r="S19" s="1414"/>
      <c r="T19" s="1414"/>
      <c r="U19" s="1414"/>
      <c r="V19" s="1414"/>
      <c r="W19" s="1414"/>
      <c r="X19" s="1414"/>
      <c r="Y19" s="1414"/>
      <c r="Z19" s="1414"/>
      <c r="AA19" s="1414"/>
      <c r="AB19" s="1414"/>
      <c r="AC19" s="1414"/>
      <c r="AD19" s="1414"/>
      <c r="AE19" s="1414"/>
      <c r="AF19" s="1414"/>
      <c r="AG19" s="1414"/>
      <c r="AH19" s="1414"/>
      <c r="AI19" s="1414"/>
      <c r="AJ19" s="1414"/>
      <c r="AK19" s="724"/>
    </row>
    <row r="20" spans="1:37" ht="21" customHeight="1" x14ac:dyDescent="0.2">
      <c r="A20" s="724"/>
      <c r="B20" s="733">
        <v>6</v>
      </c>
      <c r="C20" s="1414"/>
      <c r="D20" s="1414"/>
      <c r="E20" s="1414"/>
      <c r="F20" s="1414"/>
      <c r="G20" s="1414"/>
      <c r="H20" s="1414"/>
      <c r="I20" s="1414"/>
      <c r="J20" s="1414"/>
      <c r="K20" s="1414"/>
      <c r="L20" s="1414"/>
      <c r="M20" s="1414"/>
      <c r="N20" s="1414"/>
      <c r="O20" s="1414"/>
      <c r="P20" s="1414"/>
      <c r="Q20" s="1414"/>
      <c r="R20" s="1414"/>
      <c r="S20" s="1414"/>
      <c r="T20" s="1414"/>
      <c r="U20" s="1414"/>
      <c r="V20" s="1414"/>
      <c r="W20" s="1414"/>
      <c r="X20" s="1414"/>
      <c r="Y20" s="1414"/>
      <c r="Z20" s="1414"/>
      <c r="AA20" s="1414"/>
      <c r="AB20" s="1414"/>
      <c r="AC20" s="1414"/>
      <c r="AD20" s="1414"/>
      <c r="AE20" s="1414"/>
      <c r="AF20" s="1414"/>
      <c r="AG20" s="1414"/>
      <c r="AH20" s="1414"/>
      <c r="AI20" s="1414"/>
      <c r="AJ20" s="1414"/>
      <c r="AK20" s="724"/>
    </row>
    <row r="21" spans="1:37" ht="21" customHeight="1" x14ac:dyDescent="0.2">
      <c r="A21" s="724"/>
      <c r="B21" s="733">
        <v>7</v>
      </c>
      <c r="C21" s="1414"/>
      <c r="D21" s="1414"/>
      <c r="E21" s="1414"/>
      <c r="F21" s="1414"/>
      <c r="G21" s="1414"/>
      <c r="H21" s="1414"/>
      <c r="I21" s="1414"/>
      <c r="J21" s="1414"/>
      <c r="K21" s="1414"/>
      <c r="L21" s="1414"/>
      <c r="M21" s="1414"/>
      <c r="N21" s="1414"/>
      <c r="O21" s="1414"/>
      <c r="P21" s="1414"/>
      <c r="Q21" s="1414"/>
      <c r="R21" s="1414"/>
      <c r="S21" s="1414"/>
      <c r="T21" s="1414"/>
      <c r="U21" s="1414"/>
      <c r="V21" s="1414"/>
      <c r="W21" s="1414"/>
      <c r="X21" s="1414"/>
      <c r="Y21" s="1414"/>
      <c r="Z21" s="1414"/>
      <c r="AA21" s="1414"/>
      <c r="AB21" s="1414"/>
      <c r="AC21" s="1414"/>
      <c r="AD21" s="1414"/>
      <c r="AE21" s="1414"/>
      <c r="AF21" s="1414"/>
      <c r="AG21" s="1414"/>
      <c r="AH21" s="1414"/>
      <c r="AI21" s="1414"/>
      <c r="AJ21" s="1414"/>
      <c r="AK21" s="724"/>
    </row>
    <row r="22" spans="1:37" ht="21" customHeight="1" x14ac:dyDescent="0.2">
      <c r="A22" s="724"/>
      <c r="B22" s="733">
        <v>8</v>
      </c>
      <c r="C22" s="1414"/>
      <c r="D22" s="1414"/>
      <c r="E22" s="1414"/>
      <c r="F22" s="1414"/>
      <c r="G22" s="1414"/>
      <c r="H22" s="1414"/>
      <c r="I22" s="1414"/>
      <c r="J22" s="1414"/>
      <c r="K22" s="1414"/>
      <c r="L22" s="1414"/>
      <c r="M22" s="1414"/>
      <c r="N22" s="1414"/>
      <c r="O22" s="1414"/>
      <c r="P22" s="1414"/>
      <c r="Q22" s="1414"/>
      <c r="R22" s="1414"/>
      <c r="S22" s="1414"/>
      <c r="T22" s="1414"/>
      <c r="U22" s="1414"/>
      <c r="V22" s="1414"/>
      <c r="W22" s="1414"/>
      <c r="X22" s="1414"/>
      <c r="Y22" s="1414"/>
      <c r="Z22" s="1414"/>
      <c r="AA22" s="1414"/>
      <c r="AB22" s="1414"/>
      <c r="AC22" s="1414"/>
      <c r="AD22" s="1414"/>
      <c r="AE22" s="1414"/>
      <c r="AF22" s="1414"/>
      <c r="AG22" s="1414"/>
      <c r="AH22" s="1414"/>
      <c r="AI22" s="1414"/>
      <c r="AJ22" s="1414"/>
      <c r="AK22" s="724"/>
    </row>
    <row r="23" spans="1:37" ht="21" customHeight="1" x14ac:dyDescent="0.2">
      <c r="A23" s="724"/>
      <c r="B23" s="733">
        <v>9</v>
      </c>
      <c r="C23" s="1414"/>
      <c r="D23" s="1414"/>
      <c r="E23" s="1414"/>
      <c r="F23" s="1414"/>
      <c r="G23" s="1414"/>
      <c r="H23" s="1414"/>
      <c r="I23" s="1414"/>
      <c r="J23" s="1414"/>
      <c r="K23" s="1414"/>
      <c r="L23" s="1414"/>
      <c r="M23" s="1414"/>
      <c r="N23" s="1414"/>
      <c r="O23" s="1414"/>
      <c r="P23" s="1414"/>
      <c r="Q23" s="1414"/>
      <c r="R23" s="1414"/>
      <c r="S23" s="1414"/>
      <c r="T23" s="1414"/>
      <c r="U23" s="1414"/>
      <c r="V23" s="1414"/>
      <c r="W23" s="1414"/>
      <c r="X23" s="1414"/>
      <c r="Y23" s="1414"/>
      <c r="Z23" s="1414"/>
      <c r="AA23" s="1414"/>
      <c r="AB23" s="1414"/>
      <c r="AC23" s="1414"/>
      <c r="AD23" s="1414"/>
      <c r="AE23" s="1414"/>
      <c r="AF23" s="1414"/>
      <c r="AG23" s="1414"/>
      <c r="AH23" s="1414"/>
      <c r="AI23" s="1414"/>
      <c r="AJ23" s="1414"/>
      <c r="AK23" s="724"/>
    </row>
    <row r="24" spans="1:37" ht="21" customHeight="1" x14ac:dyDescent="0.2">
      <c r="A24" s="724"/>
      <c r="B24" s="733">
        <v>10</v>
      </c>
      <c r="C24" s="1414"/>
      <c r="D24" s="1414"/>
      <c r="E24" s="1414"/>
      <c r="F24" s="1414"/>
      <c r="G24" s="1414"/>
      <c r="H24" s="1414"/>
      <c r="I24" s="1414"/>
      <c r="J24" s="1414"/>
      <c r="K24" s="1414"/>
      <c r="L24" s="1414"/>
      <c r="M24" s="1414"/>
      <c r="N24" s="1414"/>
      <c r="O24" s="1414"/>
      <c r="P24" s="1414"/>
      <c r="Q24" s="1414"/>
      <c r="R24" s="1414"/>
      <c r="S24" s="1414"/>
      <c r="T24" s="1414"/>
      <c r="U24" s="1414"/>
      <c r="V24" s="1414"/>
      <c r="W24" s="1414"/>
      <c r="X24" s="1414"/>
      <c r="Y24" s="1414"/>
      <c r="Z24" s="1414"/>
      <c r="AA24" s="1414"/>
      <c r="AB24" s="1414"/>
      <c r="AC24" s="1414"/>
      <c r="AD24" s="1414"/>
      <c r="AE24" s="1414"/>
      <c r="AF24" s="1414"/>
      <c r="AG24" s="1414"/>
      <c r="AH24" s="1414"/>
      <c r="AI24" s="1414"/>
      <c r="AJ24" s="1414"/>
      <c r="AK24" s="724"/>
    </row>
    <row r="25" spans="1:37" ht="21" customHeight="1" x14ac:dyDescent="0.2">
      <c r="A25" s="724"/>
      <c r="B25" s="1415" t="s">
        <v>1238</v>
      </c>
      <c r="C25" s="1415"/>
      <c r="D25" s="1415"/>
      <c r="E25" s="1415"/>
      <c r="F25" s="1415"/>
      <c r="G25" s="1415"/>
      <c r="H25" s="1415"/>
      <c r="I25" s="1415"/>
      <c r="J25" s="1415"/>
      <c r="K25" s="1415"/>
      <c r="L25" s="1416"/>
      <c r="M25" s="1416"/>
      <c r="N25" s="1416"/>
      <c r="O25" s="1416"/>
      <c r="P25" s="1416"/>
      <c r="Q25" s="1417" t="s">
        <v>875</v>
      </c>
      <c r="R25" s="1417"/>
      <c r="S25" s="1413" t="s">
        <v>1239</v>
      </c>
      <c r="T25" s="1413"/>
      <c r="U25" s="1413"/>
      <c r="V25" s="1413"/>
      <c r="W25" s="1413"/>
      <c r="X25" s="1413"/>
      <c r="Y25" s="1413"/>
      <c r="Z25" s="1413"/>
      <c r="AA25" s="1413"/>
      <c r="AB25" s="1413"/>
      <c r="AC25" s="1413"/>
      <c r="AD25" s="1413"/>
      <c r="AE25" s="1418">
        <f>SUM(AE15:AJ24)</f>
        <v>0</v>
      </c>
      <c r="AF25" s="1418"/>
      <c r="AG25" s="1418"/>
      <c r="AH25" s="1418"/>
      <c r="AI25" s="1418"/>
      <c r="AJ25" s="1418"/>
      <c r="AK25" s="724"/>
    </row>
    <row r="26" spans="1:37" ht="9" customHeight="1" x14ac:dyDescent="0.2">
      <c r="A26" s="724"/>
      <c r="B26" s="734"/>
      <c r="C26" s="735"/>
      <c r="D26" s="735"/>
      <c r="E26" s="735"/>
      <c r="F26" s="735"/>
      <c r="G26" s="735"/>
      <c r="H26" s="735"/>
      <c r="I26" s="735"/>
      <c r="J26" s="735"/>
      <c r="K26" s="735"/>
      <c r="L26" s="735"/>
      <c r="M26" s="735"/>
      <c r="N26" s="735"/>
      <c r="O26" s="735"/>
      <c r="P26" s="735"/>
      <c r="Q26" s="735"/>
      <c r="R26" s="735"/>
      <c r="S26" s="735"/>
      <c r="T26" s="735"/>
      <c r="U26" s="735"/>
      <c r="V26" s="735"/>
      <c r="W26" s="735"/>
      <c r="X26" s="735"/>
      <c r="Y26" s="735"/>
      <c r="Z26" s="735"/>
      <c r="AA26" s="735"/>
      <c r="AB26" s="735"/>
      <c r="AC26" s="735"/>
      <c r="AD26" s="735"/>
      <c r="AE26" s="735"/>
      <c r="AF26" s="735"/>
      <c r="AG26" s="735"/>
      <c r="AH26" s="735"/>
      <c r="AI26" s="735"/>
      <c r="AJ26" s="735"/>
      <c r="AK26" s="724"/>
    </row>
    <row r="27" spans="1:37" ht="21" customHeight="1" x14ac:dyDescent="0.2">
      <c r="A27" s="724"/>
      <c r="B27" s="1403" t="s">
        <v>1240</v>
      </c>
      <c r="C27" s="1403"/>
      <c r="D27" s="1403"/>
      <c r="E27" s="1403"/>
      <c r="F27" s="1403"/>
      <c r="G27" s="1403"/>
      <c r="H27" s="1403"/>
      <c r="I27" s="1403"/>
      <c r="J27" s="1403"/>
      <c r="K27" s="1403"/>
      <c r="L27" s="1403"/>
      <c r="M27" s="1403"/>
      <c r="N27" s="1403"/>
      <c r="O27" s="1403"/>
      <c r="P27" s="1403"/>
      <c r="Q27" s="1403"/>
      <c r="R27" s="1403"/>
      <c r="S27" s="1403"/>
      <c r="T27" s="1403"/>
      <c r="U27" s="1403"/>
      <c r="V27" s="1403"/>
      <c r="W27" s="1403"/>
      <c r="X27" s="1403"/>
      <c r="Y27" s="1403"/>
      <c r="Z27" s="1403"/>
      <c r="AA27" s="1403"/>
      <c r="AB27" s="1403"/>
      <c r="AC27" s="1403"/>
      <c r="AD27" s="1403"/>
      <c r="AE27" s="1403"/>
      <c r="AF27" s="1403"/>
      <c r="AG27" s="1403"/>
      <c r="AH27" s="1403"/>
      <c r="AI27" s="1403"/>
      <c r="AJ27" s="1403"/>
      <c r="AK27" s="724"/>
    </row>
    <row r="28" spans="1:37" ht="21" customHeight="1" thickBot="1" x14ac:dyDescent="0.25">
      <c r="A28" s="724"/>
      <c r="B28" s="1419" t="s">
        <v>1261</v>
      </c>
      <c r="C28" s="1419"/>
      <c r="D28" s="1419"/>
      <c r="E28" s="1419"/>
      <c r="F28" s="1419"/>
      <c r="G28" s="1419"/>
      <c r="H28" s="1419"/>
      <c r="I28" s="1419"/>
      <c r="J28" s="1419"/>
      <c r="K28" s="1419"/>
      <c r="L28" s="1419"/>
      <c r="M28" s="1419"/>
      <c r="N28" s="1419"/>
      <c r="O28" s="1419"/>
      <c r="P28" s="1419"/>
      <c r="Q28" s="1419"/>
      <c r="R28" s="1419"/>
      <c r="S28" s="1408">
        <f>ROUNDUP(S11/50,1)</f>
        <v>0</v>
      </c>
      <c r="T28" s="1408"/>
      <c r="U28" s="1408"/>
      <c r="V28" s="1408"/>
      <c r="W28" s="1408"/>
      <c r="X28" s="1408"/>
      <c r="Y28" s="1408"/>
      <c r="Z28" s="1408"/>
      <c r="AA28" s="1408"/>
      <c r="AB28" s="1408"/>
      <c r="AC28" s="736" t="s">
        <v>1230</v>
      </c>
      <c r="AD28" s="737"/>
      <c r="AE28" s="1409"/>
      <c r="AF28" s="1409"/>
      <c r="AG28" s="1409"/>
      <c r="AH28" s="1409"/>
      <c r="AI28" s="1409"/>
      <c r="AJ28" s="1409"/>
      <c r="AK28" s="724"/>
    </row>
    <row r="29" spans="1:37" ht="21" customHeight="1" thickTop="1" x14ac:dyDescent="0.2">
      <c r="A29" s="724"/>
      <c r="B29" s="1410" t="s">
        <v>1262</v>
      </c>
      <c r="C29" s="1410"/>
      <c r="D29" s="1410"/>
      <c r="E29" s="1410"/>
      <c r="F29" s="1410"/>
      <c r="G29" s="1410"/>
      <c r="H29" s="1410"/>
      <c r="I29" s="1410"/>
      <c r="J29" s="1410"/>
      <c r="K29" s="1410"/>
      <c r="L29" s="1410"/>
      <c r="M29" s="1410"/>
      <c r="N29" s="1410"/>
      <c r="O29" s="1410"/>
      <c r="P29" s="1410"/>
      <c r="Q29" s="1410"/>
      <c r="R29" s="1410"/>
      <c r="S29" s="1420"/>
      <c r="T29" s="1420"/>
      <c r="U29" s="1420"/>
      <c r="V29" s="1420"/>
      <c r="W29" s="1420"/>
      <c r="X29" s="1420"/>
      <c r="Y29" s="1420"/>
      <c r="Z29" s="1420"/>
      <c r="AA29" s="1420"/>
      <c r="AB29" s="1420"/>
      <c r="AC29" s="738" t="s">
        <v>1230</v>
      </c>
      <c r="AD29" s="739"/>
      <c r="AE29" s="1412" t="s">
        <v>1263</v>
      </c>
      <c r="AF29" s="1412"/>
      <c r="AG29" s="1412"/>
      <c r="AH29" s="1412"/>
      <c r="AI29" s="1412"/>
      <c r="AJ29" s="1412"/>
      <c r="AK29" s="724"/>
    </row>
    <row r="30" spans="1:37" ht="21" customHeight="1" x14ac:dyDescent="0.2">
      <c r="A30" s="724"/>
      <c r="B30" s="1421" t="s">
        <v>1244</v>
      </c>
      <c r="C30" s="1421"/>
      <c r="D30" s="1421"/>
      <c r="E30" s="1421"/>
      <c r="F30" s="1421"/>
      <c r="G30" s="1421"/>
      <c r="H30" s="1421"/>
      <c r="I30" s="1421"/>
      <c r="J30" s="1421"/>
      <c r="K30" s="1421"/>
      <c r="L30" s="1421"/>
      <c r="M30" s="1421"/>
      <c r="N30" s="1421"/>
      <c r="O30" s="1421"/>
      <c r="P30" s="1421"/>
      <c r="Q30" s="1421"/>
      <c r="R30" s="1421"/>
      <c r="S30" s="1421" t="s">
        <v>1245</v>
      </c>
      <c r="T30" s="1421"/>
      <c r="U30" s="1421"/>
      <c r="V30" s="1421"/>
      <c r="W30" s="1421"/>
      <c r="X30" s="1421"/>
      <c r="Y30" s="1421"/>
      <c r="Z30" s="1421"/>
      <c r="AA30" s="1421"/>
      <c r="AB30" s="1421"/>
      <c r="AC30" s="1421"/>
      <c r="AD30" s="1421"/>
      <c r="AE30" s="1421"/>
      <c r="AF30" s="1421"/>
      <c r="AG30" s="1421"/>
      <c r="AH30" s="1421"/>
      <c r="AI30" s="1421"/>
      <c r="AJ30" s="1421"/>
      <c r="AK30" s="724"/>
    </row>
    <row r="31" spans="1:37" ht="21" customHeight="1" x14ac:dyDescent="0.2">
      <c r="A31" s="724"/>
      <c r="B31" s="733">
        <v>1</v>
      </c>
      <c r="C31" s="1414"/>
      <c r="D31" s="1414"/>
      <c r="E31" s="1414"/>
      <c r="F31" s="1414"/>
      <c r="G31" s="1414"/>
      <c r="H31" s="1414"/>
      <c r="I31" s="1414"/>
      <c r="J31" s="1414"/>
      <c r="K31" s="1414"/>
      <c r="L31" s="1414"/>
      <c r="M31" s="1414"/>
      <c r="N31" s="1414"/>
      <c r="O31" s="1414"/>
      <c r="P31" s="1414"/>
      <c r="Q31" s="1414"/>
      <c r="R31" s="1414"/>
      <c r="S31" s="1414"/>
      <c r="T31" s="1414"/>
      <c r="U31" s="1414"/>
      <c r="V31" s="1414"/>
      <c r="W31" s="1414"/>
      <c r="X31" s="1414"/>
      <c r="Y31" s="1414"/>
      <c r="Z31" s="1414"/>
      <c r="AA31" s="1414"/>
      <c r="AB31" s="1414"/>
      <c r="AC31" s="1414"/>
      <c r="AD31" s="1414"/>
      <c r="AE31" s="1414"/>
      <c r="AF31" s="1414"/>
      <c r="AG31" s="1414"/>
      <c r="AH31" s="1414"/>
      <c r="AI31" s="1414"/>
      <c r="AJ31" s="1414"/>
      <c r="AK31" s="724"/>
    </row>
    <row r="32" spans="1:37" ht="21" customHeight="1" x14ac:dyDescent="0.2">
      <c r="A32" s="724"/>
      <c r="B32" s="733">
        <v>2</v>
      </c>
      <c r="C32" s="1414"/>
      <c r="D32" s="1414"/>
      <c r="E32" s="1414"/>
      <c r="F32" s="1414"/>
      <c r="G32" s="1414"/>
      <c r="H32" s="1414"/>
      <c r="I32" s="1414"/>
      <c r="J32" s="1414"/>
      <c r="K32" s="1414"/>
      <c r="L32" s="1414"/>
      <c r="M32" s="1414"/>
      <c r="N32" s="1414"/>
      <c r="O32" s="1414"/>
      <c r="P32" s="1414"/>
      <c r="Q32" s="1414"/>
      <c r="R32" s="1414"/>
      <c r="S32" s="1414"/>
      <c r="T32" s="1414"/>
      <c r="U32" s="1414"/>
      <c r="V32" s="1414"/>
      <c r="W32" s="1414"/>
      <c r="X32" s="1414"/>
      <c r="Y32" s="1414"/>
      <c r="Z32" s="1414"/>
      <c r="AA32" s="1414"/>
      <c r="AB32" s="1414"/>
      <c r="AC32" s="1414"/>
      <c r="AD32" s="1414"/>
      <c r="AE32" s="1414"/>
      <c r="AF32" s="1414"/>
      <c r="AG32" s="1414"/>
      <c r="AH32" s="1414"/>
      <c r="AI32" s="1414"/>
      <c r="AJ32" s="1414"/>
      <c r="AK32" s="724"/>
    </row>
    <row r="33" spans="1:38" ht="21" customHeight="1" x14ac:dyDescent="0.2">
      <c r="A33" s="724"/>
      <c r="B33" s="733">
        <v>3</v>
      </c>
      <c r="C33" s="1414"/>
      <c r="D33" s="1414"/>
      <c r="E33" s="1414"/>
      <c r="F33" s="1414"/>
      <c r="G33" s="1414"/>
      <c r="H33" s="1414"/>
      <c r="I33" s="1414"/>
      <c r="J33" s="1414"/>
      <c r="K33" s="1414"/>
      <c r="L33" s="1414"/>
      <c r="M33" s="1414"/>
      <c r="N33" s="1414"/>
      <c r="O33" s="1414"/>
      <c r="P33" s="1414"/>
      <c r="Q33" s="1414"/>
      <c r="R33" s="1414"/>
      <c r="S33" s="1414"/>
      <c r="T33" s="1414"/>
      <c r="U33" s="1414"/>
      <c r="V33" s="1414"/>
      <c r="W33" s="1414"/>
      <c r="X33" s="1414"/>
      <c r="Y33" s="1414"/>
      <c r="Z33" s="1414"/>
      <c r="AA33" s="1414"/>
      <c r="AB33" s="1414"/>
      <c r="AC33" s="1414"/>
      <c r="AD33" s="1414"/>
      <c r="AE33" s="1414"/>
      <c r="AF33" s="1414"/>
      <c r="AG33" s="1414"/>
      <c r="AH33" s="1414"/>
      <c r="AI33" s="1414"/>
      <c r="AJ33" s="1414"/>
      <c r="AK33" s="724"/>
    </row>
    <row r="34" spans="1:38" ht="8.25" customHeight="1" x14ac:dyDescent="0.2">
      <c r="A34" s="724"/>
      <c r="B34" s="734"/>
      <c r="C34" s="735"/>
      <c r="D34" s="735"/>
      <c r="E34" s="735"/>
      <c r="F34" s="735"/>
      <c r="G34" s="735"/>
      <c r="H34" s="735"/>
      <c r="I34" s="735"/>
      <c r="J34" s="735"/>
      <c r="K34" s="735"/>
      <c r="L34" s="735"/>
      <c r="M34" s="735"/>
      <c r="N34" s="735"/>
      <c r="O34" s="735"/>
      <c r="P34" s="735"/>
      <c r="Q34" s="735"/>
      <c r="R34" s="735"/>
      <c r="S34" s="735"/>
      <c r="T34" s="735"/>
      <c r="U34" s="735"/>
      <c r="V34" s="735"/>
      <c r="W34" s="735"/>
      <c r="X34" s="735"/>
      <c r="Y34" s="735"/>
      <c r="Z34" s="735"/>
      <c r="AA34" s="735"/>
      <c r="AB34" s="735"/>
      <c r="AC34" s="735"/>
      <c r="AD34" s="735"/>
      <c r="AE34" s="735"/>
      <c r="AF34" s="735"/>
      <c r="AG34" s="735"/>
      <c r="AH34" s="735"/>
      <c r="AI34" s="735"/>
      <c r="AJ34" s="735"/>
      <c r="AK34" s="724"/>
    </row>
    <row r="35" spans="1:38" ht="22.5" customHeight="1" x14ac:dyDescent="0.2">
      <c r="A35" s="724"/>
      <c r="B35" s="1424" t="s">
        <v>1246</v>
      </c>
      <c r="C35" s="1424"/>
      <c r="D35" s="1424"/>
      <c r="E35" s="1424"/>
      <c r="F35" s="1424"/>
      <c r="G35" s="1424"/>
      <c r="H35" s="1425" t="s">
        <v>1247</v>
      </c>
      <c r="I35" s="1425"/>
      <c r="J35" s="1425"/>
      <c r="K35" s="1425"/>
      <c r="L35" s="1425"/>
      <c r="M35" s="1425"/>
      <c r="N35" s="1425"/>
      <c r="O35" s="1425"/>
      <c r="P35" s="1425"/>
      <c r="Q35" s="1425"/>
      <c r="R35" s="1425"/>
      <c r="S35" s="1425"/>
      <c r="T35" s="1425"/>
      <c r="U35" s="1425"/>
      <c r="V35" s="1425"/>
      <c r="W35" s="1425"/>
      <c r="X35" s="1425"/>
      <c r="Y35" s="1425"/>
      <c r="Z35" s="1425"/>
      <c r="AA35" s="1425"/>
      <c r="AB35" s="1425"/>
      <c r="AC35" s="1425"/>
      <c r="AD35" s="1425"/>
      <c r="AE35" s="1425"/>
      <c r="AF35" s="1425"/>
      <c r="AG35" s="1425"/>
      <c r="AH35" s="1425"/>
      <c r="AI35" s="1425"/>
      <c r="AJ35" s="1425"/>
      <c r="AK35" s="724"/>
    </row>
    <row r="36" spans="1:38" ht="8.25" customHeight="1" x14ac:dyDescent="0.2">
      <c r="A36" s="724"/>
      <c r="B36" s="734"/>
      <c r="C36" s="735"/>
      <c r="D36" s="735"/>
      <c r="E36" s="735"/>
      <c r="F36" s="735"/>
      <c r="G36" s="735"/>
      <c r="H36" s="735"/>
      <c r="I36" s="735"/>
      <c r="J36" s="735"/>
      <c r="K36" s="735"/>
      <c r="L36" s="735"/>
      <c r="M36" s="735"/>
      <c r="N36" s="735"/>
      <c r="O36" s="735"/>
      <c r="P36" s="735"/>
      <c r="Q36" s="735"/>
      <c r="R36" s="735"/>
      <c r="S36" s="735"/>
      <c r="T36" s="735"/>
      <c r="U36" s="735"/>
      <c r="V36" s="735"/>
      <c r="W36" s="735"/>
      <c r="X36" s="735"/>
      <c r="Y36" s="735"/>
      <c r="Z36" s="735"/>
      <c r="AA36" s="735"/>
      <c r="AB36" s="735"/>
      <c r="AC36" s="735"/>
      <c r="AD36" s="735"/>
      <c r="AE36" s="735"/>
      <c r="AF36" s="735"/>
      <c r="AG36" s="735"/>
      <c r="AH36" s="735"/>
      <c r="AI36" s="735"/>
      <c r="AJ36" s="735"/>
      <c r="AK36" s="724"/>
    </row>
    <row r="37" spans="1:38" ht="18.75" customHeight="1" x14ac:dyDescent="0.2">
      <c r="A37" s="724"/>
      <c r="B37" s="1426" t="s">
        <v>1248</v>
      </c>
      <c r="C37" s="1426"/>
      <c r="D37" s="1426"/>
      <c r="E37" s="1426"/>
      <c r="F37" s="1426"/>
      <c r="G37" s="1426"/>
      <c r="H37" s="1426"/>
      <c r="I37" s="1426"/>
      <c r="J37" s="1426"/>
      <c r="K37" s="1426"/>
      <c r="L37" s="1426"/>
      <c r="M37" s="1426"/>
      <c r="N37" s="1426"/>
      <c r="O37" s="1426"/>
      <c r="P37" s="1426"/>
      <c r="Q37" s="1426"/>
      <c r="R37" s="1426"/>
      <c r="S37" s="1426"/>
      <c r="T37" s="1426"/>
      <c r="U37" s="1426"/>
      <c r="V37" s="1426"/>
      <c r="W37" s="1426"/>
      <c r="X37" s="1426"/>
      <c r="Y37" s="1426"/>
      <c r="Z37" s="1426"/>
      <c r="AA37" s="1426"/>
      <c r="AB37" s="1426"/>
      <c r="AC37" s="1426"/>
      <c r="AD37" s="1426"/>
      <c r="AE37" s="1426"/>
      <c r="AF37" s="1426"/>
      <c r="AG37" s="1426"/>
      <c r="AH37" s="1426"/>
      <c r="AI37" s="1426"/>
      <c r="AJ37" s="1426"/>
      <c r="AK37" s="1426"/>
      <c r="AL37" s="745"/>
    </row>
    <row r="38" spans="1:38" ht="18.75" customHeight="1" x14ac:dyDescent="0.2">
      <c r="A38" s="724"/>
      <c r="B38" s="1426"/>
      <c r="C38" s="1426"/>
      <c r="D38" s="1426"/>
      <c r="E38" s="1426"/>
      <c r="F38" s="1426"/>
      <c r="G38" s="1426"/>
      <c r="H38" s="1426"/>
      <c r="I38" s="1426"/>
      <c r="J38" s="1426"/>
      <c r="K38" s="1426"/>
      <c r="L38" s="1426"/>
      <c r="M38" s="1426"/>
      <c r="N38" s="1426"/>
      <c r="O38" s="1426"/>
      <c r="P38" s="1426"/>
      <c r="Q38" s="1426"/>
      <c r="R38" s="1426"/>
      <c r="S38" s="1426"/>
      <c r="T38" s="1426"/>
      <c r="U38" s="1426"/>
      <c r="V38" s="1426"/>
      <c r="W38" s="1426"/>
      <c r="X38" s="1426"/>
      <c r="Y38" s="1426"/>
      <c r="Z38" s="1426"/>
      <c r="AA38" s="1426"/>
      <c r="AB38" s="1426"/>
      <c r="AC38" s="1426"/>
      <c r="AD38" s="1426"/>
      <c r="AE38" s="1426"/>
      <c r="AF38" s="1426"/>
      <c r="AG38" s="1426"/>
      <c r="AH38" s="1426"/>
      <c r="AI38" s="1426"/>
      <c r="AJ38" s="1426"/>
      <c r="AK38" s="1426"/>
      <c r="AL38" s="745"/>
    </row>
    <row r="39" spans="1:38" ht="18.75" customHeight="1" x14ac:dyDescent="0.2">
      <c r="A39" s="724"/>
      <c r="B39" s="1426"/>
      <c r="C39" s="1426"/>
      <c r="D39" s="1426"/>
      <c r="E39" s="1426"/>
      <c r="F39" s="1426"/>
      <c r="G39" s="1426"/>
      <c r="H39" s="1426"/>
      <c r="I39" s="1426"/>
      <c r="J39" s="1426"/>
      <c r="K39" s="1426"/>
      <c r="L39" s="1426"/>
      <c r="M39" s="1426"/>
      <c r="N39" s="1426"/>
      <c r="O39" s="1426"/>
      <c r="P39" s="1426"/>
      <c r="Q39" s="1426"/>
      <c r="R39" s="1426"/>
      <c r="S39" s="1426"/>
      <c r="T39" s="1426"/>
      <c r="U39" s="1426"/>
      <c r="V39" s="1426"/>
      <c r="W39" s="1426"/>
      <c r="X39" s="1426"/>
      <c r="Y39" s="1426"/>
      <c r="Z39" s="1426"/>
      <c r="AA39" s="1426"/>
      <c r="AB39" s="1426"/>
      <c r="AC39" s="1426"/>
      <c r="AD39" s="1426"/>
      <c r="AE39" s="1426"/>
      <c r="AF39" s="1426"/>
      <c r="AG39" s="1426"/>
      <c r="AH39" s="1426"/>
      <c r="AI39" s="1426"/>
      <c r="AJ39" s="1426"/>
      <c r="AK39" s="1426"/>
      <c r="AL39" s="745"/>
    </row>
    <row r="40" spans="1:38" ht="18.75" customHeight="1" x14ac:dyDescent="0.2">
      <c r="A40" s="724"/>
      <c r="B40" s="1426"/>
      <c r="C40" s="1426"/>
      <c r="D40" s="1426"/>
      <c r="E40" s="1426"/>
      <c r="F40" s="1426"/>
      <c r="G40" s="1426"/>
      <c r="H40" s="1426"/>
      <c r="I40" s="1426"/>
      <c r="J40" s="1426"/>
      <c r="K40" s="1426"/>
      <c r="L40" s="1426"/>
      <c r="M40" s="1426"/>
      <c r="N40" s="1426"/>
      <c r="O40" s="1426"/>
      <c r="P40" s="1426"/>
      <c r="Q40" s="1426"/>
      <c r="R40" s="1426"/>
      <c r="S40" s="1426"/>
      <c r="T40" s="1426"/>
      <c r="U40" s="1426"/>
      <c r="V40" s="1426"/>
      <c r="W40" s="1426"/>
      <c r="X40" s="1426"/>
      <c r="Y40" s="1426"/>
      <c r="Z40" s="1426"/>
      <c r="AA40" s="1426"/>
      <c r="AB40" s="1426"/>
      <c r="AC40" s="1426"/>
      <c r="AD40" s="1426"/>
      <c r="AE40" s="1426"/>
      <c r="AF40" s="1426"/>
      <c r="AG40" s="1426"/>
      <c r="AH40" s="1426"/>
      <c r="AI40" s="1426"/>
      <c r="AJ40" s="1426"/>
      <c r="AK40" s="1426"/>
      <c r="AL40" s="745"/>
    </row>
    <row r="41" spans="1:38" ht="81.75" customHeight="1" x14ac:dyDescent="0.2">
      <c r="A41" s="724"/>
      <c r="B41" s="1426"/>
      <c r="C41" s="1426"/>
      <c r="D41" s="1426"/>
      <c r="E41" s="1426"/>
      <c r="F41" s="1426"/>
      <c r="G41" s="1426"/>
      <c r="H41" s="1426"/>
      <c r="I41" s="1426"/>
      <c r="J41" s="1426"/>
      <c r="K41" s="1426"/>
      <c r="L41" s="1426"/>
      <c r="M41" s="1426"/>
      <c r="N41" s="1426"/>
      <c r="O41" s="1426"/>
      <c r="P41" s="1426"/>
      <c r="Q41" s="1426"/>
      <c r="R41" s="1426"/>
      <c r="S41" s="1426"/>
      <c r="T41" s="1426"/>
      <c r="U41" s="1426"/>
      <c r="V41" s="1426"/>
      <c r="W41" s="1426"/>
      <c r="X41" s="1426"/>
      <c r="Y41" s="1426"/>
      <c r="Z41" s="1426"/>
      <c r="AA41" s="1426"/>
      <c r="AB41" s="1426"/>
      <c r="AC41" s="1426"/>
      <c r="AD41" s="1426"/>
      <c r="AE41" s="1426"/>
      <c r="AF41" s="1426"/>
      <c r="AG41" s="1426"/>
      <c r="AH41" s="1426"/>
      <c r="AI41" s="1426"/>
      <c r="AJ41" s="1426"/>
      <c r="AK41" s="1426"/>
      <c r="AL41" s="745"/>
    </row>
    <row r="42" spans="1:38" ht="15" customHeight="1" x14ac:dyDescent="0.2">
      <c r="A42" s="724"/>
      <c r="B42" s="1423" t="s">
        <v>1264</v>
      </c>
      <c r="C42" s="1423"/>
      <c r="D42" s="1423"/>
      <c r="E42" s="1423"/>
      <c r="F42" s="1423"/>
      <c r="G42" s="1423"/>
      <c r="H42" s="1423"/>
      <c r="I42" s="1423"/>
      <c r="J42" s="1423"/>
      <c r="K42" s="1423"/>
      <c r="L42" s="1423"/>
      <c r="M42" s="1423"/>
      <c r="N42" s="1423"/>
      <c r="O42" s="1423"/>
      <c r="P42" s="1423"/>
      <c r="Q42" s="1423"/>
      <c r="R42" s="1423"/>
      <c r="S42" s="1423"/>
      <c r="T42" s="1423"/>
      <c r="U42" s="1423"/>
      <c r="V42" s="1423"/>
      <c r="W42" s="1423"/>
      <c r="X42" s="1423"/>
      <c r="Y42" s="1423"/>
      <c r="Z42" s="1423"/>
      <c r="AA42" s="1423"/>
      <c r="AB42" s="1423"/>
      <c r="AC42" s="1423"/>
      <c r="AD42" s="1423"/>
      <c r="AE42" s="1423"/>
      <c r="AF42" s="1423"/>
      <c r="AG42" s="1423"/>
      <c r="AH42" s="1423"/>
      <c r="AI42" s="1423"/>
      <c r="AJ42" s="1423"/>
      <c r="AK42" s="1423"/>
      <c r="AL42" s="745"/>
    </row>
    <row r="43" spans="1:38" ht="15" customHeight="1" x14ac:dyDescent="0.2">
      <c r="A43" s="724"/>
      <c r="B43" s="1423"/>
      <c r="C43" s="1423"/>
      <c r="D43" s="1423"/>
      <c r="E43" s="1423"/>
      <c r="F43" s="1423"/>
      <c r="G43" s="1423"/>
      <c r="H43" s="1423"/>
      <c r="I43" s="1423"/>
      <c r="J43" s="1423"/>
      <c r="K43" s="1423"/>
      <c r="L43" s="1423"/>
      <c r="M43" s="1423"/>
      <c r="N43" s="1423"/>
      <c r="O43" s="1423"/>
      <c r="P43" s="1423"/>
      <c r="Q43" s="1423"/>
      <c r="R43" s="1423"/>
      <c r="S43" s="1423"/>
      <c r="T43" s="1423"/>
      <c r="U43" s="1423"/>
      <c r="V43" s="1423"/>
      <c r="W43" s="1423"/>
      <c r="X43" s="1423"/>
      <c r="Y43" s="1423"/>
      <c r="Z43" s="1423"/>
      <c r="AA43" s="1423"/>
      <c r="AB43" s="1423"/>
      <c r="AC43" s="1423"/>
      <c r="AD43" s="1423"/>
      <c r="AE43" s="1423"/>
      <c r="AF43" s="1423"/>
      <c r="AG43" s="1423"/>
      <c r="AH43" s="1423"/>
      <c r="AI43" s="1423"/>
      <c r="AJ43" s="1423"/>
      <c r="AK43" s="1423"/>
      <c r="AL43" s="745"/>
    </row>
    <row r="44" spans="1:38" ht="15" customHeight="1" x14ac:dyDescent="0.2">
      <c r="A44" s="724"/>
      <c r="B44" s="1423"/>
      <c r="C44" s="1423"/>
      <c r="D44" s="1423"/>
      <c r="E44" s="1423"/>
      <c r="F44" s="1423"/>
      <c r="G44" s="1423"/>
      <c r="H44" s="1423"/>
      <c r="I44" s="1423"/>
      <c r="J44" s="1423"/>
      <c r="K44" s="1423"/>
      <c r="L44" s="1423"/>
      <c r="M44" s="1423"/>
      <c r="N44" s="1423"/>
      <c r="O44" s="1423"/>
      <c r="P44" s="1423"/>
      <c r="Q44" s="1423"/>
      <c r="R44" s="1423"/>
      <c r="S44" s="1423"/>
      <c r="T44" s="1423"/>
      <c r="U44" s="1423"/>
      <c r="V44" s="1423"/>
      <c r="W44" s="1423"/>
      <c r="X44" s="1423"/>
      <c r="Y44" s="1423"/>
      <c r="Z44" s="1423"/>
      <c r="AA44" s="1423"/>
      <c r="AB44" s="1423"/>
      <c r="AC44" s="1423"/>
      <c r="AD44" s="1423"/>
      <c r="AE44" s="1423"/>
      <c r="AF44" s="1423"/>
      <c r="AG44" s="1423"/>
      <c r="AH44" s="1423"/>
      <c r="AI44" s="1423"/>
      <c r="AJ44" s="1423"/>
      <c r="AK44" s="1423"/>
      <c r="AL44" s="745"/>
    </row>
    <row r="45" spans="1:38" ht="15" customHeight="1" x14ac:dyDescent="0.2">
      <c r="A45" s="724"/>
      <c r="B45" s="1423"/>
      <c r="C45" s="1423"/>
      <c r="D45" s="1423"/>
      <c r="E45" s="1423"/>
      <c r="F45" s="1423"/>
      <c r="G45" s="1423"/>
      <c r="H45" s="1423"/>
      <c r="I45" s="1423"/>
      <c r="J45" s="1423"/>
      <c r="K45" s="1423"/>
      <c r="L45" s="1423"/>
      <c r="M45" s="1423"/>
      <c r="N45" s="1423"/>
      <c r="O45" s="1423"/>
      <c r="P45" s="1423"/>
      <c r="Q45" s="1423"/>
      <c r="R45" s="1423"/>
      <c r="S45" s="1423"/>
      <c r="T45" s="1423"/>
      <c r="U45" s="1423"/>
      <c r="V45" s="1423"/>
      <c r="W45" s="1423"/>
      <c r="X45" s="1423"/>
      <c r="Y45" s="1423"/>
      <c r="Z45" s="1423"/>
      <c r="AA45" s="1423"/>
      <c r="AB45" s="1423"/>
      <c r="AC45" s="1423"/>
      <c r="AD45" s="1423"/>
      <c r="AE45" s="1423"/>
      <c r="AF45" s="1423"/>
      <c r="AG45" s="1423"/>
      <c r="AH45" s="1423"/>
      <c r="AI45" s="1423"/>
      <c r="AJ45" s="1423"/>
      <c r="AK45" s="1423"/>
      <c r="AL45" s="745"/>
    </row>
    <row r="46" spans="1:38" ht="36" customHeight="1" x14ac:dyDescent="0.2">
      <c r="A46" s="724"/>
      <c r="B46" s="1423"/>
      <c r="C46" s="1423"/>
      <c r="D46" s="1423"/>
      <c r="E46" s="1423"/>
      <c r="F46" s="1423"/>
      <c r="G46" s="1423"/>
      <c r="H46" s="1423"/>
      <c r="I46" s="1423"/>
      <c r="J46" s="1423"/>
      <c r="K46" s="1423"/>
      <c r="L46" s="1423"/>
      <c r="M46" s="1423"/>
      <c r="N46" s="1423"/>
      <c r="O46" s="1423"/>
      <c r="P46" s="1423"/>
      <c r="Q46" s="1423"/>
      <c r="R46" s="1423"/>
      <c r="S46" s="1423"/>
      <c r="T46" s="1423"/>
      <c r="U46" s="1423"/>
      <c r="V46" s="1423"/>
      <c r="W46" s="1423"/>
      <c r="X46" s="1423"/>
      <c r="Y46" s="1423"/>
      <c r="Z46" s="1423"/>
      <c r="AA46" s="1423"/>
      <c r="AB46" s="1423"/>
      <c r="AC46" s="1423"/>
      <c r="AD46" s="1423"/>
      <c r="AE46" s="1423"/>
      <c r="AF46" s="1423"/>
      <c r="AG46" s="1423"/>
      <c r="AH46" s="1423"/>
      <c r="AI46" s="1423"/>
      <c r="AJ46" s="1423"/>
      <c r="AK46" s="1423"/>
      <c r="AL46" s="745"/>
    </row>
    <row r="47" spans="1:38" s="746" customFormat="1" ht="32.25" customHeight="1" x14ac:dyDescent="0.2">
      <c r="A47" s="741"/>
      <c r="B47" s="1422" t="s">
        <v>1250</v>
      </c>
      <c r="C47" s="1422"/>
      <c r="D47" s="1422"/>
      <c r="E47" s="1422"/>
      <c r="F47" s="1422"/>
      <c r="G47" s="1422"/>
      <c r="H47" s="1422"/>
      <c r="I47" s="1422"/>
      <c r="J47" s="1422"/>
      <c r="K47" s="1422"/>
      <c r="L47" s="1422"/>
      <c r="M47" s="1422"/>
      <c r="N47" s="1422"/>
      <c r="O47" s="1422"/>
      <c r="P47" s="1422"/>
      <c r="Q47" s="1422"/>
      <c r="R47" s="1422"/>
      <c r="S47" s="1422"/>
      <c r="T47" s="1422"/>
      <c r="U47" s="1422"/>
      <c r="V47" s="1422"/>
      <c r="W47" s="1422"/>
      <c r="X47" s="1422"/>
      <c r="Y47" s="1422"/>
      <c r="Z47" s="1422"/>
      <c r="AA47" s="1422"/>
      <c r="AB47" s="1422"/>
      <c r="AC47" s="1422"/>
      <c r="AD47" s="1422"/>
      <c r="AE47" s="1422"/>
      <c r="AF47" s="1422"/>
      <c r="AG47" s="1422"/>
      <c r="AH47" s="1422"/>
      <c r="AI47" s="1422"/>
      <c r="AJ47" s="1422"/>
      <c r="AK47" s="1422"/>
    </row>
    <row r="48" spans="1:38" s="746" customFormat="1" ht="36" customHeight="1" x14ac:dyDescent="0.2">
      <c r="A48" s="741"/>
      <c r="B48" s="1423" t="s">
        <v>1265</v>
      </c>
      <c r="C48" s="1423"/>
      <c r="D48" s="1423"/>
      <c r="E48" s="1423"/>
      <c r="F48" s="1423"/>
      <c r="G48" s="1423"/>
      <c r="H48" s="1423"/>
      <c r="I48" s="1423"/>
      <c r="J48" s="1423"/>
      <c r="K48" s="1423"/>
      <c r="L48" s="1423"/>
      <c r="M48" s="1423"/>
      <c r="N48" s="1423"/>
      <c r="O48" s="1423"/>
      <c r="P48" s="1423"/>
      <c r="Q48" s="1423"/>
      <c r="R48" s="1423"/>
      <c r="S48" s="1423"/>
      <c r="T48" s="1423"/>
      <c r="U48" s="1423"/>
      <c r="V48" s="1423"/>
      <c r="W48" s="1423"/>
      <c r="X48" s="1423"/>
      <c r="Y48" s="1423"/>
      <c r="Z48" s="1423"/>
      <c r="AA48" s="1423"/>
      <c r="AB48" s="1423"/>
      <c r="AC48" s="1423"/>
      <c r="AD48" s="1423"/>
      <c r="AE48" s="1423"/>
      <c r="AF48" s="1423"/>
      <c r="AG48" s="1423"/>
      <c r="AH48" s="1423"/>
      <c r="AI48" s="1423"/>
      <c r="AJ48" s="1423"/>
      <c r="AK48" s="1423"/>
    </row>
    <row r="49" spans="2:37" s="746" customFormat="1" ht="21" customHeight="1" x14ac:dyDescent="0.2">
      <c r="B49" s="746" t="s">
        <v>1252</v>
      </c>
      <c r="AK49" s="747"/>
    </row>
    <row r="50" spans="2:37" s="746" customFormat="1" ht="21" customHeight="1" x14ac:dyDescent="0.2">
      <c r="B50" s="746" t="s">
        <v>1252</v>
      </c>
      <c r="AK50" s="747"/>
    </row>
  </sheetData>
  <protectedRanges>
    <protectedRange sqref="L7:Y7 AG7:AJ7 L6:AJ6 L8:AJ8" name="範囲1"/>
  </protectedRanges>
  <mergeCells count="90">
    <mergeCell ref="B47:AK47"/>
    <mergeCell ref="B48:AK48"/>
    <mergeCell ref="C33:R33"/>
    <mergeCell ref="S33:AJ33"/>
    <mergeCell ref="B35:G35"/>
    <mergeCell ref="H35:AJ35"/>
    <mergeCell ref="B37:AK41"/>
    <mergeCell ref="B42:AK46"/>
    <mergeCell ref="B30:R30"/>
    <mergeCell ref="S30:AJ30"/>
    <mergeCell ref="C31:R31"/>
    <mergeCell ref="S31:AJ31"/>
    <mergeCell ref="C32:R32"/>
    <mergeCell ref="S32:AJ32"/>
    <mergeCell ref="B27:AJ27"/>
    <mergeCell ref="B28:R28"/>
    <mergeCell ref="S28:AB28"/>
    <mergeCell ref="AE28:AJ28"/>
    <mergeCell ref="B29:R29"/>
    <mergeCell ref="S29:AB29"/>
    <mergeCell ref="AE29:AJ29"/>
    <mergeCell ref="C24:K24"/>
    <mergeCell ref="L24:X24"/>
    <mergeCell ref="Y24:AD24"/>
    <mergeCell ref="AE24:AJ24"/>
    <mergeCell ref="B25:K25"/>
    <mergeCell ref="L25:P25"/>
    <mergeCell ref="Q25:R25"/>
    <mergeCell ref="S25:AD25"/>
    <mergeCell ref="AE25:AJ25"/>
    <mergeCell ref="C22:K22"/>
    <mergeCell ref="L22:X22"/>
    <mergeCell ref="Y22:AD22"/>
    <mergeCell ref="AE22:AJ22"/>
    <mergeCell ref="C23:K23"/>
    <mergeCell ref="L23:X23"/>
    <mergeCell ref="Y23:AD23"/>
    <mergeCell ref="AE23:AJ23"/>
    <mergeCell ref="C20:K20"/>
    <mergeCell ref="L20:X20"/>
    <mergeCell ref="Y20:AD20"/>
    <mergeCell ref="AE20:AJ20"/>
    <mergeCell ref="C21:K21"/>
    <mergeCell ref="L21:X21"/>
    <mergeCell ref="Y21:AD21"/>
    <mergeCell ref="AE21:AJ21"/>
    <mergeCell ref="C18:K18"/>
    <mergeCell ref="L18:X18"/>
    <mergeCell ref="Y18:AD18"/>
    <mergeCell ref="AE18:AJ18"/>
    <mergeCell ref="C19:K19"/>
    <mergeCell ref="L19:X19"/>
    <mergeCell ref="Y19:AD19"/>
    <mergeCell ref="AE19:AJ19"/>
    <mergeCell ref="C16:K16"/>
    <mergeCell ref="L16:X16"/>
    <mergeCell ref="Y16:AD16"/>
    <mergeCell ref="AE16:AJ16"/>
    <mergeCell ref="C17:K17"/>
    <mergeCell ref="L17:X17"/>
    <mergeCell ref="Y17:AD17"/>
    <mergeCell ref="AE17:AJ17"/>
    <mergeCell ref="B14:K14"/>
    <mergeCell ref="L14:X14"/>
    <mergeCell ref="Y14:AD14"/>
    <mergeCell ref="AE14:AJ14"/>
    <mergeCell ref="C15:K15"/>
    <mergeCell ref="L15:X15"/>
    <mergeCell ref="Y15:AD15"/>
    <mergeCell ref="AE15:AJ15"/>
    <mergeCell ref="C12:R12"/>
    <mergeCell ref="S12:AB12"/>
    <mergeCell ref="AE12:AJ12"/>
    <mergeCell ref="B13:R13"/>
    <mergeCell ref="S13:AB13"/>
    <mergeCell ref="AE13:AJ13"/>
    <mergeCell ref="B8:K8"/>
    <mergeCell ref="L8:AJ8"/>
    <mergeCell ref="B10:AJ10"/>
    <mergeCell ref="B11:R11"/>
    <mergeCell ref="S11:AB11"/>
    <mergeCell ref="AE11:AJ11"/>
    <mergeCell ref="AA2:AJ2"/>
    <mergeCell ref="B4:AJ4"/>
    <mergeCell ref="B6:K6"/>
    <mergeCell ref="L6:AJ6"/>
    <mergeCell ref="B7:K7"/>
    <mergeCell ref="L7:Y7"/>
    <mergeCell ref="Z7:AF7"/>
    <mergeCell ref="AG7:AJ7"/>
  </mergeCells>
  <phoneticPr fontId="6"/>
  <pageMargins left="0.62986111111111109" right="0.62986111111111109" top="0.55138888888888893" bottom="0.31527777777777777" header="0.51180555555555551" footer="0.51180555555555551"/>
  <pageSetup paperSize="9" scale="74" firstPageNumber="0" orientation="portrait" cellComments="atEnd" horizontalDpi="300" verticalDpi="300" r:id="rId1"/>
  <headerFooter alignWithMargins="0"/>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G33"/>
  <sheetViews>
    <sheetView showGridLines="0" view="pageBreakPreview" zoomScale="90" zoomScaleNormal="100" zoomScaleSheetLayoutView="90" workbookViewId="0">
      <selection activeCell="A3" sqref="A3:J3"/>
    </sheetView>
  </sheetViews>
  <sheetFormatPr defaultRowHeight="13.2" x14ac:dyDescent="0.2"/>
  <cols>
    <col min="1" max="1" width="4.88671875" style="56" customWidth="1"/>
    <col min="2" max="2" width="26.33203125" style="56" customWidth="1"/>
    <col min="3" max="3" width="4.33203125" style="56" customWidth="1"/>
    <col min="4" max="6" width="21.88671875" style="56" customWidth="1"/>
    <col min="7" max="7" width="3.33203125" style="56" customWidth="1"/>
    <col min="8" max="8" width="4.88671875" style="56" customWidth="1"/>
    <col min="9" max="256" width="9" style="56"/>
    <col min="257" max="257" width="1.21875" style="56" customWidth="1"/>
    <col min="258" max="258" width="26.33203125" style="56" customWidth="1"/>
    <col min="259" max="259" width="4.33203125" style="56" customWidth="1"/>
    <col min="260" max="262" width="21.88671875" style="56" customWidth="1"/>
    <col min="263" max="263" width="3.33203125" style="56" customWidth="1"/>
    <col min="264" max="512" width="9" style="56"/>
    <col min="513" max="513" width="1.21875" style="56" customWidth="1"/>
    <col min="514" max="514" width="26.33203125" style="56" customWidth="1"/>
    <col min="515" max="515" width="4.33203125" style="56" customWidth="1"/>
    <col min="516" max="518" width="21.88671875" style="56" customWidth="1"/>
    <col min="519" max="519" width="3.33203125" style="56" customWidth="1"/>
    <col min="520" max="768" width="9" style="56"/>
    <col min="769" max="769" width="1.21875" style="56" customWidth="1"/>
    <col min="770" max="770" width="26.33203125" style="56" customWidth="1"/>
    <col min="771" max="771" width="4.33203125" style="56" customWidth="1"/>
    <col min="772" max="774" width="21.88671875" style="56" customWidth="1"/>
    <col min="775" max="775" width="3.33203125" style="56" customWidth="1"/>
    <col min="776" max="1024" width="9" style="56"/>
    <col min="1025" max="1025" width="1.21875" style="56" customWidth="1"/>
    <col min="1026" max="1026" width="26.33203125" style="56" customWidth="1"/>
    <col min="1027" max="1027" width="4.33203125" style="56" customWidth="1"/>
    <col min="1028" max="1030" width="21.88671875" style="56" customWidth="1"/>
    <col min="1031" max="1031" width="3.33203125" style="56" customWidth="1"/>
    <col min="1032" max="1280" width="9" style="56"/>
    <col min="1281" max="1281" width="1.21875" style="56" customWidth="1"/>
    <col min="1282" max="1282" width="26.33203125" style="56" customWidth="1"/>
    <col min="1283" max="1283" width="4.33203125" style="56" customWidth="1"/>
    <col min="1284" max="1286" width="21.88671875" style="56" customWidth="1"/>
    <col min="1287" max="1287" width="3.33203125" style="56" customWidth="1"/>
    <col min="1288" max="1536" width="9" style="56"/>
    <col min="1537" max="1537" width="1.21875" style="56" customWidth="1"/>
    <col min="1538" max="1538" width="26.33203125" style="56" customWidth="1"/>
    <col min="1539" max="1539" width="4.33203125" style="56" customWidth="1"/>
    <col min="1540" max="1542" width="21.88671875" style="56" customWidth="1"/>
    <col min="1543" max="1543" width="3.33203125" style="56" customWidth="1"/>
    <col min="1544" max="1792" width="9" style="56"/>
    <col min="1793" max="1793" width="1.21875" style="56" customWidth="1"/>
    <col min="1794" max="1794" width="26.33203125" style="56" customWidth="1"/>
    <col min="1795" max="1795" width="4.33203125" style="56" customWidth="1"/>
    <col min="1796" max="1798" width="21.88671875" style="56" customWidth="1"/>
    <col min="1799" max="1799" width="3.33203125" style="56" customWidth="1"/>
    <col min="1800" max="2048" width="9" style="56"/>
    <col min="2049" max="2049" width="1.21875" style="56" customWidth="1"/>
    <col min="2050" max="2050" width="26.33203125" style="56" customWidth="1"/>
    <col min="2051" max="2051" width="4.33203125" style="56" customWidth="1"/>
    <col min="2052" max="2054" width="21.88671875" style="56" customWidth="1"/>
    <col min="2055" max="2055" width="3.33203125" style="56" customWidth="1"/>
    <col min="2056" max="2304" width="9" style="56"/>
    <col min="2305" max="2305" width="1.21875" style="56" customWidth="1"/>
    <col min="2306" max="2306" width="26.33203125" style="56" customWidth="1"/>
    <col min="2307" max="2307" width="4.33203125" style="56" customWidth="1"/>
    <col min="2308" max="2310" width="21.88671875" style="56" customWidth="1"/>
    <col min="2311" max="2311" width="3.33203125" style="56" customWidth="1"/>
    <col min="2312" max="2560" width="9" style="56"/>
    <col min="2561" max="2561" width="1.21875" style="56" customWidth="1"/>
    <col min="2562" max="2562" width="26.33203125" style="56" customWidth="1"/>
    <col min="2563" max="2563" width="4.33203125" style="56" customWidth="1"/>
    <col min="2564" max="2566" width="21.88671875" style="56" customWidth="1"/>
    <col min="2567" max="2567" width="3.33203125" style="56" customWidth="1"/>
    <col min="2568" max="2816" width="9" style="56"/>
    <col min="2817" max="2817" width="1.21875" style="56" customWidth="1"/>
    <col min="2818" max="2818" width="26.33203125" style="56" customWidth="1"/>
    <col min="2819" max="2819" width="4.33203125" style="56" customWidth="1"/>
    <col min="2820" max="2822" width="21.88671875" style="56" customWidth="1"/>
    <col min="2823" max="2823" width="3.33203125" style="56" customWidth="1"/>
    <col min="2824" max="3072" width="9" style="56"/>
    <col min="3073" max="3073" width="1.21875" style="56" customWidth="1"/>
    <col min="3074" max="3074" width="26.33203125" style="56" customWidth="1"/>
    <col min="3075" max="3075" width="4.33203125" style="56" customWidth="1"/>
    <col min="3076" max="3078" width="21.88671875" style="56" customWidth="1"/>
    <col min="3079" max="3079" width="3.33203125" style="56" customWidth="1"/>
    <col min="3080" max="3328" width="9" style="56"/>
    <col min="3329" max="3329" width="1.21875" style="56" customWidth="1"/>
    <col min="3330" max="3330" width="26.33203125" style="56" customWidth="1"/>
    <col min="3331" max="3331" width="4.33203125" style="56" customWidth="1"/>
    <col min="3332" max="3334" width="21.88671875" style="56" customWidth="1"/>
    <col min="3335" max="3335" width="3.33203125" style="56" customWidth="1"/>
    <col min="3336" max="3584" width="9" style="56"/>
    <col min="3585" max="3585" width="1.21875" style="56" customWidth="1"/>
    <col min="3586" max="3586" width="26.33203125" style="56" customWidth="1"/>
    <col min="3587" max="3587" width="4.33203125" style="56" customWidth="1"/>
    <col min="3588" max="3590" width="21.88671875" style="56" customWidth="1"/>
    <col min="3591" max="3591" width="3.33203125" style="56" customWidth="1"/>
    <col min="3592" max="3840" width="9" style="56"/>
    <col min="3841" max="3841" width="1.21875" style="56" customWidth="1"/>
    <col min="3842" max="3842" width="26.33203125" style="56" customWidth="1"/>
    <col min="3843" max="3843" width="4.33203125" style="56" customWidth="1"/>
    <col min="3844" max="3846" width="21.88671875" style="56" customWidth="1"/>
    <col min="3847" max="3847" width="3.33203125" style="56" customWidth="1"/>
    <col min="3848" max="4096" width="9" style="56"/>
    <col min="4097" max="4097" width="1.21875" style="56" customWidth="1"/>
    <col min="4098" max="4098" width="26.33203125" style="56" customWidth="1"/>
    <col min="4099" max="4099" width="4.33203125" style="56" customWidth="1"/>
    <col min="4100" max="4102" width="21.88671875" style="56" customWidth="1"/>
    <col min="4103" max="4103" width="3.33203125" style="56" customWidth="1"/>
    <col min="4104" max="4352" width="9" style="56"/>
    <col min="4353" max="4353" width="1.21875" style="56" customWidth="1"/>
    <col min="4354" max="4354" width="26.33203125" style="56" customWidth="1"/>
    <col min="4355" max="4355" width="4.33203125" style="56" customWidth="1"/>
    <col min="4356" max="4358" width="21.88671875" style="56" customWidth="1"/>
    <col min="4359" max="4359" width="3.33203125" style="56" customWidth="1"/>
    <col min="4360" max="4608" width="9" style="56"/>
    <col min="4609" max="4609" width="1.21875" style="56" customWidth="1"/>
    <col min="4610" max="4610" width="26.33203125" style="56" customWidth="1"/>
    <col min="4611" max="4611" width="4.33203125" style="56" customWidth="1"/>
    <col min="4612" max="4614" width="21.88671875" style="56" customWidth="1"/>
    <col min="4615" max="4615" width="3.33203125" style="56" customWidth="1"/>
    <col min="4616" max="4864" width="9" style="56"/>
    <col min="4865" max="4865" width="1.21875" style="56" customWidth="1"/>
    <col min="4866" max="4866" width="26.33203125" style="56" customWidth="1"/>
    <col min="4867" max="4867" width="4.33203125" style="56" customWidth="1"/>
    <col min="4868" max="4870" width="21.88671875" style="56" customWidth="1"/>
    <col min="4871" max="4871" width="3.33203125" style="56" customWidth="1"/>
    <col min="4872" max="5120" width="9" style="56"/>
    <col min="5121" max="5121" width="1.21875" style="56" customWidth="1"/>
    <col min="5122" max="5122" width="26.33203125" style="56" customWidth="1"/>
    <col min="5123" max="5123" width="4.33203125" style="56" customWidth="1"/>
    <col min="5124" max="5126" width="21.88671875" style="56" customWidth="1"/>
    <col min="5127" max="5127" width="3.33203125" style="56" customWidth="1"/>
    <col min="5128" max="5376" width="9" style="56"/>
    <col min="5377" max="5377" width="1.21875" style="56" customWidth="1"/>
    <col min="5378" max="5378" width="26.33203125" style="56" customWidth="1"/>
    <col min="5379" max="5379" width="4.33203125" style="56" customWidth="1"/>
    <col min="5380" max="5382" width="21.88671875" style="56" customWidth="1"/>
    <col min="5383" max="5383" width="3.33203125" style="56" customWidth="1"/>
    <col min="5384" max="5632" width="9" style="56"/>
    <col min="5633" max="5633" width="1.21875" style="56" customWidth="1"/>
    <col min="5634" max="5634" width="26.33203125" style="56" customWidth="1"/>
    <col min="5635" max="5635" width="4.33203125" style="56" customWidth="1"/>
    <col min="5636" max="5638" width="21.88671875" style="56" customWidth="1"/>
    <col min="5639" max="5639" width="3.33203125" style="56" customWidth="1"/>
    <col min="5640" max="5888" width="9" style="56"/>
    <col min="5889" max="5889" width="1.21875" style="56" customWidth="1"/>
    <col min="5890" max="5890" width="26.33203125" style="56" customWidth="1"/>
    <col min="5891" max="5891" width="4.33203125" style="56" customWidth="1"/>
    <col min="5892" max="5894" width="21.88671875" style="56" customWidth="1"/>
    <col min="5895" max="5895" width="3.33203125" style="56" customWidth="1"/>
    <col min="5896" max="6144" width="9" style="56"/>
    <col min="6145" max="6145" width="1.21875" style="56" customWidth="1"/>
    <col min="6146" max="6146" width="26.33203125" style="56" customWidth="1"/>
    <col min="6147" max="6147" width="4.33203125" style="56" customWidth="1"/>
    <col min="6148" max="6150" width="21.88671875" style="56" customWidth="1"/>
    <col min="6151" max="6151" width="3.33203125" style="56" customWidth="1"/>
    <col min="6152" max="6400" width="9" style="56"/>
    <col min="6401" max="6401" width="1.21875" style="56" customWidth="1"/>
    <col min="6402" max="6402" width="26.33203125" style="56" customWidth="1"/>
    <col min="6403" max="6403" width="4.33203125" style="56" customWidth="1"/>
    <col min="6404" max="6406" width="21.88671875" style="56" customWidth="1"/>
    <col min="6407" max="6407" width="3.33203125" style="56" customWidth="1"/>
    <col min="6408" max="6656" width="9" style="56"/>
    <col min="6657" max="6657" width="1.21875" style="56" customWidth="1"/>
    <col min="6658" max="6658" width="26.33203125" style="56" customWidth="1"/>
    <col min="6659" max="6659" width="4.33203125" style="56" customWidth="1"/>
    <col min="6660" max="6662" width="21.88671875" style="56" customWidth="1"/>
    <col min="6663" max="6663" width="3.33203125" style="56" customWidth="1"/>
    <col min="6664" max="6912" width="9" style="56"/>
    <col min="6913" max="6913" width="1.21875" style="56" customWidth="1"/>
    <col min="6914" max="6914" width="26.33203125" style="56" customWidth="1"/>
    <col min="6915" max="6915" width="4.33203125" style="56" customWidth="1"/>
    <col min="6916" max="6918" width="21.88671875" style="56" customWidth="1"/>
    <col min="6919" max="6919" width="3.33203125" style="56" customWidth="1"/>
    <col min="6920" max="7168" width="9" style="56"/>
    <col min="7169" max="7169" width="1.21875" style="56" customWidth="1"/>
    <col min="7170" max="7170" width="26.33203125" style="56" customWidth="1"/>
    <col min="7171" max="7171" width="4.33203125" style="56" customWidth="1"/>
    <col min="7172" max="7174" width="21.88671875" style="56" customWidth="1"/>
    <col min="7175" max="7175" width="3.33203125" style="56" customWidth="1"/>
    <col min="7176" max="7424" width="9" style="56"/>
    <col min="7425" max="7425" width="1.21875" style="56" customWidth="1"/>
    <col min="7426" max="7426" width="26.33203125" style="56" customWidth="1"/>
    <col min="7427" max="7427" width="4.33203125" style="56" customWidth="1"/>
    <col min="7428" max="7430" width="21.88671875" style="56" customWidth="1"/>
    <col min="7431" max="7431" width="3.33203125" style="56" customWidth="1"/>
    <col min="7432" max="7680" width="9" style="56"/>
    <col min="7681" max="7681" width="1.21875" style="56" customWidth="1"/>
    <col min="7682" max="7682" width="26.33203125" style="56" customWidth="1"/>
    <col min="7683" max="7683" width="4.33203125" style="56" customWidth="1"/>
    <col min="7684" max="7686" width="21.88671875" style="56" customWidth="1"/>
    <col min="7687" max="7687" width="3.33203125" style="56" customWidth="1"/>
    <col min="7688" max="7936" width="9" style="56"/>
    <col min="7937" max="7937" width="1.21875" style="56" customWidth="1"/>
    <col min="7938" max="7938" width="26.33203125" style="56" customWidth="1"/>
    <col min="7939" max="7939" width="4.33203125" style="56" customWidth="1"/>
    <col min="7940" max="7942" width="21.88671875" style="56" customWidth="1"/>
    <col min="7943" max="7943" width="3.33203125" style="56" customWidth="1"/>
    <col min="7944" max="8192" width="9" style="56"/>
    <col min="8193" max="8193" width="1.21875" style="56" customWidth="1"/>
    <col min="8194" max="8194" width="26.33203125" style="56" customWidth="1"/>
    <col min="8195" max="8195" width="4.33203125" style="56" customWidth="1"/>
    <col min="8196" max="8198" width="21.88671875" style="56" customWidth="1"/>
    <col min="8199" max="8199" width="3.33203125" style="56" customWidth="1"/>
    <col min="8200" max="8448" width="9" style="56"/>
    <col min="8449" max="8449" width="1.21875" style="56" customWidth="1"/>
    <col min="8450" max="8450" width="26.33203125" style="56" customWidth="1"/>
    <col min="8451" max="8451" width="4.33203125" style="56" customWidth="1"/>
    <col min="8452" max="8454" width="21.88671875" style="56" customWidth="1"/>
    <col min="8455" max="8455" width="3.33203125" style="56" customWidth="1"/>
    <col min="8456" max="8704" width="9" style="56"/>
    <col min="8705" max="8705" width="1.21875" style="56" customWidth="1"/>
    <col min="8706" max="8706" width="26.33203125" style="56" customWidth="1"/>
    <col min="8707" max="8707" width="4.33203125" style="56" customWidth="1"/>
    <col min="8708" max="8710" width="21.88671875" style="56" customWidth="1"/>
    <col min="8711" max="8711" width="3.33203125" style="56" customWidth="1"/>
    <col min="8712" max="8960" width="9" style="56"/>
    <col min="8961" max="8961" width="1.21875" style="56" customWidth="1"/>
    <col min="8962" max="8962" width="26.33203125" style="56" customWidth="1"/>
    <col min="8963" max="8963" width="4.33203125" style="56" customWidth="1"/>
    <col min="8964" max="8966" width="21.88671875" style="56" customWidth="1"/>
    <col min="8967" max="8967" width="3.33203125" style="56" customWidth="1"/>
    <col min="8968" max="9216" width="9" style="56"/>
    <col min="9217" max="9217" width="1.21875" style="56" customWidth="1"/>
    <col min="9218" max="9218" width="26.33203125" style="56" customWidth="1"/>
    <col min="9219" max="9219" width="4.33203125" style="56" customWidth="1"/>
    <col min="9220" max="9222" width="21.88671875" style="56" customWidth="1"/>
    <col min="9223" max="9223" width="3.33203125" style="56" customWidth="1"/>
    <col min="9224" max="9472" width="9" style="56"/>
    <col min="9473" max="9473" width="1.21875" style="56" customWidth="1"/>
    <col min="9474" max="9474" width="26.33203125" style="56" customWidth="1"/>
    <col min="9475" max="9475" width="4.33203125" style="56" customWidth="1"/>
    <col min="9476" max="9478" width="21.88671875" style="56" customWidth="1"/>
    <col min="9479" max="9479" width="3.33203125" style="56" customWidth="1"/>
    <col min="9480" max="9728" width="9" style="56"/>
    <col min="9729" max="9729" width="1.21875" style="56" customWidth="1"/>
    <col min="9730" max="9730" width="26.33203125" style="56" customWidth="1"/>
    <col min="9731" max="9731" width="4.33203125" style="56" customWidth="1"/>
    <col min="9732" max="9734" width="21.88671875" style="56" customWidth="1"/>
    <col min="9735" max="9735" width="3.33203125" style="56" customWidth="1"/>
    <col min="9736" max="9984" width="9" style="56"/>
    <col min="9985" max="9985" width="1.21875" style="56" customWidth="1"/>
    <col min="9986" max="9986" width="26.33203125" style="56" customWidth="1"/>
    <col min="9987" max="9987" width="4.33203125" style="56" customWidth="1"/>
    <col min="9988" max="9990" width="21.88671875" style="56" customWidth="1"/>
    <col min="9991" max="9991" width="3.33203125" style="56" customWidth="1"/>
    <col min="9992" max="10240" width="9" style="56"/>
    <col min="10241" max="10241" width="1.21875" style="56" customWidth="1"/>
    <col min="10242" max="10242" width="26.33203125" style="56" customWidth="1"/>
    <col min="10243" max="10243" width="4.33203125" style="56" customWidth="1"/>
    <col min="10244" max="10246" width="21.88671875" style="56" customWidth="1"/>
    <col min="10247" max="10247" width="3.33203125" style="56" customWidth="1"/>
    <col min="10248" max="10496" width="9" style="56"/>
    <col min="10497" max="10497" width="1.21875" style="56" customWidth="1"/>
    <col min="10498" max="10498" width="26.33203125" style="56" customWidth="1"/>
    <col min="10499" max="10499" width="4.33203125" style="56" customWidth="1"/>
    <col min="10500" max="10502" width="21.88671875" style="56" customWidth="1"/>
    <col min="10503" max="10503" width="3.33203125" style="56" customWidth="1"/>
    <col min="10504" max="10752" width="9" style="56"/>
    <col min="10753" max="10753" width="1.21875" style="56" customWidth="1"/>
    <col min="10754" max="10754" width="26.33203125" style="56" customWidth="1"/>
    <col min="10755" max="10755" width="4.33203125" style="56" customWidth="1"/>
    <col min="10756" max="10758" width="21.88671875" style="56" customWidth="1"/>
    <col min="10759" max="10759" width="3.33203125" style="56" customWidth="1"/>
    <col min="10760" max="11008" width="9" style="56"/>
    <col min="11009" max="11009" width="1.21875" style="56" customWidth="1"/>
    <col min="11010" max="11010" width="26.33203125" style="56" customWidth="1"/>
    <col min="11011" max="11011" width="4.33203125" style="56" customWidth="1"/>
    <col min="11012" max="11014" width="21.88671875" style="56" customWidth="1"/>
    <col min="11015" max="11015" width="3.33203125" style="56" customWidth="1"/>
    <col min="11016" max="11264" width="9" style="56"/>
    <col min="11265" max="11265" width="1.21875" style="56" customWidth="1"/>
    <col min="11266" max="11266" width="26.33203125" style="56" customWidth="1"/>
    <col min="11267" max="11267" width="4.33203125" style="56" customWidth="1"/>
    <col min="11268" max="11270" width="21.88671875" style="56" customWidth="1"/>
    <col min="11271" max="11271" width="3.33203125" style="56" customWidth="1"/>
    <col min="11272" max="11520" width="9" style="56"/>
    <col min="11521" max="11521" width="1.21875" style="56" customWidth="1"/>
    <col min="11522" max="11522" width="26.33203125" style="56" customWidth="1"/>
    <col min="11523" max="11523" width="4.33203125" style="56" customWidth="1"/>
    <col min="11524" max="11526" width="21.88671875" style="56" customWidth="1"/>
    <col min="11527" max="11527" width="3.33203125" style="56" customWidth="1"/>
    <col min="11528" max="11776" width="9" style="56"/>
    <col min="11777" max="11777" width="1.21875" style="56" customWidth="1"/>
    <col min="11778" max="11778" width="26.33203125" style="56" customWidth="1"/>
    <col min="11779" max="11779" width="4.33203125" style="56" customWidth="1"/>
    <col min="11780" max="11782" width="21.88671875" style="56" customWidth="1"/>
    <col min="11783" max="11783" width="3.33203125" style="56" customWidth="1"/>
    <col min="11784" max="12032" width="9" style="56"/>
    <col min="12033" max="12033" width="1.21875" style="56" customWidth="1"/>
    <col min="12034" max="12034" width="26.33203125" style="56" customWidth="1"/>
    <col min="12035" max="12035" width="4.33203125" style="56" customWidth="1"/>
    <col min="12036" max="12038" width="21.88671875" style="56" customWidth="1"/>
    <col min="12039" max="12039" width="3.33203125" style="56" customWidth="1"/>
    <col min="12040" max="12288" width="9" style="56"/>
    <col min="12289" max="12289" width="1.21875" style="56" customWidth="1"/>
    <col min="12290" max="12290" width="26.33203125" style="56" customWidth="1"/>
    <col min="12291" max="12291" width="4.33203125" style="56" customWidth="1"/>
    <col min="12292" max="12294" width="21.88671875" style="56" customWidth="1"/>
    <col min="12295" max="12295" width="3.33203125" style="56" customWidth="1"/>
    <col min="12296" max="12544" width="9" style="56"/>
    <col min="12545" max="12545" width="1.21875" style="56" customWidth="1"/>
    <col min="12546" max="12546" width="26.33203125" style="56" customWidth="1"/>
    <col min="12547" max="12547" width="4.33203125" style="56" customWidth="1"/>
    <col min="12548" max="12550" width="21.88671875" style="56" customWidth="1"/>
    <col min="12551" max="12551" width="3.33203125" style="56" customWidth="1"/>
    <col min="12552" max="12800" width="9" style="56"/>
    <col min="12801" max="12801" width="1.21875" style="56" customWidth="1"/>
    <col min="12802" max="12802" width="26.33203125" style="56" customWidth="1"/>
    <col min="12803" max="12803" width="4.33203125" style="56" customWidth="1"/>
    <col min="12804" max="12806" width="21.88671875" style="56" customWidth="1"/>
    <col min="12807" max="12807" width="3.33203125" style="56" customWidth="1"/>
    <col min="12808" max="13056" width="9" style="56"/>
    <col min="13057" max="13057" width="1.21875" style="56" customWidth="1"/>
    <col min="13058" max="13058" width="26.33203125" style="56" customWidth="1"/>
    <col min="13059" max="13059" width="4.33203125" style="56" customWidth="1"/>
    <col min="13060" max="13062" width="21.88671875" style="56" customWidth="1"/>
    <col min="13063" max="13063" width="3.33203125" style="56" customWidth="1"/>
    <col min="13064" max="13312" width="9" style="56"/>
    <col min="13313" max="13313" width="1.21875" style="56" customWidth="1"/>
    <col min="13314" max="13314" width="26.33203125" style="56" customWidth="1"/>
    <col min="13315" max="13315" width="4.33203125" style="56" customWidth="1"/>
    <col min="13316" max="13318" width="21.88671875" style="56" customWidth="1"/>
    <col min="13319" max="13319" width="3.33203125" style="56" customWidth="1"/>
    <col min="13320" max="13568" width="9" style="56"/>
    <col min="13569" max="13569" width="1.21875" style="56" customWidth="1"/>
    <col min="13570" max="13570" width="26.33203125" style="56" customWidth="1"/>
    <col min="13571" max="13571" width="4.33203125" style="56" customWidth="1"/>
    <col min="13572" max="13574" width="21.88671875" style="56" customWidth="1"/>
    <col min="13575" max="13575" width="3.33203125" style="56" customWidth="1"/>
    <col min="13576" max="13824" width="9" style="56"/>
    <col min="13825" max="13825" width="1.21875" style="56" customWidth="1"/>
    <col min="13826" max="13826" width="26.33203125" style="56" customWidth="1"/>
    <col min="13827" max="13827" width="4.33203125" style="56" customWidth="1"/>
    <col min="13828" max="13830" width="21.88671875" style="56" customWidth="1"/>
    <col min="13831" max="13831" width="3.33203125" style="56" customWidth="1"/>
    <col min="13832" max="14080" width="9" style="56"/>
    <col min="14081" max="14081" width="1.21875" style="56" customWidth="1"/>
    <col min="14082" max="14082" width="26.33203125" style="56" customWidth="1"/>
    <col min="14083" max="14083" width="4.33203125" style="56" customWidth="1"/>
    <col min="14084" max="14086" width="21.88671875" style="56" customWidth="1"/>
    <col min="14087" max="14087" width="3.33203125" style="56" customWidth="1"/>
    <col min="14088" max="14336" width="9" style="56"/>
    <col min="14337" max="14337" width="1.21875" style="56" customWidth="1"/>
    <col min="14338" max="14338" width="26.33203125" style="56" customWidth="1"/>
    <col min="14339" max="14339" width="4.33203125" style="56" customWidth="1"/>
    <col min="14340" max="14342" width="21.88671875" style="56" customWidth="1"/>
    <col min="14343" max="14343" width="3.33203125" style="56" customWidth="1"/>
    <col min="14344" max="14592" width="9" style="56"/>
    <col min="14593" max="14593" width="1.21875" style="56" customWidth="1"/>
    <col min="14594" max="14594" width="26.33203125" style="56" customWidth="1"/>
    <col min="14595" max="14595" width="4.33203125" style="56" customWidth="1"/>
    <col min="14596" max="14598" width="21.88671875" style="56" customWidth="1"/>
    <col min="14599" max="14599" width="3.33203125" style="56" customWidth="1"/>
    <col min="14600" max="14848" width="9" style="56"/>
    <col min="14849" max="14849" width="1.21875" style="56" customWidth="1"/>
    <col min="14850" max="14850" width="26.33203125" style="56" customWidth="1"/>
    <col min="14851" max="14851" width="4.33203125" style="56" customWidth="1"/>
    <col min="14852" max="14854" width="21.88671875" style="56" customWidth="1"/>
    <col min="14855" max="14855" width="3.33203125" style="56" customWidth="1"/>
    <col min="14856" max="15104" width="9" style="56"/>
    <col min="15105" max="15105" width="1.21875" style="56" customWidth="1"/>
    <col min="15106" max="15106" width="26.33203125" style="56" customWidth="1"/>
    <col min="15107" max="15107" width="4.33203125" style="56" customWidth="1"/>
    <col min="15108" max="15110" width="21.88671875" style="56" customWidth="1"/>
    <col min="15111" max="15111" width="3.33203125" style="56" customWidth="1"/>
    <col min="15112" max="15360" width="9" style="56"/>
    <col min="15361" max="15361" width="1.21875" style="56" customWidth="1"/>
    <col min="15362" max="15362" width="26.33203125" style="56" customWidth="1"/>
    <col min="15363" max="15363" width="4.33203125" style="56" customWidth="1"/>
    <col min="15364" max="15366" width="21.88671875" style="56" customWidth="1"/>
    <col min="15367" max="15367" width="3.33203125" style="56" customWidth="1"/>
    <col min="15368" max="15616" width="9" style="56"/>
    <col min="15617" max="15617" width="1.21875" style="56" customWidth="1"/>
    <col min="15618" max="15618" width="26.33203125" style="56" customWidth="1"/>
    <col min="15619" max="15619" width="4.33203125" style="56" customWidth="1"/>
    <col min="15620" max="15622" width="21.88671875" style="56" customWidth="1"/>
    <col min="15623" max="15623" width="3.33203125" style="56" customWidth="1"/>
    <col min="15624" max="15872" width="9" style="56"/>
    <col min="15873" max="15873" width="1.21875" style="56" customWidth="1"/>
    <col min="15874" max="15874" width="26.33203125" style="56" customWidth="1"/>
    <col min="15875" max="15875" width="4.33203125" style="56" customWidth="1"/>
    <col min="15876" max="15878" width="21.88671875" style="56" customWidth="1"/>
    <col min="15879" max="15879" width="3.33203125" style="56" customWidth="1"/>
    <col min="15880" max="16128" width="9" style="56"/>
    <col min="16129" max="16129" width="1.21875" style="56" customWidth="1"/>
    <col min="16130" max="16130" width="26.33203125" style="56" customWidth="1"/>
    <col min="16131" max="16131" width="4.33203125" style="56" customWidth="1"/>
    <col min="16132" max="16134" width="21.88671875" style="56" customWidth="1"/>
    <col min="16135" max="16135" width="3.33203125" style="56" customWidth="1"/>
    <col min="16136" max="16384" width="9" style="56"/>
  </cols>
  <sheetData>
    <row r="1" spans="1:7" ht="19.5" customHeight="1" x14ac:dyDescent="0.2">
      <c r="A1" s="777"/>
      <c r="B1" s="1071" t="s">
        <v>1910</v>
      </c>
      <c r="C1" s="792"/>
      <c r="D1" s="792"/>
      <c r="E1" s="792"/>
      <c r="F1" s="792"/>
      <c r="G1" s="792"/>
    </row>
    <row r="2" spans="1:7" ht="22.5" customHeight="1" x14ac:dyDescent="0.2">
      <c r="A2" s="817"/>
      <c r="B2" s="792"/>
      <c r="C2" s="792"/>
      <c r="D2" s="792"/>
      <c r="E2" s="792"/>
      <c r="F2" s="1304" t="s">
        <v>723</v>
      </c>
      <c r="G2" s="1304"/>
    </row>
    <row r="3" spans="1:7" ht="22.5" customHeight="1" x14ac:dyDescent="0.2">
      <c r="A3" s="817"/>
      <c r="B3" s="792"/>
      <c r="C3" s="792"/>
      <c r="D3" s="792"/>
      <c r="E3" s="792"/>
      <c r="F3" s="1042"/>
      <c r="G3" s="1042"/>
    </row>
    <row r="4" spans="1:7" ht="36" customHeight="1" x14ac:dyDescent="0.2">
      <c r="A4" s="3193" t="s">
        <v>1911</v>
      </c>
      <c r="B4" s="3057"/>
      <c r="C4" s="3057"/>
      <c r="D4" s="3057"/>
      <c r="E4" s="3057"/>
      <c r="F4" s="3057"/>
      <c r="G4" s="3057"/>
    </row>
    <row r="5" spans="1:7" ht="16.5" customHeight="1" x14ac:dyDescent="0.2">
      <c r="A5" s="1147"/>
      <c r="B5" s="819"/>
      <c r="C5" s="819"/>
      <c r="D5" s="819"/>
      <c r="E5" s="819"/>
      <c r="F5" s="819"/>
      <c r="G5" s="819"/>
    </row>
    <row r="6" spans="1:7" ht="35.25" customHeight="1" x14ac:dyDescent="0.2">
      <c r="A6" s="819"/>
      <c r="B6" s="1100" t="s">
        <v>60</v>
      </c>
      <c r="C6" s="1131"/>
      <c r="D6" s="1132"/>
      <c r="E6" s="1132"/>
      <c r="F6" s="1132"/>
      <c r="G6" s="1133"/>
    </row>
    <row r="7" spans="1:7" ht="32.25" customHeight="1" x14ac:dyDescent="0.2">
      <c r="A7" s="792"/>
      <c r="B7" s="1102" t="s">
        <v>449</v>
      </c>
      <c r="C7" s="3069" t="s">
        <v>460</v>
      </c>
      <c r="D7" s="3069"/>
      <c r="E7" s="3069"/>
      <c r="F7" s="3069"/>
      <c r="G7" s="3070"/>
    </row>
    <row r="8" spans="1:7" ht="33" customHeight="1" x14ac:dyDescent="0.2">
      <c r="A8" s="792"/>
      <c r="B8" s="1102" t="s">
        <v>1891</v>
      </c>
      <c r="C8" s="3214" t="s">
        <v>1912</v>
      </c>
      <c r="D8" s="3069"/>
      <c r="E8" s="3069"/>
      <c r="F8" s="3069"/>
      <c r="G8" s="3070"/>
    </row>
    <row r="9" spans="1:7" ht="21" customHeight="1" x14ac:dyDescent="0.2">
      <c r="A9" s="792"/>
      <c r="B9" s="3180" t="s">
        <v>1913</v>
      </c>
      <c r="C9" s="1073"/>
      <c r="D9" s="1073" t="s">
        <v>461</v>
      </c>
      <c r="E9" s="1073"/>
      <c r="F9" s="1073"/>
      <c r="G9" s="1074"/>
    </row>
    <row r="10" spans="1:7" ht="18" customHeight="1" x14ac:dyDescent="0.2">
      <c r="A10" s="792"/>
      <c r="B10" s="3149"/>
      <c r="C10" s="792"/>
      <c r="D10" s="1099" t="s">
        <v>53</v>
      </c>
      <c r="E10" s="1099" t="s">
        <v>462</v>
      </c>
      <c r="F10" s="1099" t="s">
        <v>463</v>
      </c>
      <c r="G10" s="824"/>
    </row>
    <row r="11" spans="1:7" ht="27.75" customHeight="1" x14ac:dyDescent="0.2">
      <c r="A11" s="792"/>
      <c r="B11" s="3149"/>
      <c r="C11" s="792"/>
      <c r="D11" s="1099" t="s">
        <v>55</v>
      </c>
      <c r="E11" s="1099"/>
      <c r="F11" s="1109"/>
      <c r="G11" s="824"/>
    </row>
    <row r="12" spans="1:7" ht="21" customHeight="1" x14ac:dyDescent="0.2">
      <c r="A12" s="792"/>
      <c r="B12" s="3149"/>
      <c r="C12" s="792"/>
      <c r="D12" s="1117" t="s">
        <v>1414</v>
      </c>
      <c r="E12" s="1115"/>
      <c r="F12" s="792"/>
      <c r="G12" s="824"/>
    </row>
    <row r="13" spans="1:7" ht="18" customHeight="1" x14ac:dyDescent="0.2">
      <c r="A13" s="792"/>
      <c r="B13" s="3149"/>
      <c r="C13" s="792"/>
      <c r="D13" s="1079" t="s">
        <v>1914</v>
      </c>
      <c r="E13" s="1079"/>
      <c r="F13" s="792"/>
      <c r="G13" s="824"/>
    </row>
    <row r="14" spans="1:7" ht="18" customHeight="1" x14ac:dyDescent="0.2">
      <c r="A14" s="792"/>
      <c r="B14" s="3149"/>
      <c r="C14" s="792"/>
      <c r="D14" s="1099" t="s">
        <v>53</v>
      </c>
      <c r="E14" s="1099" t="s">
        <v>1915</v>
      </c>
      <c r="F14" s="1148" t="s">
        <v>1916</v>
      </c>
      <c r="G14" s="824"/>
    </row>
    <row r="15" spans="1:7" ht="29.25" customHeight="1" x14ac:dyDescent="0.2">
      <c r="A15" s="792"/>
      <c r="B15" s="3149"/>
      <c r="C15" s="792"/>
      <c r="D15" s="1099" t="s">
        <v>464</v>
      </c>
      <c r="E15" s="1099"/>
      <c r="F15" s="1109"/>
      <c r="G15" s="824"/>
    </row>
    <row r="16" spans="1:7" ht="9" customHeight="1" x14ac:dyDescent="0.2">
      <c r="A16" s="792"/>
      <c r="B16" s="3149"/>
      <c r="C16" s="792"/>
      <c r="D16" s="792"/>
      <c r="E16" s="1115"/>
      <c r="F16" s="792"/>
      <c r="G16" s="824"/>
    </row>
    <row r="17" spans="1:7" ht="29.25" customHeight="1" x14ac:dyDescent="0.2">
      <c r="A17" s="792"/>
      <c r="B17" s="3149"/>
      <c r="C17" s="792"/>
      <c r="D17" s="1079" t="s">
        <v>1917</v>
      </c>
      <c r="E17" s="1115"/>
      <c r="F17" s="1115"/>
      <c r="G17" s="824"/>
    </row>
    <row r="18" spans="1:7" ht="18" customHeight="1" x14ac:dyDescent="0.2">
      <c r="A18" s="792"/>
      <c r="B18" s="3149"/>
      <c r="C18" s="792"/>
      <c r="D18" s="1099" t="s">
        <v>53</v>
      </c>
      <c r="E18" s="3077" t="s">
        <v>54</v>
      </c>
      <c r="F18" s="3063"/>
      <c r="G18" s="824"/>
    </row>
    <row r="19" spans="1:7" ht="29.25" customHeight="1" x14ac:dyDescent="0.2">
      <c r="A19" s="792"/>
      <c r="B19" s="3149"/>
      <c r="C19" s="792"/>
      <c r="D19" s="1149"/>
      <c r="E19" s="3077"/>
      <c r="F19" s="3063"/>
      <c r="G19" s="824"/>
    </row>
    <row r="20" spans="1:7" ht="29.25" customHeight="1" x14ac:dyDescent="0.2">
      <c r="A20" s="792"/>
      <c r="B20" s="3149"/>
      <c r="C20" s="792"/>
      <c r="D20" s="3198"/>
      <c r="E20" s="3198"/>
      <c r="F20" s="3198"/>
      <c r="G20" s="824"/>
    </row>
    <row r="21" spans="1:7" ht="3.75" customHeight="1" x14ac:dyDescent="0.2">
      <c r="A21" s="792"/>
      <c r="B21" s="3149"/>
      <c r="C21" s="792"/>
      <c r="D21" s="1135"/>
      <c r="E21" s="1042"/>
      <c r="F21" s="1135"/>
      <c r="G21" s="824"/>
    </row>
    <row r="22" spans="1:7" ht="29.25" customHeight="1" x14ac:dyDescent="0.2">
      <c r="A22" s="792"/>
      <c r="B22" s="3149"/>
      <c r="C22" s="792"/>
      <c r="D22" s="792" t="s">
        <v>1918</v>
      </c>
      <c r="E22" s="1042"/>
      <c r="F22" s="1135"/>
      <c r="G22" s="824"/>
    </row>
    <row r="23" spans="1:7" ht="33.75" customHeight="1" x14ac:dyDescent="0.2">
      <c r="A23" s="792"/>
      <c r="B23" s="3149"/>
      <c r="C23" s="792"/>
      <c r="D23" s="3198" t="s">
        <v>1919</v>
      </c>
      <c r="E23" s="3199"/>
      <c r="F23" s="3199"/>
      <c r="G23" s="824"/>
    </row>
    <row r="24" spans="1:7" ht="12" customHeight="1" x14ac:dyDescent="0.2">
      <c r="A24" s="792"/>
      <c r="B24" s="3149"/>
      <c r="C24" s="792"/>
      <c r="D24" s="1137"/>
      <c r="E24" s="1137"/>
      <c r="F24" s="1137"/>
      <c r="G24" s="824"/>
    </row>
    <row r="25" spans="1:7" ht="29.25" customHeight="1" x14ac:dyDescent="0.2">
      <c r="A25" s="792"/>
      <c r="B25" s="3149"/>
      <c r="C25" s="792"/>
      <c r="D25" s="792" t="s">
        <v>1920</v>
      </c>
      <c r="E25" s="1042"/>
      <c r="F25" s="1135"/>
      <c r="G25" s="824"/>
    </row>
    <row r="26" spans="1:7" ht="39" customHeight="1" x14ac:dyDescent="0.2">
      <c r="A26" s="792"/>
      <c r="B26" s="3149"/>
      <c r="C26" s="792"/>
      <c r="D26" s="3199" t="s">
        <v>1921</v>
      </c>
      <c r="E26" s="3199"/>
      <c r="F26" s="3199"/>
      <c r="G26" s="824"/>
    </row>
    <row r="27" spans="1:7" ht="9.75" customHeight="1" x14ac:dyDescent="0.2">
      <c r="A27" s="792"/>
      <c r="B27" s="3172"/>
      <c r="C27" s="1079"/>
      <c r="D27" s="3201"/>
      <c r="E27" s="3201"/>
      <c r="F27" s="3201"/>
      <c r="G27" s="1080"/>
    </row>
    <row r="28" spans="1:7" ht="30" customHeight="1" x14ac:dyDescent="0.2">
      <c r="B28" s="3148" t="s">
        <v>1922</v>
      </c>
      <c r="C28" s="3124" t="s">
        <v>1923</v>
      </c>
      <c r="D28" s="3069"/>
      <c r="E28" s="3069"/>
      <c r="F28" s="3069"/>
      <c r="G28" s="3070"/>
    </row>
    <row r="29" spans="1:7" ht="24.75" customHeight="1" x14ac:dyDescent="0.2">
      <c r="A29" s="792"/>
      <c r="B29" s="3216"/>
      <c r="C29" s="3146"/>
      <c r="D29" s="3147"/>
      <c r="E29" s="3147"/>
      <c r="F29" s="3147"/>
      <c r="G29" s="3217"/>
    </row>
    <row r="30" spans="1:7" s="201" customFormat="1" ht="20.25" customHeight="1" x14ac:dyDescent="0.2">
      <c r="A30" s="1150"/>
      <c r="B30" s="3218" t="s">
        <v>204</v>
      </c>
      <c r="C30" s="3218"/>
      <c r="D30" s="3218"/>
      <c r="E30" s="3218"/>
      <c r="F30" s="3218"/>
      <c r="G30" s="3218"/>
    </row>
    <row r="31" spans="1:7" s="201" customFormat="1" ht="20.25" customHeight="1" x14ac:dyDescent="0.2">
      <c r="A31" s="1150"/>
      <c r="B31" s="3167" t="s">
        <v>1924</v>
      </c>
      <c r="C31" s="3167"/>
      <c r="D31" s="3167"/>
      <c r="E31" s="3167"/>
      <c r="F31" s="3167"/>
      <c r="G31" s="3167"/>
    </row>
    <row r="32" spans="1:7" s="201" customFormat="1" ht="20.25" customHeight="1" x14ac:dyDescent="0.2">
      <c r="A32" s="1150" t="s">
        <v>1656</v>
      </c>
      <c r="B32" s="3167" t="s">
        <v>1925</v>
      </c>
      <c r="C32" s="3167"/>
      <c r="D32" s="3167"/>
      <c r="E32" s="3167"/>
      <c r="F32" s="3167"/>
      <c r="G32" s="3167"/>
    </row>
    <row r="33" spans="1:7" ht="19.5" customHeight="1" x14ac:dyDescent="0.2">
      <c r="A33" s="792"/>
      <c r="B33" s="3215" t="s">
        <v>1926</v>
      </c>
      <c r="C33" s="3215"/>
      <c r="D33" s="3215"/>
      <c r="E33" s="3215"/>
      <c r="F33" s="3215"/>
      <c r="G33" s="3215"/>
    </row>
  </sheetData>
  <mergeCells count="17">
    <mergeCell ref="B33:G33"/>
    <mergeCell ref="D27:F27"/>
    <mergeCell ref="B28:B29"/>
    <mergeCell ref="C28:G29"/>
    <mergeCell ref="B30:G30"/>
    <mergeCell ref="B31:G31"/>
    <mergeCell ref="B32:G32"/>
    <mergeCell ref="F2:G2"/>
    <mergeCell ref="A4:G4"/>
    <mergeCell ref="C7:G7"/>
    <mergeCell ref="C8:G8"/>
    <mergeCell ref="B9:B27"/>
    <mergeCell ref="E18:F18"/>
    <mergeCell ref="E19:F19"/>
    <mergeCell ref="D20:F20"/>
    <mergeCell ref="D23:F23"/>
    <mergeCell ref="D26:F26"/>
  </mergeCells>
  <phoneticPr fontId="6"/>
  <pageMargins left="0.79" right="0.7" top="0.75" bottom="0.75" header="0.3" footer="0.3"/>
  <pageSetup paperSize="9" scale="80" orientation="portrait" r:id="rId1"/>
  <rowBreaks count="1" manualBreakCount="1">
    <brk id="34" max="7" man="1"/>
  </rowBreaks>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B1:L21"/>
  <sheetViews>
    <sheetView showGridLines="0" view="pageBreakPreview" zoomScaleNormal="100" zoomScaleSheetLayoutView="100" workbookViewId="0">
      <selection activeCell="A3" sqref="A3:J3"/>
    </sheetView>
  </sheetViews>
  <sheetFormatPr defaultRowHeight="13.2" x14ac:dyDescent="0.2"/>
  <cols>
    <col min="1" max="1" width="2.88671875" style="1139" customWidth="1"/>
    <col min="2" max="2" width="9" style="1139"/>
    <col min="3" max="3" width="13.88671875" style="1139" customWidth="1"/>
    <col min="4" max="4" width="3" style="1139" customWidth="1"/>
    <col min="5" max="5" width="7.88671875" style="1139" customWidth="1"/>
    <col min="6" max="6" width="17.88671875" style="1139" customWidth="1"/>
    <col min="7" max="7" width="7.109375" style="1139" customWidth="1"/>
    <col min="8" max="9" width="13.88671875" style="1139" customWidth="1"/>
    <col min="10" max="10" width="3.33203125" style="1139" customWidth="1"/>
    <col min="11" max="11" width="3.109375" style="1139" customWidth="1"/>
    <col min="12" max="258" width="9" style="1139"/>
    <col min="259" max="259" width="13.88671875" style="1139" customWidth="1"/>
    <col min="260" max="260" width="3" style="1139" customWidth="1"/>
    <col min="261" max="261" width="7.88671875" style="1139" customWidth="1"/>
    <col min="262" max="262" width="17.88671875" style="1139" customWidth="1"/>
    <col min="263" max="263" width="7.109375" style="1139" customWidth="1"/>
    <col min="264" max="265" width="13.88671875" style="1139" customWidth="1"/>
    <col min="266" max="266" width="3.33203125" style="1139" customWidth="1"/>
    <col min="267" max="514" width="9" style="1139"/>
    <col min="515" max="515" width="13.88671875" style="1139" customWidth="1"/>
    <col min="516" max="516" width="3" style="1139" customWidth="1"/>
    <col min="517" max="517" width="7.88671875" style="1139" customWidth="1"/>
    <col min="518" max="518" width="17.88671875" style="1139" customWidth="1"/>
    <col min="519" max="519" width="7.109375" style="1139" customWidth="1"/>
    <col min="520" max="521" width="13.88671875" style="1139" customWidth="1"/>
    <col min="522" max="522" width="3.33203125" style="1139" customWidth="1"/>
    <col min="523" max="770" width="9" style="1139"/>
    <col min="771" max="771" width="13.88671875" style="1139" customWidth="1"/>
    <col min="772" max="772" width="3" style="1139" customWidth="1"/>
    <col min="773" max="773" width="7.88671875" style="1139" customWidth="1"/>
    <col min="774" max="774" width="17.88671875" style="1139" customWidth="1"/>
    <col min="775" max="775" width="7.109375" style="1139" customWidth="1"/>
    <col min="776" max="777" width="13.88671875" style="1139" customWidth="1"/>
    <col min="778" max="778" width="3.33203125" style="1139" customWidth="1"/>
    <col min="779" max="1026" width="9" style="1139"/>
    <col min="1027" max="1027" width="13.88671875" style="1139" customWidth="1"/>
    <col min="1028" max="1028" width="3" style="1139" customWidth="1"/>
    <col min="1029" max="1029" width="7.88671875" style="1139" customWidth="1"/>
    <col min="1030" max="1030" width="17.88671875" style="1139" customWidth="1"/>
    <col min="1031" max="1031" width="7.109375" style="1139" customWidth="1"/>
    <col min="1032" max="1033" width="13.88671875" style="1139" customWidth="1"/>
    <col min="1034" max="1034" width="3.33203125" style="1139" customWidth="1"/>
    <col min="1035" max="1282" width="9" style="1139"/>
    <col min="1283" max="1283" width="13.88671875" style="1139" customWidth="1"/>
    <col min="1284" max="1284" width="3" style="1139" customWidth="1"/>
    <col min="1285" max="1285" width="7.88671875" style="1139" customWidth="1"/>
    <col min="1286" max="1286" width="17.88671875" style="1139" customWidth="1"/>
    <col min="1287" max="1287" width="7.109375" style="1139" customWidth="1"/>
    <col min="1288" max="1289" width="13.88671875" style="1139" customWidth="1"/>
    <col min="1290" max="1290" width="3.33203125" style="1139" customWidth="1"/>
    <col min="1291" max="1538" width="9" style="1139"/>
    <col min="1539" max="1539" width="13.88671875" style="1139" customWidth="1"/>
    <col min="1540" max="1540" width="3" style="1139" customWidth="1"/>
    <col min="1541" max="1541" width="7.88671875" style="1139" customWidth="1"/>
    <col min="1542" max="1542" width="17.88671875" style="1139" customWidth="1"/>
    <col min="1543" max="1543" width="7.109375" style="1139" customWidth="1"/>
    <col min="1544" max="1545" width="13.88671875" style="1139" customWidth="1"/>
    <col min="1546" max="1546" width="3.33203125" style="1139" customWidth="1"/>
    <col min="1547" max="1794" width="9" style="1139"/>
    <col min="1795" max="1795" width="13.88671875" style="1139" customWidth="1"/>
    <col min="1796" max="1796" width="3" style="1139" customWidth="1"/>
    <col min="1797" max="1797" width="7.88671875" style="1139" customWidth="1"/>
    <col min="1798" max="1798" width="17.88671875" style="1139" customWidth="1"/>
    <col min="1799" max="1799" width="7.109375" style="1139" customWidth="1"/>
    <col min="1800" max="1801" width="13.88671875" style="1139" customWidth="1"/>
    <col min="1802" max="1802" width="3.33203125" style="1139" customWidth="1"/>
    <col min="1803" max="2050" width="9" style="1139"/>
    <col min="2051" max="2051" width="13.88671875" style="1139" customWidth="1"/>
    <col min="2052" max="2052" width="3" style="1139" customWidth="1"/>
    <col min="2053" max="2053" width="7.88671875" style="1139" customWidth="1"/>
    <col min="2054" max="2054" width="17.88671875" style="1139" customWidth="1"/>
    <col min="2055" max="2055" width="7.109375" style="1139" customWidth="1"/>
    <col min="2056" max="2057" width="13.88671875" style="1139" customWidth="1"/>
    <col min="2058" max="2058" width="3.33203125" style="1139" customWidth="1"/>
    <col min="2059" max="2306" width="9" style="1139"/>
    <col min="2307" max="2307" width="13.88671875" style="1139" customWidth="1"/>
    <col min="2308" max="2308" width="3" style="1139" customWidth="1"/>
    <col min="2309" max="2309" width="7.88671875" style="1139" customWidth="1"/>
    <col min="2310" max="2310" width="17.88671875" style="1139" customWidth="1"/>
    <col min="2311" max="2311" width="7.109375" style="1139" customWidth="1"/>
    <col min="2312" max="2313" width="13.88671875" style="1139" customWidth="1"/>
    <col min="2314" max="2314" width="3.33203125" style="1139" customWidth="1"/>
    <col min="2315" max="2562" width="9" style="1139"/>
    <col min="2563" max="2563" width="13.88671875" style="1139" customWidth="1"/>
    <col min="2564" max="2564" width="3" style="1139" customWidth="1"/>
    <col min="2565" max="2565" width="7.88671875" style="1139" customWidth="1"/>
    <col min="2566" max="2566" width="17.88671875" style="1139" customWidth="1"/>
    <col min="2567" max="2567" width="7.109375" style="1139" customWidth="1"/>
    <col min="2568" max="2569" width="13.88671875" style="1139" customWidth="1"/>
    <col min="2570" max="2570" width="3.33203125" style="1139" customWidth="1"/>
    <col min="2571" max="2818" width="9" style="1139"/>
    <col min="2819" max="2819" width="13.88671875" style="1139" customWidth="1"/>
    <col min="2820" max="2820" width="3" style="1139" customWidth="1"/>
    <col min="2821" max="2821" width="7.88671875" style="1139" customWidth="1"/>
    <col min="2822" max="2822" width="17.88671875" style="1139" customWidth="1"/>
    <col min="2823" max="2823" width="7.109375" style="1139" customWidth="1"/>
    <col min="2824" max="2825" width="13.88671875" style="1139" customWidth="1"/>
    <col min="2826" max="2826" width="3.33203125" style="1139" customWidth="1"/>
    <col min="2827" max="3074" width="9" style="1139"/>
    <col min="3075" max="3075" width="13.88671875" style="1139" customWidth="1"/>
    <col min="3076" max="3076" width="3" style="1139" customWidth="1"/>
    <col min="3077" max="3077" width="7.88671875" style="1139" customWidth="1"/>
    <col min="3078" max="3078" width="17.88671875" style="1139" customWidth="1"/>
    <col min="3079" max="3079" width="7.109375" style="1139" customWidth="1"/>
    <col min="3080" max="3081" width="13.88671875" style="1139" customWidth="1"/>
    <col min="3082" max="3082" width="3.33203125" style="1139" customWidth="1"/>
    <col min="3083" max="3330" width="9" style="1139"/>
    <col min="3331" max="3331" width="13.88671875" style="1139" customWidth="1"/>
    <col min="3332" max="3332" width="3" style="1139" customWidth="1"/>
    <col min="3333" max="3333" width="7.88671875" style="1139" customWidth="1"/>
    <col min="3334" max="3334" width="17.88671875" style="1139" customWidth="1"/>
    <col min="3335" max="3335" width="7.109375" style="1139" customWidth="1"/>
    <col min="3336" max="3337" width="13.88671875" style="1139" customWidth="1"/>
    <col min="3338" max="3338" width="3.33203125" style="1139" customWidth="1"/>
    <col min="3339" max="3586" width="9" style="1139"/>
    <col min="3587" max="3587" width="13.88671875" style="1139" customWidth="1"/>
    <col min="3588" max="3588" width="3" style="1139" customWidth="1"/>
    <col min="3589" max="3589" width="7.88671875" style="1139" customWidth="1"/>
    <col min="3590" max="3590" width="17.88671875" style="1139" customWidth="1"/>
    <col min="3591" max="3591" width="7.109375" style="1139" customWidth="1"/>
    <col min="3592" max="3593" width="13.88671875" style="1139" customWidth="1"/>
    <col min="3594" max="3594" width="3.33203125" style="1139" customWidth="1"/>
    <col min="3595" max="3842" width="9" style="1139"/>
    <col min="3843" max="3843" width="13.88671875" style="1139" customWidth="1"/>
    <col min="3844" max="3844" width="3" style="1139" customWidth="1"/>
    <col min="3845" max="3845" width="7.88671875" style="1139" customWidth="1"/>
    <col min="3846" max="3846" width="17.88671875" style="1139" customWidth="1"/>
    <col min="3847" max="3847" width="7.109375" style="1139" customWidth="1"/>
    <col min="3848" max="3849" width="13.88671875" style="1139" customWidth="1"/>
    <col min="3850" max="3850" width="3.33203125" style="1139" customWidth="1"/>
    <col min="3851" max="4098" width="9" style="1139"/>
    <col min="4099" max="4099" width="13.88671875" style="1139" customWidth="1"/>
    <col min="4100" max="4100" width="3" style="1139" customWidth="1"/>
    <col min="4101" max="4101" width="7.88671875" style="1139" customWidth="1"/>
    <col min="4102" max="4102" width="17.88671875" style="1139" customWidth="1"/>
    <col min="4103" max="4103" width="7.109375" style="1139" customWidth="1"/>
    <col min="4104" max="4105" width="13.88671875" style="1139" customWidth="1"/>
    <col min="4106" max="4106" width="3.33203125" style="1139" customWidth="1"/>
    <col min="4107" max="4354" width="9" style="1139"/>
    <col min="4355" max="4355" width="13.88671875" style="1139" customWidth="1"/>
    <col min="4356" max="4356" width="3" style="1139" customWidth="1"/>
    <col min="4357" max="4357" width="7.88671875" style="1139" customWidth="1"/>
    <col min="4358" max="4358" width="17.88671875" style="1139" customWidth="1"/>
    <col min="4359" max="4359" width="7.109375" style="1139" customWidth="1"/>
    <col min="4360" max="4361" width="13.88671875" style="1139" customWidth="1"/>
    <col min="4362" max="4362" width="3.33203125" style="1139" customWidth="1"/>
    <col min="4363" max="4610" width="9" style="1139"/>
    <col min="4611" max="4611" width="13.88671875" style="1139" customWidth="1"/>
    <col min="4612" max="4612" width="3" style="1139" customWidth="1"/>
    <col min="4613" max="4613" width="7.88671875" style="1139" customWidth="1"/>
    <col min="4614" max="4614" width="17.88671875" style="1139" customWidth="1"/>
    <col min="4615" max="4615" width="7.109375" style="1139" customWidth="1"/>
    <col min="4616" max="4617" width="13.88671875" style="1139" customWidth="1"/>
    <col min="4618" max="4618" width="3.33203125" style="1139" customWidth="1"/>
    <col min="4619" max="4866" width="9" style="1139"/>
    <col min="4867" max="4867" width="13.88671875" style="1139" customWidth="1"/>
    <col min="4868" max="4868" width="3" style="1139" customWidth="1"/>
    <col min="4869" max="4869" width="7.88671875" style="1139" customWidth="1"/>
    <col min="4870" max="4870" width="17.88671875" style="1139" customWidth="1"/>
    <col min="4871" max="4871" width="7.109375" style="1139" customWidth="1"/>
    <col min="4872" max="4873" width="13.88671875" style="1139" customWidth="1"/>
    <col min="4874" max="4874" width="3.33203125" style="1139" customWidth="1"/>
    <col min="4875" max="5122" width="9" style="1139"/>
    <col min="5123" max="5123" width="13.88671875" style="1139" customWidth="1"/>
    <col min="5124" max="5124" width="3" style="1139" customWidth="1"/>
    <col min="5125" max="5125" width="7.88671875" style="1139" customWidth="1"/>
    <col min="5126" max="5126" width="17.88671875" style="1139" customWidth="1"/>
    <col min="5127" max="5127" width="7.109375" style="1139" customWidth="1"/>
    <col min="5128" max="5129" width="13.88671875" style="1139" customWidth="1"/>
    <col min="5130" max="5130" width="3.33203125" style="1139" customWidth="1"/>
    <col min="5131" max="5378" width="9" style="1139"/>
    <col min="5379" max="5379" width="13.88671875" style="1139" customWidth="1"/>
    <col min="5380" max="5380" width="3" style="1139" customWidth="1"/>
    <col min="5381" max="5381" width="7.88671875" style="1139" customWidth="1"/>
    <col min="5382" max="5382" width="17.88671875" style="1139" customWidth="1"/>
    <col min="5383" max="5383" width="7.109375" style="1139" customWidth="1"/>
    <col min="5384" max="5385" width="13.88671875" style="1139" customWidth="1"/>
    <col min="5386" max="5386" width="3.33203125" style="1139" customWidth="1"/>
    <col min="5387" max="5634" width="9" style="1139"/>
    <col min="5635" max="5635" width="13.88671875" style="1139" customWidth="1"/>
    <col min="5636" max="5636" width="3" style="1139" customWidth="1"/>
    <col min="5637" max="5637" width="7.88671875" style="1139" customWidth="1"/>
    <col min="5638" max="5638" width="17.88671875" style="1139" customWidth="1"/>
    <col min="5639" max="5639" width="7.109375" style="1139" customWidth="1"/>
    <col min="5640" max="5641" width="13.88671875" style="1139" customWidth="1"/>
    <col min="5642" max="5642" width="3.33203125" style="1139" customWidth="1"/>
    <col min="5643" max="5890" width="9" style="1139"/>
    <col min="5891" max="5891" width="13.88671875" style="1139" customWidth="1"/>
    <col min="5892" max="5892" width="3" style="1139" customWidth="1"/>
    <col min="5893" max="5893" width="7.88671875" style="1139" customWidth="1"/>
    <col min="5894" max="5894" width="17.88671875" style="1139" customWidth="1"/>
    <col min="5895" max="5895" width="7.109375" style="1139" customWidth="1"/>
    <col min="5896" max="5897" width="13.88671875" style="1139" customWidth="1"/>
    <col min="5898" max="5898" width="3.33203125" style="1139" customWidth="1"/>
    <col min="5899" max="6146" width="9" style="1139"/>
    <col min="6147" max="6147" width="13.88671875" style="1139" customWidth="1"/>
    <col min="6148" max="6148" width="3" style="1139" customWidth="1"/>
    <col min="6149" max="6149" width="7.88671875" style="1139" customWidth="1"/>
    <col min="6150" max="6150" width="17.88671875" style="1139" customWidth="1"/>
    <col min="6151" max="6151" width="7.109375" style="1139" customWidth="1"/>
    <col min="6152" max="6153" width="13.88671875" style="1139" customWidth="1"/>
    <col min="6154" max="6154" width="3.33203125" style="1139" customWidth="1"/>
    <col min="6155" max="6402" width="9" style="1139"/>
    <col min="6403" max="6403" width="13.88671875" style="1139" customWidth="1"/>
    <col min="6404" max="6404" width="3" style="1139" customWidth="1"/>
    <col min="6405" max="6405" width="7.88671875" style="1139" customWidth="1"/>
    <col min="6406" max="6406" width="17.88671875" style="1139" customWidth="1"/>
    <col min="6407" max="6407" width="7.109375" style="1139" customWidth="1"/>
    <col min="6408" max="6409" width="13.88671875" style="1139" customWidth="1"/>
    <col min="6410" max="6410" width="3.33203125" style="1139" customWidth="1"/>
    <col min="6411" max="6658" width="9" style="1139"/>
    <col min="6659" max="6659" width="13.88671875" style="1139" customWidth="1"/>
    <col min="6660" max="6660" width="3" style="1139" customWidth="1"/>
    <col min="6661" max="6661" width="7.88671875" style="1139" customWidth="1"/>
    <col min="6662" max="6662" width="17.88671875" style="1139" customWidth="1"/>
    <col min="6663" max="6663" width="7.109375" style="1139" customWidth="1"/>
    <col min="6664" max="6665" width="13.88671875" style="1139" customWidth="1"/>
    <col min="6666" max="6666" width="3.33203125" style="1139" customWidth="1"/>
    <col min="6667" max="6914" width="9" style="1139"/>
    <col min="6915" max="6915" width="13.88671875" style="1139" customWidth="1"/>
    <col min="6916" max="6916" width="3" style="1139" customWidth="1"/>
    <col min="6917" max="6917" width="7.88671875" style="1139" customWidth="1"/>
    <col min="6918" max="6918" width="17.88671875" style="1139" customWidth="1"/>
    <col min="6919" max="6919" width="7.109375" style="1139" customWidth="1"/>
    <col min="6920" max="6921" width="13.88671875" style="1139" customWidth="1"/>
    <col min="6922" max="6922" width="3.33203125" style="1139" customWidth="1"/>
    <col min="6923" max="7170" width="9" style="1139"/>
    <col min="7171" max="7171" width="13.88671875" style="1139" customWidth="1"/>
    <col min="7172" max="7172" width="3" style="1139" customWidth="1"/>
    <col min="7173" max="7173" width="7.88671875" style="1139" customWidth="1"/>
    <col min="7174" max="7174" width="17.88671875" style="1139" customWidth="1"/>
    <col min="7175" max="7175" width="7.109375" style="1139" customWidth="1"/>
    <col min="7176" max="7177" width="13.88671875" style="1139" customWidth="1"/>
    <col min="7178" max="7178" width="3.33203125" style="1139" customWidth="1"/>
    <col min="7179" max="7426" width="9" style="1139"/>
    <col min="7427" max="7427" width="13.88671875" style="1139" customWidth="1"/>
    <col min="7428" max="7428" width="3" style="1139" customWidth="1"/>
    <col min="7429" max="7429" width="7.88671875" style="1139" customWidth="1"/>
    <col min="7430" max="7430" width="17.88671875" style="1139" customWidth="1"/>
    <col min="7431" max="7431" width="7.109375" style="1139" customWidth="1"/>
    <col min="7432" max="7433" width="13.88671875" style="1139" customWidth="1"/>
    <col min="7434" max="7434" width="3.33203125" style="1139" customWidth="1"/>
    <col min="7435" max="7682" width="9" style="1139"/>
    <col min="7683" max="7683" width="13.88671875" style="1139" customWidth="1"/>
    <col min="7684" max="7684" width="3" style="1139" customWidth="1"/>
    <col min="7685" max="7685" width="7.88671875" style="1139" customWidth="1"/>
    <col min="7686" max="7686" width="17.88671875" style="1139" customWidth="1"/>
    <col min="7687" max="7687" width="7.109375" style="1139" customWidth="1"/>
    <col min="7688" max="7689" width="13.88671875" style="1139" customWidth="1"/>
    <col min="7690" max="7690" width="3.33203125" style="1139" customWidth="1"/>
    <col min="7691" max="7938" width="9" style="1139"/>
    <col min="7939" max="7939" width="13.88671875" style="1139" customWidth="1"/>
    <col min="7940" max="7940" width="3" style="1139" customWidth="1"/>
    <col min="7941" max="7941" width="7.88671875" style="1139" customWidth="1"/>
    <col min="7942" max="7942" width="17.88671875" style="1139" customWidth="1"/>
    <col min="7943" max="7943" width="7.109375" style="1139" customWidth="1"/>
    <col min="7944" max="7945" width="13.88671875" style="1139" customWidth="1"/>
    <col min="7946" max="7946" width="3.33203125" style="1139" customWidth="1"/>
    <col min="7947" max="8194" width="9" style="1139"/>
    <col min="8195" max="8195" width="13.88671875" style="1139" customWidth="1"/>
    <col min="8196" max="8196" width="3" style="1139" customWidth="1"/>
    <col min="8197" max="8197" width="7.88671875" style="1139" customWidth="1"/>
    <col min="8198" max="8198" width="17.88671875" style="1139" customWidth="1"/>
    <col min="8199" max="8199" width="7.109375" style="1139" customWidth="1"/>
    <col min="8200" max="8201" width="13.88671875" style="1139" customWidth="1"/>
    <col min="8202" max="8202" width="3.33203125" style="1139" customWidth="1"/>
    <col min="8203" max="8450" width="9" style="1139"/>
    <col min="8451" max="8451" width="13.88671875" style="1139" customWidth="1"/>
    <col min="8452" max="8452" width="3" style="1139" customWidth="1"/>
    <col min="8453" max="8453" width="7.88671875" style="1139" customWidth="1"/>
    <col min="8454" max="8454" width="17.88671875" style="1139" customWidth="1"/>
    <col min="8455" max="8455" width="7.109375" style="1139" customWidth="1"/>
    <col min="8456" max="8457" width="13.88671875" style="1139" customWidth="1"/>
    <col min="8458" max="8458" width="3.33203125" style="1139" customWidth="1"/>
    <col min="8459" max="8706" width="9" style="1139"/>
    <col min="8707" max="8707" width="13.88671875" style="1139" customWidth="1"/>
    <col min="8708" max="8708" width="3" style="1139" customWidth="1"/>
    <col min="8709" max="8709" width="7.88671875" style="1139" customWidth="1"/>
    <col min="8710" max="8710" width="17.88671875" style="1139" customWidth="1"/>
    <col min="8711" max="8711" width="7.109375" style="1139" customWidth="1"/>
    <col min="8712" max="8713" width="13.88671875" style="1139" customWidth="1"/>
    <col min="8714" max="8714" width="3.33203125" style="1139" customWidth="1"/>
    <col min="8715" max="8962" width="9" style="1139"/>
    <col min="8963" max="8963" width="13.88671875" style="1139" customWidth="1"/>
    <col min="8964" max="8964" width="3" style="1139" customWidth="1"/>
    <col min="8965" max="8965" width="7.88671875" style="1139" customWidth="1"/>
    <col min="8966" max="8966" width="17.88671875" style="1139" customWidth="1"/>
    <col min="8967" max="8967" width="7.109375" style="1139" customWidth="1"/>
    <col min="8968" max="8969" width="13.88671875" style="1139" customWidth="1"/>
    <col min="8970" max="8970" width="3.33203125" style="1139" customWidth="1"/>
    <col min="8971" max="9218" width="9" style="1139"/>
    <col min="9219" max="9219" width="13.88671875" style="1139" customWidth="1"/>
    <col min="9220" max="9220" width="3" style="1139" customWidth="1"/>
    <col min="9221" max="9221" width="7.88671875" style="1139" customWidth="1"/>
    <col min="9222" max="9222" width="17.88671875" style="1139" customWidth="1"/>
    <col min="9223" max="9223" width="7.109375" style="1139" customWidth="1"/>
    <col min="9224" max="9225" width="13.88671875" style="1139" customWidth="1"/>
    <col min="9226" max="9226" width="3.33203125" style="1139" customWidth="1"/>
    <col min="9227" max="9474" width="9" style="1139"/>
    <col min="9475" max="9475" width="13.88671875" style="1139" customWidth="1"/>
    <col min="9476" max="9476" width="3" style="1139" customWidth="1"/>
    <col min="9477" max="9477" width="7.88671875" style="1139" customWidth="1"/>
    <col min="9478" max="9478" width="17.88671875" style="1139" customWidth="1"/>
    <col min="9479" max="9479" width="7.109375" style="1139" customWidth="1"/>
    <col min="9480" max="9481" width="13.88671875" style="1139" customWidth="1"/>
    <col min="9482" max="9482" width="3.33203125" style="1139" customWidth="1"/>
    <col min="9483" max="9730" width="9" style="1139"/>
    <col min="9731" max="9731" width="13.88671875" style="1139" customWidth="1"/>
    <col min="9732" max="9732" width="3" style="1139" customWidth="1"/>
    <col min="9733" max="9733" width="7.88671875" style="1139" customWidth="1"/>
    <col min="9734" max="9734" width="17.88671875" style="1139" customWidth="1"/>
    <col min="9735" max="9735" width="7.109375" style="1139" customWidth="1"/>
    <col min="9736" max="9737" width="13.88671875" style="1139" customWidth="1"/>
    <col min="9738" max="9738" width="3.33203125" style="1139" customWidth="1"/>
    <col min="9739" max="9986" width="9" style="1139"/>
    <col min="9987" max="9987" width="13.88671875" style="1139" customWidth="1"/>
    <col min="9988" max="9988" width="3" style="1139" customWidth="1"/>
    <col min="9989" max="9989" width="7.88671875" style="1139" customWidth="1"/>
    <col min="9990" max="9990" width="17.88671875" style="1139" customWidth="1"/>
    <col min="9991" max="9991" width="7.109375" style="1139" customWidth="1"/>
    <col min="9992" max="9993" width="13.88671875" style="1139" customWidth="1"/>
    <col min="9994" max="9994" width="3.33203125" style="1139" customWidth="1"/>
    <col min="9995" max="10242" width="9" style="1139"/>
    <col min="10243" max="10243" width="13.88671875" style="1139" customWidth="1"/>
    <col min="10244" max="10244" width="3" style="1139" customWidth="1"/>
    <col min="10245" max="10245" width="7.88671875" style="1139" customWidth="1"/>
    <col min="10246" max="10246" width="17.88671875" style="1139" customWidth="1"/>
    <col min="10247" max="10247" width="7.109375" style="1139" customWidth="1"/>
    <col min="10248" max="10249" width="13.88671875" style="1139" customWidth="1"/>
    <col min="10250" max="10250" width="3.33203125" style="1139" customWidth="1"/>
    <col min="10251" max="10498" width="9" style="1139"/>
    <col min="10499" max="10499" width="13.88671875" style="1139" customWidth="1"/>
    <col min="10500" max="10500" width="3" style="1139" customWidth="1"/>
    <col min="10501" max="10501" width="7.88671875" style="1139" customWidth="1"/>
    <col min="10502" max="10502" width="17.88671875" style="1139" customWidth="1"/>
    <col min="10503" max="10503" width="7.109375" style="1139" customWidth="1"/>
    <col min="10504" max="10505" width="13.88671875" style="1139" customWidth="1"/>
    <col min="10506" max="10506" width="3.33203125" style="1139" customWidth="1"/>
    <col min="10507" max="10754" width="9" style="1139"/>
    <col min="10755" max="10755" width="13.88671875" style="1139" customWidth="1"/>
    <col min="10756" max="10756" width="3" style="1139" customWidth="1"/>
    <col min="10757" max="10757" width="7.88671875" style="1139" customWidth="1"/>
    <col min="10758" max="10758" width="17.88671875" style="1139" customWidth="1"/>
    <col min="10759" max="10759" width="7.109375" style="1139" customWidth="1"/>
    <col min="10760" max="10761" width="13.88671875" style="1139" customWidth="1"/>
    <col min="10762" max="10762" width="3.33203125" style="1139" customWidth="1"/>
    <col min="10763" max="11010" width="9" style="1139"/>
    <col min="11011" max="11011" width="13.88671875" style="1139" customWidth="1"/>
    <col min="11012" max="11012" width="3" style="1139" customWidth="1"/>
    <col min="11013" max="11013" width="7.88671875" style="1139" customWidth="1"/>
    <col min="11014" max="11014" width="17.88671875" style="1139" customWidth="1"/>
    <col min="11015" max="11015" width="7.109375" style="1139" customWidth="1"/>
    <col min="11016" max="11017" width="13.88671875" style="1139" customWidth="1"/>
    <col min="11018" max="11018" width="3.33203125" style="1139" customWidth="1"/>
    <col min="11019" max="11266" width="9" style="1139"/>
    <col min="11267" max="11267" width="13.88671875" style="1139" customWidth="1"/>
    <col min="11268" max="11268" width="3" style="1139" customWidth="1"/>
    <col min="11269" max="11269" width="7.88671875" style="1139" customWidth="1"/>
    <col min="11270" max="11270" width="17.88671875" style="1139" customWidth="1"/>
    <col min="11271" max="11271" width="7.109375" style="1139" customWidth="1"/>
    <col min="11272" max="11273" width="13.88671875" style="1139" customWidth="1"/>
    <col min="11274" max="11274" width="3.33203125" style="1139" customWidth="1"/>
    <col min="11275" max="11522" width="9" style="1139"/>
    <col min="11523" max="11523" width="13.88671875" style="1139" customWidth="1"/>
    <col min="11524" max="11524" width="3" style="1139" customWidth="1"/>
    <col min="11525" max="11525" width="7.88671875" style="1139" customWidth="1"/>
    <col min="11526" max="11526" width="17.88671875" style="1139" customWidth="1"/>
    <col min="11527" max="11527" width="7.109375" style="1139" customWidth="1"/>
    <col min="11528" max="11529" width="13.88671875" style="1139" customWidth="1"/>
    <col min="11530" max="11530" width="3.33203125" style="1139" customWidth="1"/>
    <col min="11531" max="11778" width="9" style="1139"/>
    <col min="11779" max="11779" width="13.88671875" style="1139" customWidth="1"/>
    <col min="11780" max="11780" width="3" style="1139" customWidth="1"/>
    <col min="11781" max="11781" width="7.88671875" style="1139" customWidth="1"/>
    <col min="11782" max="11782" width="17.88671875" style="1139" customWidth="1"/>
    <col min="11783" max="11783" width="7.109375" style="1139" customWidth="1"/>
    <col min="11784" max="11785" width="13.88671875" style="1139" customWidth="1"/>
    <col min="11786" max="11786" width="3.33203125" style="1139" customWidth="1"/>
    <col min="11787" max="12034" width="9" style="1139"/>
    <col min="12035" max="12035" width="13.88671875" style="1139" customWidth="1"/>
    <col min="12036" max="12036" width="3" style="1139" customWidth="1"/>
    <col min="12037" max="12037" width="7.88671875" style="1139" customWidth="1"/>
    <col min="12038" max="12038" width="17.88671875" style="1139" customWidth="1"/>
    <col min="12039" max="12039" width="7.109375" style="1139" customWidth="1"/>
    <col min="12040" max="12041" width="13.88671875" style="1139" customWidth="1"/>
    <col min="12042" max="12042" width="3.33203125" style="1139" customWidth="1"/>
    <col min="12043" max="12290" width="9" style="1139"/>
    <col min="12291" max="12291" width="13.88671875" style="1139" customWidth="1"/>
    <col min="12292" max="12292" width="3" style="1139" customWidth="1"/>
    <col min="12293" max="12293" width="7.88671875" style="1139" customWidth="1"/>
    <col min="12294" max="12294" width="17.88671875" style="1139" customWidth="1"/>
    <col min="12295" max="12295" width="7.109375" style="1139" customWidth="1"/>
    <col min="12296" max="12297" width="13.88671875" style="1139" customWidth="1"/>
    <col min="12298" max="12298" width="3.33203125" style="1139" customWidth="1"/>
    <col min="12299" max="12546" width="9" style="1139"/>
    <col min="12547" max="12547" width="13.88671875" style="1139" customWidth="1"/>
    <col min="12548" max="12548" width="3" style="1139" customWidth="1"/>
    <col min="12549" max="12549" width="7.88671875" style="1139" customWidth="1"/>
    <col min="12550" max="12550" width="17.88671875" style="1139" customWidth="1"/>
    <col min="12551" max="12551" width="7.109375" style="1139" customWidth="1"/>
    <col min="12552" max="12553" width="13.88671875" style="1139" customWidth="1"/>
    <col min="12554" max="12554" width="3.33203125" style="1139" customWidth="1"/>
    <col min="12555" max="12802" width="9" style="1139"/>
    <col min="12803" max="12803" width="13.88671875" style="1139" customWidth="1"/>
    <col min="12804" max="12804" width="3" style="1139" customWidth="1"/>
    <col min="12805" max="12805" width="7.88671875" style="1139" customWidth="1"/>
    <col min="12806" max="12806" width="17.88671875" style="1139" customWidth="1"/>
    <col min="12807" max="12807" width="7.109375" style="1139" customWidth="1"/>
    <col min="12808" max="12809" width="13.88671875" style="1139" customWidth="1"/>
    <col min="12810" max="12810" width="3.33203125" style="1139" customWidth="1"/>
    <col min="12811" max="13058" width="9" style="1139"/>
    <col min="13059" max="13059" width="13.88671875" style="1139" customWidth="1"/>
    <col min="13060" max="13060" width="3" style="1139" customWidth="1"/>
    <col min="13061" max="13061" width="7.88671875" style="1139" customWidth="1"/>
    <col min="13062" max="13062" width="17.88671875" style="1139" customWidth="1"/>
    <col min="13063" max="13063" width="7.109375" style="1139" customWidth="1"/>
    <col min="13064" max="13065" width="13.88671875" style="1139" customWidth="1"/>
    <col min="13066" max="13066" width="3.33203125" style="1139" customWidth="1"/>
    <col min="13067" max="13314" width="9" style="1139"/>
    <col min="13315" max="13315" width="13.88671875" style="1139" customWidth="1"/>
    <col min="13316" max="13316" width="3" style="1139" customWidth="1"/>
    <col min="13317" max="13317" width="7.88671875" style="1139" customWidth="1"/>
    <col min="13318" max="13318" width="17.88671875" style="1139" customWidth="1"/>
    <col min="13319" max="13319" width="7.109375" style="1139" customWidth="1"/>
    <col min="13320" max="13321" width="13.88671875" style="1139" customWidth="1"/>
    <col min="13322" max="13322" width="3.33203125" style="1139" customWidth="1"/>
    <col min="13323" max="13570" width="9" style="1139"/>
    <col min="13571" max="13571" width="13.88671875" style="1139" customWidth="1"/>
    <col min="13572" max="13572" width="3" style="1139" customWidth="1"/>
    <col min="13573" max="13573" width="7.88671875" style="1139" customWidth="1"/>
    <col min="13574" max="13574" width="17.88671875" style="1139" customWidth="1"/>
    <col min="13575" max="13575" width="7.109375" style="1139" customWidth="1"/>
    <col min="13576" max="13577" width="13.88671875" style="1139" customWidth="1"/>
    <col min="13578" max="13578" width="3.33203125" style="1139" customWidth="1"/>
    <col min="13579" max="13826" width="9" style="1139"/>
    <col min="13827" max="13827" width="13.88671875" style="1139" customWidth="1"/>
    <col min="13828" max="13828" width="3" style="1139" customWidth="1"/>
    <col min="13829" max="13829" width="7.88671875" style="1139" customWidth="1"/>
    <col min="13830" max="13830" width="17.88671875" style="1139" customWidth="1"/>
    <col min="13831" max="13831" width="7.109375" style="1139" customWidth="1"/>
    <col min="13832" max="13833" width="13.88671875" style="1139" customWidth="1"/>
    <col min="13834" max="13834" width="3.33203125" style="1139" customWidth="1"/>
    <col min="13835" max="14082" width="9" style="1139"/>
    <col min="14083" max="14083" width="13.88671875" style="1139" customWidth="1"/>
    <col min="14084" max="14084" width="3" style="1139" customWidth="1"/>
    <col min="14085" max="14085" width="7.88671875" style="1139" customWidth="1"/>
    <col min="14086" max="14086" width="17.88671875" style="1139" customWidth="1"/>
    <col min="14087" max="14087" width="7.109375" style="1139" customWidth="1"/>
    <col min="14088" max="14089" width="13.88671875" style="1139" customWidth="1"/>
    <col min="14090" max="14090" width="3.33203125" style="1139" customWidth="1"/>
    <col min="14091" max="14338" width="9" style="1139"/>
    <col min="14339" max="14339" width="13.88671875" style="1139" customWidth="1"/>
    <col min="14340" max="14340" width="3" style="1139" customWidth="1"/>
    <col min="14341" max="14341" width="7.88671875" style="1139" customWidth="1"/>
    <col min="14342" max="14342" width="17.88671875" style="1139" customWidth="1"/>
    <col min="14343" max="14343" width="7.109375" style="1139" customWidth="1"/>
    <col min="14344" max="14345" width="13.88671875" style="1139" customWidth="1"/>
    <col min="14346" max="14346" width="3.33203125" style="1139" customWidth="1"/>
    <col min="14347" max="14594" width="9" style="1139"/>
    <col min="14595" max="14595" width="13.88671875" style="1139" customWidth="1"/>
    <col min="14596" max="14596" width="3" style="1139" customWidth="1"/>
    <col min="14597" max="14597" width="7.88671875" style="1139" customWidth="1"/>
    <col min="14598" max="14598" width="17.88671875" style="1139" customWidth="1"/>
    <col min="14599" max="14599" width="7.109375" style="1139" customWidth="1"/>
    <col min="14600" max="14601" width="13.88671875" style="1139" customWidth="1"/>
    <col min="14602" max="14602" width="3.33203125" style="1139" customWidth="1"/>
    <col min="14603" max="14850" width="9" style="1139"/>
    <col min="14851" max="14851" width="13.88671875" style="1139" customWidth="1"/>
    <col min="14852" max="14852" width="3" style="1139" customWidth="1"/>
    <col min="14853" max="14853" width="7.88671875" style="1139" customWidth="1"/>
    <col min="14854" max="14854" width="17.88671875" style="1139" customWidth="1"/>
    <col min="14855" max="14855" width="7.109375" style="1139" customWidth="1"/>
    <col min="14856" max="14857" width="13.88671875" style="1139" customWidth="1"/>
    <col min="14858" max="14858" width="3.33203125" style="1139" customWidth="1"/>
    <col min="14859" max="15106" width="9" style="1139"/>
    <col min="15107" max="15107" width="13.88671875" style="1139" customWidth="1"/>
    <col min="15108" max="15108" width="3" style="1139" customWidth="1"/>
    <col min="15109" max="15109" width="7.88671875" style="1139" customWidth="1"/>
    <col min="15110" max="15110" width="17.88671875" style="1139" customWidth="1"/>
    <col min="15111" max="15111" width="7.109375" style="1139" customWidth="1"/>
    <col min="15112" max="15113" width="13.88671875" style="1139" customWidth="1"/>
    <col min="15114" max="15114" width="3.33203125" style="1139" customWidth="1"/>
    <col min="15115" max="15362" width="9" style="1139"/>
    <col min="15363" max="15363" width="13.88671875" style="1139" customWidth="1"/>
    <col min="15364" max="15364" width="3" style="1139" customWidth="1"/>
    <col min="15365" max="15365" width="7.88671875" style="1139" customWidth="1"/>
    <col min="15366" max="15366" width="17.88671875" style="1139" customWidth="1"/>
    <col min="15367" max="15367" width="7.109375" style="1139" customWidth="1"/>
    <col min="15368" max="15369" width="13.88671875" style="1139" customWidth="1"/>
    <col min="15370" max="15370" width="3.33203125" style="1139" customWidth="1"/>
    <col min="15371" max="15618" width="9" style="1139"/>
    <col min="15619" max="15619" width="13.88671875" style="1139" customWidth="1"/>
    <col min="15620" max="15620" width="3" style="1139" customWidth="1"/>
    <col min="15621" max="15621" width="7.88671875" style="1139" customWidth="1"/>
    <col min="15622" max="15622" width="17.88671875" style="1139" customWidth="1"/>
    <col min="15623" max="15623" width="7.109375" style="1139" customWidth="1"/>
    <col min="15624" max="15625" width="13.88671875" style="1139" customWidth="1"/>
    <col min="15626" max="15626" width="3.33203125" style="1139" customWidth="1"/>
    <col min="15627" max="15874" width="9" style="1139"/>
    <col min="15875" max="15875" width="13.88671875" style="1139" customWidth="1"/>
    <col min="15876" max="15876" width="3" style="1139" customWidth="1"/>
    <col min="15877" max="15877" width="7.88671875" style="1139" customWidth="1"/>
    <col min="15878" max="15878" width="17.88671875" style="1139" customWidth="1"/>
    <col min="15879" max="15879" width="7.109375" style="1139" customWidth="1"/>
    <col min="15880" max="15881" width="13.88671875" style="1139" customWidth="1"/>
    <col min="15882" max="15882" width="3.33203125" style="1139" customWidth="1"/>
    <col min="15883" max="16130" width="9" style="1139"/>
    <col min="16131" max="16131" width="13.88671875" style="1139" customWidth="1"/>
    <col min="16132" max="16132" width="3" style="1139" customWidth="1"/>
    <col min="16133" max="16133" width="7.88671875" style="1139" customWidth="1"/>
    <col min="16134" max="16134" width="17.88671875" style="1139" customWidth="1"/>
    <col min="16135" max="16135" width="7.109375" style="1139" customWidth="1"/>
    <col min="16136" max="16137" width="13.88671875" style="1139" customWidth="1"/>
    <col min="16138" max="16138" width="3.33203125" style="1139" customWidth="1"/>
    <col min="16139" max="16384" width="9" style="1139"/>
  </cols>
  <sheetData>
    <row r="1" spans="2:12" ht="13.5" customHeight="1" x14ac:dyDescent="0.2">
      <c r="B1" s="1082" t="s">
        <v>1927</v>
      </c>
      <c r="C1" s="1049"/>
      <c r="D1" s="1049"/>
      <c r="E1" s="1049"/>
      <c r="F1" s="1049"/>
      <c r="G1" s="1049"/>
      <c r="H1" s="1049"/>
      <c r="I1" s="1049"/>
      <c r="J1" s="1049"/>
    </row>
    <row r="2" spans="2:12" ht="23.25" customHeight="1" x14ac:dyDescent="0.2">
      <c r="B2" s="1049"/>
      <c r="C2" s="1049"/>
      <c r="D2" s="1049"/>
      <c r="E2" s="1049"/>
      <c r="F2" s="1049"/>
      <c r="G2" s="1049"/>
      <c r="H2" s="1377" t="s">
        <v>723</v>
      </c>
      <c r="I2" s="1377"/>
      <c r="J2" s="1377"/>
    </row>
    <row r="3" spans="2:12" ht="24" customHeight="1" x14ac:dyDescent="0.2">
      <c r="B3" s="1049"/>
      <c r="C3" s="1049"/>
      <c r="D3" s="1049"/>
      <c r="E3" s="1049"/>
      <c r="F3" s="1049"/>
      <c r="G3" s="1049"/>
      <c r="H3" s="1051"/>
      <c r="I3" s="1051"/>
      <c r="J3" s="1051"/>
    </row>
    <row r="4" spans="2:12" ht="30.9" customHeight="1" x14ac:dyDescent="0.2">
      <c r="B4" s="1378" t="s">
        <v>1928</v>
      </c>
      <c r="C4" s="1378"/>
      <c r="D4" s="1378"/>
      <c r="E4" s="1378"/>
      <c r="F4" s="1378"/>
      <c r="G4" s="1378"/>
      <c r="H4" s="1378"/>
      <c r="I4" s="1378"/>
      <c r="J4" s="1378"/>
      <c r="K4" s="1140"/>
      <c r="L4" s="1140"/>
    </row>
    <row r="5" spans="2:12" ht="14.25" customHeight="1" x14ac:dyDescent="0.2">
      <c r="B5" s="1053"/>
      <c r="C5" s="1053"/>
      <c r="D5" s="1053"/>
      <c r="E5" s="1053"/>
      <c r="F5" s="1053"/>
      <c r="G5" s="1053"/>
      <c r="H5" s="1053"/>
      <c r="I5" s="1053"/>
      <c r="J5" s="1053"/>
      <c r="K5" s="1140"/>
      <c r="L5" s="1140"/>
    </row>
    <row r="6" spans="2:12" ht="30.9" customHeight="1" x14ac:dyDescent="0.2">
      <c r="B6" s="3219" t="s">
        <v>1929</v>
      </c>
      <c r="C6" s="3220"/>
      <c r="D6" s="1380"/>
      <c r="E6" s="1381"/>
      <c r="F6" s="1381"/>
      <c r="G6" s="1381"/>
      <c r="H6" s="1381"/>
      <c r="I6" s="1381"/>
      <c r="J6" s="1382"/>
      <c r="K6" s="1140"/>
      <c r="L6" s="1140"/>
    </row>
    <row r="7" spans="2:12" ht="30.9" customHeight="1" x14ac:dyDescent="0.2">
      <c r="B7" s="3219" t="s">
        <v>1930</v>
      </c>
      <c r="C7" s="3220"/>
      <c r="D7" s="1380" t="s">
        <v>1931</v>
      </c>
      <c r="E7" s="1381"/>
      <c r="F7" s="1381"/>
      <c r="G7" s="1381"/>
      <c r="H7" s="1381"/>
      <c r="I7" s="1381"/>
      <c r="J7" s="1382"/>
      <c r="K7" s="1140"/>
      <c r="L7" s="1140"/>
    </row>
    <row r="8" spans="2:12" ht="30.9" customHeight="1" x14ac:dyDescent="0.2">
      <c r="B8" s="3219" t="s">
        <v>1932</v>
      </c>
      <c r="C8" s="3220"/>
      <c r="D8" s="3207" t="s">
        <v>1933</v>
      </c>
      <c r="E8" s="3208"/>
      <c r="F8" s="3208"/>
      <c r="G8" s="3208"/>
      <c r="H8" s="3208"/>
      <c r="I8" s="3208"/>
      <c r="J8" s="3209"/>
      <c r="K8" s="1140"/>
      <c r="L8" s="1140"/>
    </row>
    <row r="9" spans="2:12" ht="30.9" customHeight="1" x14ac:dyDescent="0.2">
      <c r="B9" s="3219" t="s">
        <v>1934</v>
      </c>
      <c r="C9" s="3220"/>
      <c r="D9" s="1380" t="s">
        <v>1104</v>
      </c>
      <c r="E9" s="1381"/>
      <c r="F9" s="1381"/>
      <c r="G9" s="1381"/>
      <c r="H9" s="1381"/>
      <c r="I9" s="1381"/>
      <c r="J9" s="1382"/>
      <c r="K9" s="1140"/>
      <c r="L9" s="1140"/>
    </row>
    <row r="10" spans="2:12" ht="12.75" customHeight="1" x14ac:dyDescent="0.2">
      <c r="B10" s="1053"/>
      <c r="C10" s="1053"/>
      <c r="D10" s="1053"/>
      <c r="E10" s="1053"/>
      <c r="F10" s="1053"/>
      <c r="G10" s="1053"/>
      <c r="H10" s="1053"/>
      <c r="I10" s="1053"/>
      <c r="J10" s="1053"/>
      <c r="K10" s="1140"/>
      <c r="L10" s="1140"/>
    </row>
    <row r="11" spans="2:12" ht="8.25" customHeight="1" x14ac:dyDescent="0.2">
      <c r="B11" s="3221" t="s">
        <v>1935</v>
      </c>
      <c r="C11" s="3222"/>
      <c r="D11" s="1151"/>
      <c r="E11" s="1144"/>
      <c r="F11" s="1144"/>
      <c r="G11" s="1144"/>
      <c r="H11" s="1144"/>
      <c r="I11" s="1144"/>
      <c r="J11" s="1145"/>
      <c r="K11" s="1140"/>
      <c r="L11" s="1140"/>
    </row>
    <row r="12" spans="2:12" ht="30.9" customHeight="1" x14ac:dyDescent="0.2">
      <c r="B12" s="3223"/>
      <c r="C12" s="3224"/>
      <c r="D12" s="1152"/>
      <c r="E12" s="1141" t="s">
        <v>54</v>
      </c>
      <c r="F12" s="1143"/>
      <c r="G12" s="1388" t="s">
        <v>1936</v>
      </c>
      <c r="H12" s="1392"/>
      <c r="I12" s="1141"/>
      <c r="J12" s="1153"/>
      <c r="K12" s="1140"/>
      <c r="L12" s="1140"/>
    </row>
    <row r="13" spans="2:12" ht="30.9" customHeight="1" x14ac:dyDescent="0.2">
      <c r="B13" s="3223"/>
      <c r="C13" s="3224"/>
      <c r="D13" s="1152"/>
      <c r="E13" s="1141" t="s">
        <v>54</v>
      </c>
      <c r="F13" s="1143"/>
      <c r="G13" s="1388" t="s">
        <v>1936</v>
      </c>
      <c r="H13" s="1382"/>
      <c r="I13" s="1141"/>
      <c r="J13" s="1153"/>
      <c r="K13" s="1140"/>
      <c r="L13" s="1140"/>
    </row>
    <row r="14" spans="2:12" ht="9" customHeight="1" x14ac:dyDescent="0.2">
      <c r="B14" s="3225"/>
      <c r="C14" s="3226"/>
      <c r="D14" s="1154"/>
      <c r="E14" s="1155"/>
      <c r="F14" s="1155"/>
      <c r="G14" s="1155"/>
      <c r="H14" s="1155"/>
      <c r="I14" s="1155"/>
      <c r="J14" s="1156"/>
      <c r="K14" s="1140"/>
      <c r="L14" s="1140"/>
    </row>
    <row r="15" spans="2:12" ht="275.25" customHeight="1" x14ac:dyDescent="0.2">
      <c r="B15" s="3227" t="s">
        <v>1937</v>
      </c>
      <c r="C15" s="3228"/>
      <c r="D15" s="1380"/>
      <c r="E15" s="1381"/>
      <c r="F15" s="1381"/>
      <c r="G15" s="1381"/>
      <c r="H15" s="1381"/>
      <c r="I15" s="1381"/>
      <c r="J15" s="1382"/>
      <c r="K15" s="1140"/>
      <c r="L15" s="1140"/>
    </row>
    <row r="16" spans="2:12" ht="15.75" customHeight="1" x14ac:dyDescent="0.2">
      <c r="B16" s="1157"/>
      <c r="C16" s="1157"/>
      <c r="D16" s="1053"/>
      <c r="E16" s="1053"/>
      <c r="F16" s="1053"/>
      <c r="G16" s="1053"/>
      <c r="H16" s="1053"/>
      <c r="I16" s="1053"/>
      <c r="J16" s="1053"/>
      <c r="K16" s="1140"/>
      <c r="L16" s="1140"/>
    </row>
    <row r="17" spans="2:10" ht="35.25" customHeight="1" x14ac:dyDescent="0.2">
      <c r="B17" s="1158" t="s">
        <v>1938</v>
      </c>
      <c r="C17" s="3210" t="s">
        <v>1939</v>
      </c>
      <c r="D17" s="3211"/>
      <c r="E17" s="3211"/>
      <c r="F17" s="3211"/>
      <c r="G17" s="3211"/>
      <c r="H17" s="3211"/>
      <c r="I17" s="3211"/>
      <c r="J17" s="1085"/>
    </row>
    <row r="18" spans="2:10" ht="33" customHeight="1" x14ac:dyDescent="0.2">
      <c r="B18" s="1159" t="s">
        <v>1940</v>
      </c>
      <c r="C18" s="1386" t="s">
        <v>1941</v>
      </c>
      <c r="D18" s="3213"/>
      <c r="E18" s="3213"/>
      <c r="F18" s="3213"/>
      <c r="G18" s="3213"/>
      <c r="H18" s="3213"/>
      <c r="I18" s="3213"/>
      <c r="J18" s="1049"/>
    </row>
    <row r="19" spans="2:10" ht="50.25" customHeight="1" x14ac:dyDescent="0.2">
      <c r="B19" s="1055" t="s">
        <v>1942</v>
      </c>
      <c r="C19" s="1386" t="s">
        <v>1943</v>
      </c>
      <c r="D19" s="1386"/>
      <c r="E19" s="1386"/>
      <c r="F19" s="1386"/>
      <c r="G19" s="1386"/>
      <c r="H19" s="1386"/>
      <c r="I19" s="1386"/>
      <c r="J19" s="1160"/>
    </row>
    <row r="20" spans="2:10" ht="46.5" customHeight="1" x14ac:dyDescent="0.2">
      <c r="B20" s="1055" t="s">
        <v>1944</v>
      </c>
      <c r="C20" s="1386" t="s">
        <v>1945</v>
      </c>
      <c r="D20" s="1386"/>
      <c r="E20" s="1386"/>
      <c r="F20" s="1386"/>
      <c r="G20" s="1386"/>
      <c r="H20" s="1386"/>
      <c r="I20" s="1386"/>
      <c r="J20" s="1160"/>
    </row>
    <row r="21" spans="2:10" ht="29.25" customHeight="1" x14ac:dyDescent="0.2">
      <c r="B21" s="1161" t="s">
        <v>1946</v>
      </c>
      <c r="C21" s="1386" t="s">
        <v>1947</v>
      </c>
      <c r="D21" s="3213"/>
      <c r="E21" s="3213"/>
      <c r="F21" s="3213"/>
      <c r="G21" s="3213"/>
      <c r="H21" s="3213"/>
      <c r="I21" s="3213"/>
      <c r="J21" s="1049"/>
    </row>
  </sheetData>
  <mergeCells count="20">
    <mergeCell ref="C21:I21"/>
    <mergeCell ref="B15:C15"/>
    <mergeCell ref="D15:J15"/>
    <mergeCell ref="C17:I17"/>
    <mergeCell ref="C18:I18"/>
    <mergeCell ref="C19:I19"/>
    <mergeCell ref="C20:I20"/>
    <mergeCell ref="B8:C8"/>
    <mergeCell ref="D8:J8"/>
    <mergeCell ref="B9:C9"/>
    <mergeCell ref="D9:J9"/>
    <mergeCell ref="B11:C14"/>
    <mergeCell ref="G12:H12"/>
    <mergeCell ref="G13:H13"/>
    <mergeCell ref="H2:J2"/>
    <mergeCell ref="B4:J4"/>
    <mergeCell ref="B6:C6"/>
    <mergeCell ref="D6:J6"/>
    <mergeCell ref="B7:C7"/>
    <mergeCell ref="D7:J7"/>
  </mergeCells>
  <phoneticPr fontId="6"/>
  <pageMargins left="0.7" right="0.7" top="0.75" bottom="0.75" header="0.3" footer="0.3"/>
  <pageSetup paperSize="9" scale="93" orientation="portrait" r:id="rId1"/>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B1:K23"/>
  <sheetViews>
    <sheetView view="pageBreakPreview" zoomScaleNormal="100" zoomScaleSheetLayoutView="100" workbookViewId="0">
      <selection activeCell="D5" sqref="D5"/>
    </sheetView>
  </sheetViews>
  <sheetFormatPr defaultRowHeight="13.2" x14ac:dyDescent="0.2"/>
  <cols>
    <col min="1" max="1" width="2.44140625" style="1139" customWidth="1"/>
    <col min="2" max="2" width="9" style="1139"/>
    <col min="3" max="7" width="10.6640625" style="1139" customWidth="1"/>
    <col min="8" max="8" width="23.109375" style="1139" customWidth="1"/>
    <col min="9" max="9" width="4.109375" style="1139" customWidth="1"/>
    <col min="10" max="10" width="2.44140625" style="1139" customWidth="1"/>
    <col min="11" max="258" width="9" style="1139"/>
    <col min="259" max="264" width="10.6640625" style="1139" customWidth="1"/>
    <col min="265" max="265" width="17.6640625" style="1139" customWidth="1"/>
    <col min="266" max="514" width="9" style="1139"/>
    <col min="515" max="520" width="10.6640625" style="1139" customWidth="1"/>
    <col min="521" max="521" width="17.6640625" style="1139" customWidth="1"/>
    <col min="522" max="770" width="9" style="1139"/>
    <col min="771" max="776" width="10.6640625" style="1139" customWidth="1"/>
    <col min="777" max="777" width="17.6640625" style="1139" customWidth="1"/>
    <col min="778" max="1026" width="9" style="1139"/>
    <col min="1027" max="1032" width="10.6640625" style="1139" customWidth="1"/>
    <col min="1033" max="1033" width="17.6640625" style="1139" customWidth="1"/>
    <col min="1034" max="1282" width="9" style="1139"/>
    <col min="1283" max="1288" width="10.6640625" style="1139" customWidth="1"/>
    <col min="1289" max="1289" width="17.6640625" style="1139" customWidth="1"/>
    <col min="1290" max="1538" width="9" style="1139"/>
    <col min="1539" max="1544" width="10.6640625" style="1139" customWidth="1"/>
    <col min="1545" max="1545" width="17.6640625" style="1139" customWidth="1"/>
    <col min="1546" max="1794" width="9" style="1139"/>
    <col min="1795" max="1800" width="10.6640625" style="1139" customWidth="1"/>
    <col min="1801" max="1801" width="17.6640625" style="1139" customWidth="1"/>
    <col min="1802" max="2050" width="9" style="1139"/>
    <col min="2051" max="2056" width="10.6640625" style="1139" customWidth="1"/>
    <col min="2057" max="2057" width="17.6640625" style="1139" customWidth="1"/>
    <col min="2058" max="2306" width="9" style="1139"/>
    <col min="2307" max="2312" width="10.6640625" style="1139" customWidth="1"/>
    <col min="2313" max="2313" width="17.6640625" style="1139" customWidth="1"/>
    <col min="2314" max="2562" width="9" style="1139"/>
    <col min="2563" max="2568" width="10.6640625" style="1139" customWidth="1"/>
    <col min="2569" max="2569" width="17.6640625" style="1139" customWidth="1"/>
    <col min="2570" max="2818" width="9" style="1139"/>
    <col min="2819" max="2824" width="10.6640625" style="1139" customWidth="1"/>
    <col min="2825" max="2825" width="17.6640625" style="1139" customWidth="1"/>
    <col min="2826" max="3074" width="9" style="1139"/>
    <col min="3075" max="3080" width="10.6640625" style="1139" customWidth="1"/>
    <col min="3081" max="3081" width="17.6640625" style="1139" customWidth="1"/>
    <col min="3082" max="3330" width="9" style="1139"/>
    <col min="3331" max="3336" width="10.6640625" style="1139" customWidth="1"/>
    <col min="3337" max="3337" width="17.6640625" style="1139" customWidth="1"/>
    <col min="3338" max="3586" width="9" style="1139"/>
    <col min="3587" max="3592" width="10.6640625" style="1139" customWidth="1"/>
    <col min="3593" max="3593" width="17.6640625" style="1139" customWidth="1"/>
    <col min="3594" max="3842" width="9" style="1139"/>
    <col min="3843" max="3848" width="10.6640625" style="1139" customWidth="1"/>
    <col min="3849" max="3849" width="17.6640625" style="1139" customWidth="1"/>
    <col min="3850" max="4098" width="9" style="1139"/>
    <col min="4099" max="4104" width="10.6640625" style="1139" customWidth="1"/>
    <col min="4105" max="4105" width="17.6640625" style="1139" customWidth="1"/>
    <col min="4106" max="4354" width="9" style="1139"/>
    <col min="4355" max="4360" width="10.6640625" style="1139" customWidth="1"/>
    <col min="4361" max="4361" width="17.6640625" style="1139" customWidth="1"/>
    <col min="4362" max="4610" width="9" style="1139"/>
    <col min="4611" max="4616" width="10.6640625" style="1139" customWidth="1"/>
    <col min="4617" max="4617" width="17.6640625" style="1139" customWidth="1"/>
    <col min="4618" max="4866" width="9" style="1139"/>
    <col min="4867" max="4872" width="10.6640625" style="1139" customWidth="1"/>
    <col min="4873" max="4873" width="17.6640625" style="1139" customWidth="1"/>
    <col min="4874" max="5122" width="9" style="1139"/>
    <col min="5123" max="5128" width="10.6640625" style="1139" customWidth="1"/>
    <col min="5129" max="5129" width="17.6640625" style="1139" customWidth="1"/>
    <col min="5130" max="5378" width="9" style="1139"/>
    <col min="5379" max="5384" width="10.6640625" style="1139" customWidth="1"/>
    <col min="5385" max="5385" width="17.6640625" style="1139" customWidth="1"/>
    <col min="5386" max="5634" width="9" style="1139"/>
    <col min="5635" max="5640" width="10.6640625" style="1139" customWidth="1"/>
    <col min="5641" max="5641" width="17.6640625" style="1139" customWidth="1"/>
    <col min="5642" max="5890" width="9" style="1139"/>
    <col min="5891" max="5896" width="10.6640625" style="1139" customWidth="1"/>
    <col min="5897" max="5897" width="17.6640625" style="1139" customWidth="1"/>
    <col min="5898" max="6146" width="9" style="1139"/>
    <col min="6147" max="6152" width="10.6640625" style="1139" customWidth="1"/>
    <col min="6153" max="6153" width="17.6640625" style="1139" customWidth="1"/>
    <col min="6154" max="6402" width="9" style="1139"/>
    <col min="6403" max="6408" width="10.6640625" style="1139" customWidth="1"/>
    <col min="6409" max="6409" width="17.6640625" style="1139" customWidth="1"/>
    <col min="6410" max="6658" width="9" style="1139"/>
    <col min="6659" max="6664" width="10.6640625" style="1139" customWidth="1"/>
    <col min="6665" max="6665" width="17.6640625" style="1139" customWidth="1"/>
    <col min="6666" max="6914" width="9" style="1139"/>
    <col min="6915" max="6920" width="10.6640625" style="1139" customWidth="1"/>
    <col min="6921" max="6921" width="17.6640625" style="1139" customWidth="1"/>
    <col min="6922" max="7170" width="9" style="1139"/>
    <col min="7171" max="7176" width="10.6640625" style="1139" customWidth="1"/>
    <col min="7177" max="7177" width="17.6640625" style="1139" customWidth="1"/>
    <col min="7178" max="7426" width="9" style="1139"/>
    <col min="7427" max="7432" width="10.6640625" style="1139" customWidth="1"/>
    <col min="7433" max="7433" width="17.6640625" style="1139" customWidth="1"/>
    <col min="7434" max="7682" width="9" style="1139"/>
    <col min="7683" max="7688" width="10.6640625" style="1139" customWidth="1"/>
    <col min="7689" max="7689" width="17.6640625" style="1139" customWidth="1"/>
    <col min="7690" max="7938" width="9" style="1139"/>
    <col min="7939" max="7944" width="10.6640625" style="1139" customWidth="1"/>
    <col min="7945" max="7945" width="17.6640625" style="1139" customWidth="1"/>
    <col min="7946" max="8194" width="9" style="1139"/>
    <col min="8195" max="8200" width="10.6640625" style="1139" customWidth="1"/>
    <col min="8201" max="8201" width="17.6640625" style="1139" customWidth="1"/>
    <col min="8202" max="8450" width="9" style="1139"/>
    <col min="8451" max="8456" width="10.6640625" style="1139" customWidth="1"/>
    <col min="8457" max="8457" width="17.6640625" style="1139" customWidth="1"/>
    <col min="8458" max="8706" width="9" style="1139"/>
    <col min="8707" max="8712" width="10.6640625" style="1139" customWidth="1"/>
    <col min="8713" max="8713" width="17.6640625" style="1139" customWidth="1"/>
    <col min="8714" max="8962" width="9" style="1139"/>
    <col min="8963" max="8968" width="10.6640625" style="1139" customWidth="1"/>
    <col min="8969" max="8969" width="17.6640625" style="1139" customWidth="1"/>
    <col min="8970" max="9218" width="9" style="1139"/>
    <col min="9219" max="9224" width="10.6640625" style="1139" customWidth="1"/>
    <col min="9225" max="9225" width="17.6640625" style="1139" customWidth="1"/>
    <col min="9226" max="9474" width="9" style="1139"/>
    <col min="9475" max="9480" width="10.6640625" style="1139" customWidth="1"/>
    <col min="9481" max="9481" width="17.6640625" style="1139" customWidth="1"/>
    <col min="9482" max="9730" width="9" style="1139"/>
    <col min="9731" max="9736" width="10.6640625" style="1139" customWidth="1"/>
    <col min="9737" max="9737" width="17.6640625" style="1139" customWidth="1"/>
    <col min="9738" max="9986" width="9" style="1139"/>
    <col min="9987" max="9992" width="10.6640625" style="1139" customWidth="1"/>
    <col min="9993" max="9993" width="17.6640625" style="1139" customWidth="1"/>
    <col min="9994" max="10242" width="9" style="1139"/>
    <col min="10243" max="10248" width="10.6640625" style="1139" customWidth="1"/>
    <col min="10249" max="10249" width="17.6640625" style="1139" customWidth="1"/>
    <col min="10250" max="10498" width="9" style="1139"/>
    <col min="10499" max="10504" width="10.6640625" style="1139" customWidth="1"/>
    <col min="10505" max="10505" width="17.6640625" style="1139" customWidth="1"/>
    <col min="10506" max="10754" width="9" style="1139"/>
    <col min="10755" max="10760" width="10.6640625" style="1139" customWidth="1"/>
    <col min="10761" max="10761" width="17.6640625" style="1139" customWidth="1"/>
    <col min="10762" max="11010" width="9" style="1139"/>
    <col min="11011" max="11016" width="10.6640625" style="1139" customWidth="1"/>
    <col min="11017" max="11017" width="17.6640625" style="1139" customWidth="1"/>
    <col min="11018" max="11266" width="9" style="1139"/>
    <col min="11267" max="11272" width="10.6640625" style="1139" customWidth="1"/>
    <col min="11273" max="11273" width="17.6640625" style="1139" customWidth="1"/>
    <col min="11274" max="11522" width="9" style="1139"/>
    <col min="11523" max="11528" width="10.6640625" style="1139" customWidth="1"/>
    <col min="11529" max="11529" width="17.6640625" style="1139" customWidth="1"/>
    <col min="11530" max="11778" width="9" style="1139"/>
    <col min="11779" max="11784" width="10.6640625" style="1139" customWidth="1"/>
    <col min="11785" max="11785" width="17.6640625" style="1139" customWidth="1"/>
    <col min="11786" max="12034" width="9" style="1139"/>
    <col min="12035" max="12040" width="10.6640625" style="1139" customWidth="1"/>
    <col min="12041" max="12041" width="17.6640625" style="1139" customWidth="1"/>
    <col min="12042" max="12290" width="9" style="1139"/>
    <col min="12291" max="12296" width="10.6640625" style="1139" customWidth="1"/>
    <col min="12297" max="12297" width="17.6640625" style="1139" customWidth="1"/>
    <col min="12298" max="12546" width="9" style="1139"/>
    <col min="12547" max="12552" width="10.6640625" style="1139" customWidth="1"/>
    <col min="12553" max="12553" width="17.6640625" style="1139" customWidth="1"/>
    <col min="12554" max="12802" width="9" style="1139"/>
    <col min="12803" max="12808" width="10.6640625" style="1139" customWidth="1"/>
    <col min="12809" max="12809" width="17.6640625" style="1139" customWidth="1"/>
    <col min="12810" max="13058" width="9" style="1139"/>
    <col min="13059" max="13064" width="10.6640625" style="1139" customWidth="1"/>
    <col min="13065" max="13065" width="17.6640625" style="1139" customWidth="1"/>
    <col min="13066" max="13314" width="9" style="1139"/>
    <col min="13315" max="13320" width="10.6640625" style="1139" customWidth="1"/>
    <col min="13321" max="13321" width="17.6640625" style="1139" customWidth="1"/>
    <col min="13322" max="13570" width="9" style="1139"/>
    <col min="13571" max="13576" width="10.6640625" style="1139" customWidth="1"/>
    <col min="13577" max="13577" width="17.6640625" style="1139" customWidth="1"/>
    <col min="13578" max="13826" width="9" style="1139"/>
    <col min="13827" max="13832" width="10.6640625" style="1139" customWidth="1"/>
    <col min="13833" max="13833" width="17.6640625" style="1139" customWidth="1"/>
    <col min="13834" max="14082" width="9" style="1139"/>
    <col min="14083" max="14088" width="10.6640625" style="1139" customWidth="1"/>
    <col min="14089" max="14089" width="17.6640625" style="1139" customWidth="1"/>
    <col min="14090" max="14338" width="9" style="1139"/>
    <col min="14339" max="14344" width="10.6640625" style="1139" customWidth="1"/>
    <col min="14345" max="14345" width="17.6640625" style="1139" customWidth="1"/>
    <col min="14346" max="14594" width="9" style="1139"/>
    <col min="14595" max="14600" width="10.6640625" style="1139" customWidth="1"/>
    <col min="14601" max="14601" width="17.6640625" style="1139" customWidth="1"/>
    <col min="14602" max="14850" width="9" style="1139"/>
    <col min="14851" max="14856" width="10.6640625" style="1139" customWidth="1"/>
    <col min="14857" max="14857" width="17.6640625" style="1139" customWidth="1"/>
    <col min="14858" max="15106" width="9" style="1139"/>
    <col min="15107" max="15112" width="10.6640625" style="1139" customWidth="1"/>
    <col min="15113" max="15113" width="17.6640625" style="1139" customWidth="1"/>
    <col min="15114" max="15362" width="9" style="1139"/>
    <col min="15363" max="15368" width="10.6640625" style="1139" customWidth="1"/>
    <col min="15369" max="15369" width="17.6640625" style="1139" customWidth="1"/>
    <col min="15370" max="15618" width="9" style="1139"/>
    <col min="15619" max="15624" width="10.6640625" style="1139" customWidth="1"/>
    <col min="15625" max="15625" width="17.6640625" style="1139" customWidth="1"/>
    <col min="15626" max="15874" width="9" style="1139"/>
    <col min="15875" max="15880" width="10.6640625" style="1139" customWidth="1"/>
    <col min="15881" max="15881" width="17.6640625" style="1139" customWidth="1"/>
    <col min="15882" max="16130" width="9" style="1139"/>
    <col min="16131" max="16136" width="10.6640625" style="1139" customWidth="1"/>
    <col min="16137" max="16137" width="17.6640625" style="1139" customWidth="1"/>
    <col min="16138" max="16384" width="9" style="1139"/>
  </cols>
  <sheetData>
    <row r="1" spans="2:11" ht="21.75" customHeight="1" x14ac:dyDescent="0.2">
      <c r="B1" s="253" t="s">
        <v>1948</v>
      </c>
    </row>
    <row r="2" spans="2:11" ht="20.25" customHeight="1" x14ac:dyDescent="0.2">
      <c r="B2" s="1049"/>
      <c r="C2" s="1049"/>
      <c r="D2" s="1049"/>
      <c r="E2" s="1049"/>
      <c r="F2" s="1049"/>
      <c r="G2" s="1049"/>
      <c r="H2" s="1377" t="s">
        <v>723</v>
      </c>
      <c r="I2" s="1377"/>
    </row>
    <row r="3" spans="2:11" ht="28.5" customHeight="1" x14ac:dyDescent="0.2">
      <c r="B3" s="1049"/>
      <c r="C3" s="1049"/>
      <c r="D3" s="1049"/>
      <c r="E3" s="1049"/>
      <c r="F3" s="1049"/>
      <c r="G3" s="1049"/>
      <c r="H3" s="1051"/>
      <c r="I3" s="1051"/>
    </row>
    <row r="4" spans="2:11" ht="35.4" customHeight="1" x14ac:dyDescent="0.2">
      <c r="B4" s="3206" t="s">
        <v>1949</v>
      </c>
      <c r="C4" s="3206"/>
      <c r="D4" s="3206"/>
      <c r="E4" s="3206"/>
      <c r="F4" s="3206"/>
      <c r="G4" s="3206"/>
      <c r="H4" s="3206"/>
      <c r="I4" s="3206"/>
      <c r="J4" s="1140"/>
      <c r="K4" s="1140"/>
    </row>
    <row r="5" spans="2:11" ht="17.25" customHeight="1" x14ac:dyDescent="0.2">
      <c r="B5" s="1053"/>
      <c r="C5" s="1053"/>
      <c r="D5" s="1053"/>
      <c r="E5" s="1053"/>
      <c r="F5" s="1053"/>
      <c r="G5" s="1053"/>
      <c r="H5" s="1053"/>
      <c r="I5" s="1053"/>
      <c r="J5" s="1140"/>
      <c r="K5" s="1140"/>
    </row>
    <row r="6" spans="2:11" ht="30.9" customHeight="1" x14ac:dyDescent="0.2">
      <c r="B6" s="3204" t="s">
        <v>1950</v>
      </c>
      <c r="C6" s="3204"/>
      <c r="D6" s="1380"/>
      <c r="E6" s="1381"/>
      <c r="F6" s="1381"/>
      <c r="G6" s="1381"/>
      <c r="H6" s="1381"/>
      <c r="I6" s="1382"/>
    </row>
    <row r="7" spans="2:11" s="1050" customFormat="1" ht="30.9" customHeight="1" x14ac:dyDescent="0.2">
      <c r="B7" s="3229" t="s">
        <v>521</v>
      </c>
      <c r="C7" s="3230"/>
      <c r="D7" s="1380" t="s">
        <v>520</v>
      </c>
      <c r="E7" s="1381"/>
      <c r="F7" s="1381"/>
      <c r="G7" s="1381"/>
      <c r="H7" s="1381"/>
      <c r="I7" s="1382"/>
    </row>
    <row r="8" spans="2:11" ht="19.5" customHeight="1" x14ac:dyDescent="0.2">
      <c r="B8" s="1049"/>
      <c r="C8" s="1049"/>
      <c r="D8" s="1049"/>
      <c r="E8" s="1049"/>
      <c r="F8" s="1049"/>
      <c r="G8" s="1049"/>
      <c r="H8" s="1049"/>
      <c r="I8" s="1049"/>
    </row>
    <row r="9" spans="2:11" ht="30.9" customHeight="1" x14ac:dyDescent="0.2">
      <c r="B9" s="3204" t="s">
        <v>54</v>
      </c>
      <c r="C9" s="3204"/>
      <c r="D9" s="3204"/>
      <c r="E9" s="1141" t="s">
        <v>198</v>
      </c>
      <c r="F9" s="3204" t="s">
        <v>199</v>
      </c>
      <c r="G9" s="3204"/>
      <c r="H9" s="3204" t="s">
        <v>200</v>
      </c>
      <c r="I9" s="3204"/>
    </row>
    <row r="10" spans="2:11" ht="30.9" customHeight="1" x14ac:dyDescent="0.2">
      <c r="B10" s="1141">
        <v>1</v>
      </c>
      <c r="C10" s="3204"/>
      <c r="D10" s="3204"/>
      <c r="E10" s="1141"/>
      <c r="F10" s="3204"/>
      <c r="G10" s="3204"/>
      <c r="H10" s="3204"/>
      <c r="I10" s="3204"/>
    </row>
    <row r="11" spans="2:11" ht="30.9" customHeight="1" x14ac:dyDescent="0.2">
      <c r="B11" s="1141">
        <v>2</v>
      </c>
      <c r="C11" s="3204"/>
      <c r="D11" s="3204"/>
      <c r="E11" s="1141"/>
      <c r="F11" s="3204"/>
      <c r="G11" s="3204"/>
      <c r="H11" s="3204"/>
      <c r="I11" s="3204"/>
    </row>
    <row r="12" spans="2:11" ht="30.9" customHeight="1" x14ac:dyDescent="0.2">
      <c r="B12" s="1141">
        <v>3</v>
      </c>
      <c r="C12" s="3204"/>
      <c r="D12" s="3204"/>
      <c r="E12" s="1141"/>
      <c r="F12" s="3204"/>
      <c r="G12" s="3204"/>
      <c r="H12" s="3204"/>
      <c r="I12" s="3204"/>
    </row>
    <row r="13" spans="2:11" ht="30.9" customHeight="1" x14ac:dyDescent="0.2">
      <c r="B13" s="1141">
        <v>4</v>
      </c>
      <c r="C13" s="3204"/>
      <c r="D13" s="3204"/>
      <c r="E13" s="1141"/>
      <c r="F13" s="3204"/>
      <c r="G13" s="3204"/>
      <c r="H13" s="3204"/>
      <c r="I13" s="3204"/>
    </row>
    <row r="14" spans="2:11" ht="30.9" customHeight="1" x14ac:dyDescent="0.2">
      <c r="B14" s="1141">
        <v>5</v>
      </c>
      <c r="C14" s="3204"/>
      <c r="D14" s="3204"/>
      <c r="E14" s="1141"/>
      <c r="F14" s="3204"/>
      <c r="G14" s="3204"/>
      <c r="H14" s="3204"/>
      <c r="I14" s="3204"/>
    </row>
    <row r="15" spans="2:11" ht="30.9" customHeight="1" x14ac:dyDescent="0.2">
      <c r="B15" s="1141">
        <v>6</v>
      </c>
      <c r="C15" s="3204"/>
      <c r="D15" s="3204"/>
      <c r="E15" s="1141"/>
      <c r="F15" s="3204"/>
      <c r="G15" s="3204"/>
      <c r="H15" s="3204"/>
      <c r="I15" s="3204"/>
    </row>
    <row r="16" spans="2:11" ht="30.9" customHeight="1" x14ac:dyDescent="0.2">
      <c r="B16" s="1141">
        <v>7</v>
      </c>
      <c r="C16" s="3204"/>
      <c r="D16" s="3204"/>
      <c r="E16" s="1141"/>
      <c r="F16" s="3204"/>
      <c r="G16" s="3204"/>
      <c r="H16" s="3204"/>
      <c r="I16" s="3204"/>
    </row>
    <row r="17" spans="2:9" ht="30.9" customHeight="1" x14ac:dyDescent="0.2">
      <c r="B17" s="1141">
        <v>8</v>
      </c>
      <c r="C17" s="3204"/>
      <c r="D17" s="3204"/>
      <c r="E17" s="1141"/>
      <c r="F17" s="3204"/>
      <c r="G17" s="3204"/>
      <c r="H17" s="3204"/>
      <c r="I17" s="3204"/>
    </row>
    <row r="18" spans="2:9" ht="30.9" customHeight="1" x14ac:dyDescent="0.2">
      <c r="B18" s="1141">
        <v>9</v>
      </c>
      <c r="C18" s="3204"/>
      <c r="D18" s="3204"/>
      <c r="E18" s="1141"/>
      <c r="F18" s="3204"/>
      <c r="G18" s="3204"/>
      <c r="H18" s="3204"/>
      <c r="I18" s="3204"/>
    </row>
    <row r="19" spans="2:9" ht="30.9" customHeight="1" x14ac:dyDescent="0.2">
      <c r="B19" s="1141">
        <v>10</v>
      </c>
      <c r="C19" s="3204"/>
      <c r="D19" s="3204"/>
      <c r="E19" s="1141"/>
      <c r="F19" s="3204"/>
      <c r="G19" s="3204"/>
      <c r="H19" s="3204"/>
      <c r="I19" s="3204"/>
    </row>
    <row r="20" spans="2:9" x14ac:dyDescent="0.2">
      <c r="B20" s="1049"/>
      <c r="C20" s="1049"/>
      <c r="D20" s="1049"/>
      <c r="E20" s="1049"/>
      <c r="F20" s="1049"/>
      <c r="G20" s="1049"/>
      <c r="H20" s="1049"/>
      <c r="I20" s="1049"/>
    </row>
    <row r="21" spans="2:9" ht="20.25" customHeight="1" x14ac:dyDescent="0.2">
      <c r="B21" s="1162" t="s">
        <v>1776</v>
      </c>
      <c r="C21" s="3213" t="s">
        <v>1951</v>
      </c>
      <c r="D21" s="3213"/>
      <c r="E21" s="3213"/>
      <c r="F21" s="3213"/>
      <c r="G21" s="3213"/>
      <c r="H21" s="3213"/>
      <c r="I21" s="1049"/>
    </row>
    <row r="22" spans="2:9" ht="65.25" customHeight="1" x14ac:dyDescent="0.2">
      <c r="B22" s="1055" t="s">
        <v>1952</v>
      </c>
      <c r="C22" s="1386" t="s">
        <v>1953</v>
      </c>
      <c r="D22" s="1386"/>
      <c r="E22" s="1386"/>
      <c r="F22" s="1386"/>
      <c r="G22" s="1386"/>
      <c r="H22" s="1386"/>
      <c r="I22" s="1163"/>
    </row>
    <row r="23" spans="2:9" ht="37.5" customHeight="1" x14ac:dyDescent="0.2">
      <c r="B23" s="1159" t="s">
        <v>1954</v>
      </c>
      <c r="C23" s="1386" t="s">
        <v>1955</v>
      </c>
      <c r="D23" s="1386"/>
      <c r="E23" s="1386"/>
      <c r="F23" s="1386"/>
      <c r="G23" s="1386"/>
      <c r="H23" s="1386"/>
      <c r="I23" s="1049"/>
    </row>
  </sheetData>
  <mergeCells count="42">
    <mergeCell ref="C23:H23"/>
    <mergeCell ref="C17:D17"/>
    <mergeCell ref="F17:G17"/>
    <mergeCell ref="H17:I17"/>
    <mergeCell ref="C18:D18"/>
    <mergeCell ref="F18:G18"/>
    <mergeCell ref="H18:I18"/>
    <mergeCell ref="C19:D19"/>
    <mergeCell ref="F19:G19"/>
    <mergeCell ref="H19:I19"/>
    <mergeCell ref="C21:H21"/>
    <mergeCell ref="C22:H22"/>
    <mergeCell ref="C15:D15"/>
    <mergeCell ref="F15:G15"/>
    <mergeCell ref="H15:I15"/>
    <mergeCell ref="C16:D16"/>
    <mergeCell ref="F16:G16"/>
    <mergeCell ref="H16:I16"/>
    <mergeCell ref="C13:D13"/>
    <mergeCell ref="F13:G13"/>
    <mergeCell ref="H13:I13"/>
    <mergeCell ref="C14:D14"/>
    <mergeCell ref="F14:G14"/>
    <mergeCell ref="H14:I14"/>
    <mergeCell ref="C11:D11"/>
    <mergeCell ref="F11:G11"/>
    <mergeCell ref="H11:I11"/>
    <mergeCell ref="C12:D12"/>
    <mergeCell ref="F12:G12"/>
    <mergeCell ref="H12:I12"/>
    <mergeCell ref="B9:D9"/>
    <mergeCell ref="F9:G9"/>
    <mergeCell ref="H9:I9"/>
    <mergeCell ref="C10:D10"/>
    <mergeCell ref="F10:G10"/>
    <mergeCell ref="H10:I10"/>
    <mergeCell ref="H2:I2"/>
    <mergeCell ref="B4:I4"/>
    <mergeCell ref="B6:C6"/>
    <mergeCell ref="D6:I6"/>
    <mergeCell ref="B7:C7"/>
    <mergeCell ref="D7:I7"/>
  </mergeCells>
  <phoneticPr fontId="6"/>
  <pageMargins left="0.7" right="0.7" top="0.75" bottom="0.75" header="0.3" footer="0.3"/>
  <pageSetup paperSize="9" scale="94" orientation="portrait" r:id="rId1"/>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sheetPr>
  <dimension ref="A1:G28"/>
  <sheetViews>
    <sheetView showGridLines="0" view="pageBreakPreview" zoomScaleNormal="100" zoomScaleSheetLayoutView="100" workbookViewId="0">
      <selection activeCell="A3" sqref="A3:J3"/>
    </sheetView>
  </sheetViews>
  <sheetFormatPr defaultRowHeight="13.2" x14ac:dyDescent="0.2"/>
  <cols>
    <col min="1" max="1" width="1.6640625" style="1166" customWidth="1"/>
    <col min="2" max="2" width="27.44140625" style="1166" customWidth="1"/>
    <col min="3" max="3" width="5.109375" style="1166" customWidth="1"/>
    <col min="4" max="6" width="21.6640625" style="1166" customWidth="1"/>
    <col min="7" max="7" width="3.109375" style="1166" customWidth="1"/>
    <col min="8" max="8" width="1.6640625" style="1166" customWidth="1"/>
    <col min="9" max="256" width="9" style="1166"/>
    <col min="257" max="257" width="1.6640625" style="1166" customWidth="1"/>
    <col min="258" max="258" width="27.44140625" style="1166" customWidth="1"/>
    <col min="259" max="259" width="5.109375" style="1166" customWidth="1"/>
    <col min="260" max="262" width="21.6640625" style="1166" customWidth="1"/>
    <col min="263" max="263" width="3.109375" style="1166" customWidth="1"/>
    <col min="264" max="512" width="9" style="1166"/>
    <col min="513" max="513" width="1.6640625" style="1166" customWidth="1"/>
    <col min="514" max="514" width="27.44140625" style="1166" customWidth="1"/>
    <col min="515" max="515" width="5.109375" style="1166" customWidth="1"/>
    <col min="516" max="518" width="21.6640625" style="1166" customWidth="1"/>
    <col min="519" max="519" width="3.109375" style="1166" customWidth="1"/>
    <col min="520" max="768" width="9" style="1166"/>
    <col min="769" max="769" width="1.6640625" style="1166" customWidth="1"/>
    <col min="770" max="770" width="27.44140625" style="1166" customWidth="1"/>
    <col min="771" max="771" width="5.109375" style="1166" customWidth="1"/>
    <col min="772" max="774" width="21.6640625" style="1166" customWidth="1"/>
    <col min="775" max="775" width="3.109375" style="1166" customWidth="1"/>
    <col min="776" max="1024" width="9" style="1166"/>
    <col min="1025" max="1025" width="1.6640625" style="1166" customWidth="1"/>
    <col min="1026" max="1026" width="27.44140625" style="1166" customWidth="1"/>
    <col min="1027" max="1027" width="5.109375" style="1166" customWidth="1"/>
    <col min="1028" max="1030" width="21.6640625" style="1166" customWidth="1"/>
    <col min="1031" max="1031" width="3.109375" style="1166" customWidth="1"/>
    <col min="1032" max="1280" width="9" style="1166"/>
    <col min="1281" max="1281" width="1.6640625" style="1166" customWidth="1"/>
    <col min="1282" max="1282" width="27.44140625" style="1166" customWidth="1"/>
    <col min="1283" max="1283" width="5.109375" style="1166" customWidth="1"/>
    <col min="1284" max="1286" width="21.6640625" style="1166" customWidth="1"/>
    <col min="1287" max="1287" width="3.109375" style="1166" customWidth="1"/>
    <col min="1288" max="1536" width="9" style="1166"/>
    <col min="1537" max="1537" width="1.6640625" style="1166" customWidth="1"/>
    <col min="1538" max="1538" width="27.44140625" style="1166" customWidth="1"/>
    <col min="1539" max="1539" width="5.109375" style="1166" customWidth="1"/>
    <col min="1540" max="1542" width="21.6640625" style="1166" customWidth="1"/>
    <col min="1543" max="1543" width="3.109375" style="1166" customWidth="1"/>
    <col min="1544" max="1792" width="9" style="1166"/>
    <col min="1793" max="1793" width="1.6640625" style="1166" customWidth="1"/>
    <col min="1794" max="1794" width="27.44140625" style="1166" customWidth="1"/>
    <col min="1795" max="1795" width="5.109375" style="1166" customWidth="1"/>
    <col min="1796" max="1798" width="21.6640625" style="1166" customWidth="1"/>
    <col min="1799" max="1799" width="3.109375" style="1166" customWidth="1"/>
    <col min="1800" max="2048" width="9" style="1166"/>
    <col min="2049" max="2049" width="1.6640625" style="1166" customWidth="1"/>
    <col min="2050" max="2050" width="27.44140625" style="1166" customWidth="1"/>
    <col min="2051" max="2051" width="5.109375" style="1166" customWidth="1"/>
    <col min="2052" max="2054" width="21.6640625" style="1166" customWidth="1"/>
    <col min="2055" max="2055" width="3.109375" style="1166" customWidth="1"/>
    <col min="2056" max="2304" width="9" style="1166"/>
    <col min="2305" max="2305" width="1.6640625" style="1166" customWidth="1"/>
    <col min="2306" max="2306" width="27.44140625" style="1166" customWidth="1"/>
    <col min="2307" max="2307" width="5.109375" style="1166" customWidth="1"/>
    <col min="2308" max="2310" width="21.6640625" style="1166" customWidth="1"/>
    <col min="2311" max="2311" width="3.109375" style="1166" customWidth="1"/>
    <col min="2312" max="2560" width="9" style="1166"/>
    <col min="2561" max="2561" width="1.6640625" style="1166" customWidth="1"/>
    <col min="2562" max="2562" width="27.44140625" style="1166" customWidth="1"/>
    <col min="2563" max="2563" width="5.109375" style="1166" customWidth="1"/>
    <col min="2564" max="2566" width="21.6640625" style="1166" customWidth="1"/>
    <col min="2567" max="2567" width="3.109375" style="1166" customWidth="1"/>
    <col min="2568" max="2816" width="9" style="1166"/>
    <col min="2817" max="2817" width="1.6640625" style="1166" customWidth="1"/>
    <col min="2818" max="2818" width="27.44140625" style="1166" customWidth="1"/>
    <col min="2819" max="2819" width="5.109375" style="1166" customWidth="1"/>
    <col min="2820" max="2822" width="21.6640625" style="1166" customWidth="1"/>
    <col min="2823" max="2823" width="3.109375" style="1166" customWidth="1"/>
    <col min="2824" max="3072" width="9" style="1166"/>
    <col min="3073" max="3073" width="1.6640625" style="1166" customWidth="1"/>
    <col min="3074" max="3074" width="27.44140625" style="1166" customWidth="1"/>
    <col min="3075" max="3075" width="5.109375" style="1166" customWidth="1"/>
    <col min="3076" max="3078" width="21.6640625" style="1166" customWidth="1"/>
    <col min="3079" max="3079" width="3.109375" style="1166" customWidth="1"/>
    <col min="3080" max="3328" width="9" style="1166"/>
    <col min="3329" max="3329" width="1.6640625" style="1166" customWidth="1"/>
    <col min="3330" max="3330" width="27.44140625" style="1166" customWidth="1"/>
    <col min="3331" max="3331" width="5.109375" style="1166" customWidth="1"/>
    <col min="3332" max="3334" width="21.6640625" style="1166" customWidth="1"/>
    <col min="3335" max="3335" width="3.109375" style="1166" customWidth="1"/>
    <col min="3336" max="3584" width="9" style="1166"/>
    <col min="3585" max="3585" width="1.6640625" style="1166" customWidth="1"/>
    <col min="3586" max="3586" width="27.44140625" style="1166" customWidth="1"/>
    <col min="3587" max="3587" width="5.109375" style="1166" customWidth="1"/>
    <col min="3588" max="3590" width="21.6640625" style="1166" customWidth="1"/>
    <col min="3591" max="3591" width="3.109375" style="1166" customWidth="1"/>
    <col min="3592" max="3840" width="9" style="1166"/>
    <col min="3841" max="3841" width="1.6640625" style="1166" customWidth="1"/>
    <col min="3842" max="3842" width="27.44140625" style="1166" customWidth="1"/>
    <col min="3843" max="3843" width="5.109375" style="1166" customWidth="1"/>
    <col min="3844" max="3846" width="21.6640625" style="1166" customWidth="1"/>
    <col min="3847" max="3847" width="3.109375" style="1166" customWidth="1"/>
    <col min="3848" max="4096" width="9" style="1166"/>
    <col min="4097" max="4097" width="1.6640625" style="1166" customWidth="1"/>
    <col min="4098" max="4098" width="27.44140625" style="1166" customWidth="1"/>
    <col min="4099" max="4099" width="5.109375" style="1166" customWidth="1"/>
    <col min="4100" max="4102" width="21.6640625" style="1166" customWidth="1"/>
    <col min="4103" max="4103" width="3.109375" style="1166" customWidth="1"/>
    <col min="4104" max="4352" width="9" style="1166"/>
    <col min="4353" max="4353" width="1.6640625" style="1166" customWidth="1"/>
    <col min="4354" max="4354" width="27.44140625" style="1166" customWidth="1"/>
    <col min="4355" max="4355" width="5.109375" style="1166" customWidth="1"/>
    <col min="4356" max="4358" width="21.6640625" style="1166" customWidth="1"/>
    <col min="4359" max="4359" width="3.109375" style="1166" customWidth="1"/>
    <col min="4360" max="4608" width="9" style="1166"/>
    <col min="4609" max="4609" width="1.6640625" style="1166" customWidth="1"/>
    <col min="4610" max="4610" width="27.44140625" style="1166" customWidth="1"/>
    <col min="4611" max="4611" width="5.109375" style="1166" customWidth="1"/>
    <col min="4612" max="4614" width="21.6640625" style="1166" customWidth="1"/>
    <col min="4615" max="4615" width="3.109375" style="1166" customWidth="1"/>
    <col min="4616" max="4864" width="9" style="1166"/>
    <col min="4865" max="4865" width="1.6640625" style="1166" customWidth="1"/>
    <col min="4866" max="4866" width="27.44140625" style="1166" customWidth="1"/>
    <col min="4867" max="4867" width="5.109375" style="1166" customWidth="1"/>
    <col min="4868" max="4870" width="21.6640625" style="1166" customWidth="1"/>
    <col min="4871" max="4871" width="3.109375" style="1166" customWidth="1"/>
    <col min="4872" max="5120" width="9" style="1166"/>
    <col min="5121" max="5121" width="1.6640625" style="1166" customWidth="1"/>
    <col min="5122" max="5122" width="27.44140625" style="1166" customWidth="1"/>
    <col min="5123" max="5123" width="5.109375" style="1166" customWidth="1"/>
    <col min="5124" max="5126" width="21.6640625" style="1166" customWidth="1"/>
    <col min="5127" max="5127" width="3.109375" style="1166" customWidth="1"/>
    <col min="5128" max="5376" width="9" style="1166"/>
    <col min="5377" max="5377" width="1.6640625" style="1166" customWidth="1"/>
    <col min="5378" max="5378" width="27.44140625" style="1166" customWidth="1"/>
    <col min="5379" max="5379" width="5.109375" style="1166" customWidth="1"/>
    <col min="5380" max="5382" width="21.6640625" style="1166" customWidth="1"/>
    <col min="5383" max="5383" width="3.109375" style="1166" customWidth="1"/>
    <col min="5384" max="5632" width="9" style="1166"/>
    <col min="5633" max="5633" width="1.6640625" style="1166" customWidth="1"/>
    <col min="5634" max="5634" width="27.44140625" style="1166" customWidth="1"/>
    <col min="5635" max="5635" width="5.109375" style="1166" customWidth="1"/>
    <col min="5636" max="5638" width="21.6640625" style="1166" customWidth="1"/>
    <col min="5639" max="5639" width="3.109375" style="1166" customWidth="1"/>
    <col min="5640" max="5888" width="9" style="1166"/>
    <col min="5889" max="5889" width="1.6640625" style="1166" customWidth="1"/>
    <col min="5890" max="5890" width="27.44140625" style="1166" customWidth="1"/>
    <col min="5891" max="5891" width="5.109375" style="1166" customWidth="1"/>
    <col min="5892" max="5894" width="21.6640625" style="1166" customWidth="1"/>
    <col min="5895" max="5895" width="3.109375" style="1166" customWidth="1"/>
    <col min="5896" max="6144" width="9" style="1166"/>
    <col min="6145" max="6145" width="1.6640625" style="1166" customWidth="1"/>
    <col min="6146" max="6146" width="27.44140625" style="1166" customWidth="1"/>
    <col min="6147" max="6147" width="5.109375" style="1166" customWidth="1"/>
    <col min="6148" max="6150" width="21.6640625" style="1166" customWidth="1"/>
    <col min="6151" max="6151" width="3.109375" style="1166" customWidth="1"/>
    <col min="6152" max="6400" width="9" style="1166"/>
    <col min="6401" max="6401" width="1.6640625" style="1166" customWidth="1"/>
    <col min="6402" max="6402" width="27.44140625" style="1166" customWidth="1"/>
    <col min="6403" max="6403" width="5.109375" style="1166" customWidth="1"/>
    <col min="6404" max="6406" width="21.6640625" style="1166" customWidth="1"/>
    <col min="6407" max="6407" width="3.109375" style="1166" customWidth="1"/>
    <col min="6408" max="6656" width="9" style="1166"/>
    <col min="6657" max="6657" width="1.6640625" style="1166" customWidth="1"/>
    <col min="6658" max="6658" width="27.44140625" style="1166" customWidth="1"/>
    <col min="6659" max="6659" width="5.109375" style="1166" customWidth="1"/>
    <col min="6660" max="6662" width="21.6640625" style="1166" customWidth="1"/>
    <col min="6663" max="6663" width="3.109375" style="1166" customWidth="1"/>
    <col min="6664" max="6912" width="9" style="1166"/>
    <col min="6913" max="6913" width="1.6640625" style="1166" customWidth="1"/>
    <col min="6914" max="6914" width="27.44140625" style="1166" customWidth="1"/>
    <col min="6915" max="6915" width="5.109375" style="1166" customWidth="1"/>
    <col min="6916" max="6918" width="21.6640625" style="1166" customWidth="1"/>
    <col min="6919" max="6919" width="3.109375" style="1166" customWidth="1"/>
    <col min="6920" max="7168" width="9" style="1166"/>
    <col min="7169" max="7169" width="1.6640625" style="1166" customWidth="1"/>
    <col min="7170" max="7170" width="27.44140625" style="1166" customWidth="1"/>
    <col min="7171" max="7171" width="5.109375" style="1166" customWidth="1"/>
    <col min="7172" max="7174" width="21.6640625" style="1166" customWidth="1"/>
    <col min="7175" max="7175" width="3.109375" style="1166" customWidth="1"/>
    <col min="7176" max="7424" width="9" style="1166"/>
    <col min="7425" max="7425" width="1.6640625" style="1166" customWidth="1"/>
    <col min="7426" max="7426" width="27.44140625" style="1166" customWidth="1"/>
    <col min="7427" max="7427" width="5.109375" style="1166" customWidth="1"/>
    <col min="7428" max="7430" width="21.6640625" style="1166" customWidth="1"/>
    <col min="7431" max="7431" width="3.109375" style="1166" customWidth="1"/>
    <col min="7432" max="7680" width="9" style="1166"/>
    <col min="7681" max="7681" width="1.6640625" style="1166" customWidth="1"/>
    <col min="7682" max="7682" width="27.44140625" style="1166" customWidth="1"/>
    <col min="7683" max="7683" width="5.109375" style="1166" customWidth="1"/>
    <col min="7684" max="7686" width="21.6640625" style="1166" customWidth="1"/>
    <col min="7687" max="7687" width="3.109375" style="1166" customWidth="1"/>
    <col min="7688" max="7936" width="9" style="1166"/>
    <col min="7937" max="7937" width="1.6640625" style="1166" customWidth="1"/>
    <col min="7938" max="7938" width="27.44140625" style="1166" customWidth="1"/>
    <col min="7939" max="7939" width="5.109375" style="1166" customWidth="1"/>
    <col min="7940" max="7942" width="21.6640625" style="1166" customWidth="1"/>
    <col min="7943" max="7943" width="3.109375" style="1166" customWidth="1"/>
    <col min="7944" max="8192" width="9" style="1166"/>
    <col min="8193" max="8193" width="1.6640625" style="1166" customWidth="1"/>
    <col min="8194" max="8194" width="27.44140625" style="1166" customWidth="1"/>
    <col min="8195" max="8195" width="5.109375" style="1166" customWidth="1"/>
    <col min="8196" max="8198" width="21.6640625" style="1166" customWidth="1"/>
    <col min="8199" max="8199" width="3.109375" style="1166" customWidth="1"/>
    <col min="8200" max="8448" width="9" style="1166"/>
    <col min="8449" max="8449" width="1.6640625" style="1166" customWidth="1"/>
    <col min="8450" max="8450" width="27.44140625" style="1166" customWidth="1"/>
    <col min="8451" max="8451" width="5.109375" style="1166" customWidth="1"/>
    <col min="8452" max="8454" width="21.6640625" style="1166" customWidth="1"/>
    <col min="8455" max="8455" width="3.109375" style="1166" customWidth="1"/>
    <col min="8456" max="8704" width="9" style="1166"/>
    <col min="8705" max="8705" width="1.6640625" style="1166" customWidth="1"/>
    <col min="8706" max="8706" width="27.44140625" style="1166" customWidth="1"/>
    <col min="8707" max="8707" width="5.109375" style="1166" customWidth="1"/>
    <col min="8708" max="8710" width="21.6640625" style="1166" customWidth="1"/>
    <col min="8711" max="8711" width="3.109375" style="1166" customWidth="1"/>
    <col min="8712" max="8960" width="9" style="1166"/>
    <col min="8961" max="8961" width="1.6640625" style="1166" customWidth="1"/>
    <col min="8962" max="8962" width="27.44140625" style="1166" customWidth="1"/>
    <col min="8963" max="8963" width="5.109375" style="1166" customWidth="1"/>
    <col min="8964" max="8966" width="21.6640625" style="1166" customWidth="1"/>
    <col min="8967" max="8967" width="3.109375" style="1166" customWidth="1"/>
    <col min="8968" max="9216" width="9" style="1166"/>
    <col min="9217" max="9217" width="1.6640625" style="1166" customWidth="1"/>
    <col min="9218" max="9218" width="27.44140625" style="1166" customWidth="1"/>
    <col min="9219" max="9219" width="5.109375" style="1166" customWidth="1"/>
    <col min="9220" max="9222" width="21.6640625" style="1166" customWidth="1"/>
    <col min="9223" max="9223" width="3.109375" style="1166" customWidth="1"/>
    <col min="9224" max="9472" width="9" style="1166"/>
    <col min="9473" max="9473" width="1.6640625" style="1166" customWidth="1"/>
    <col min="9474" max="9474" width="27.44140625" style="1166" customWidth="1"/>
    <col min="9475" max="9475" width="5.109375" style="1166" customWidth="1"/>
    <col min="9476" max="9478" width="21.6640625" style="1166" customWidth="1"/>
    <col min="9479" max="9479" width="3.109375" style="1166" customWidth="1"/>
    <col min="9480" max="9728" width="9" style="1166"/>
    <col min="9729" max="9729" width="1.6640625" style="1166" customWidth="1"/>
    <col min="9730" max="9730" width="27.44140625" style="1166" customWidth="1"/>
    <col min="9731" max="9731" width="5.109375" style="1166" customWidth="1"/>
    <col min="9732" max="9734" width="21.6640625" style="1166" customWidth="1"/>
    <col min="9735" max="9735" width="3.109375" style="1166" customWidth="1"/>
    <col min="9736" max="9984" width="9" style="1166"/>
    <col min="9985" max="9985" width="1.6640625" style="1166" customWidth="1"/>
    <col min="9986" max="9986" width="27.44140625" style="1166" customWidth="1"/>
    <col min="9987" max="9987" width="5.109375" style="1166" customWidth="1"/>
    <col min="9988" max="9990" width="21.6640625" style="1166" customWidth="1"/>
    <col min="9991" max="9991" width="3.109375" style="1166" customWidth="1"/>
    <col min="9992" max="10240" width="9" style="1166"/>
    <col min="10241" max="10241" width="1.6640625" style="1166" customWidth="1"/>
    <col min="10242" max="10242" width="27.44140625" style="1166" customWidth="1"/>
    <col min="10243" max="10243" width="5.109375" style="1166" customWidth="1"/>
    <col min="10244" max="10246" width="21.6640625" style="1166" customWidth="1"/>
    <col min="10247" max="10247" width="3.109375" style="1166" customWidth="1"/>
    <col min="10248" max="10496" width="9" style="1166"/>
    <col min="10497" max="10497" width="1.6640625" style="1166" customWidth="1"/>
    <col min="10498" max="10498" width="27.44140625" style="1166" customWidth="1"/>
    <col min="10499" max="10499" width="5.109375" style="1166" customWidth="1"/>
    <col min="10500" max="10502" width="21.6640625" style="1166" customWidth="1"/>
    <col min="10503" max="10503" width="3.109375" style="1166" customWidth="1"/>
    <col min="10504" max="10752" width="9" style="1166"/>
    <col min="10753" max="10753" width="1.6640625" style="1166" customWidth="1"/>
    <col min="10754" max="10754" width="27.44140625" style="1166" customWidth="1"/>
    <col min="10755" max="10755" width="5.109375" style="1166" customWidth="1"/>
    <col min="10756" max="10758" width="21.6640625" style="1166" customWidth="1"/>
    <col min="10759" max="10759" width="3.109375" style="1166" customWidth="1"/>
    <col min="10760" max="11008" width="9" style="1166"/>
    <col min="11009" max="11009" width="1.6640625" style="1166" customWidth="1"/>
    <col min="11010" max="11010" width="27.44140625" style="1166" customWidth="1"/>
    <col min="11011" max="11011" width="5.109375" style="1166" customWidth="1"/>
    <col min="11012" max="11014" width="21.6640625" style="1166" customWidth="1"/>
    <col min="11015" max="11015" width="3.109375" style="1166" customWidth="1"/>
    <col min="11016" max="11264" width="9" style="1166"/>
    <col min="11265" max="11265" width="1.6640625" style="1166" customWidth="1"/>
    <col min="11266" max="11266" width="27.44140625" style="1166" customWidth="1"/>
    <col min="11267" max="11267" width="5.109375" style="1166" customWidth="1"/>
    <col min="11268" max="11270" width="21.6640625" style="1166" customWidth="1"/>
    <col min="11271" max="11271" width="3.109375" style="1166" customWidth="1"/>
    <col min="11272" max="11520" width="9" style="1166"/>
    <col min="11521" max="11521" width="1.6640625" style="1166" customWidth="1"/>
    <col min="11522" max="11522" width="27.44140625" style="1166" customWidth="1"/>
    <col min="11523" max="11523" width="5.109375" style="1166" customWidth="1"/>
    <col min="11524" max="11526" width="21.6640625" style="1166" customWidth="1"/>
    <col min="11527" max="11527" width="3.109375" style="1166" customWidth="1"/>
    <col min="11528" max="11776" width="9" style="1166"/>
    <col min="11777" max="11777" width="1.6640625" style="1166" customWidth="1"/>
    <col min="11778" max="11778" width="27.44140625" style="1166" customWidth="1"/>
    <col min="11779" max="11779" width="5.109375" style="1166" customWidth="1"/>
    <col min="11780" max="11782" width="21.6640625" style="1166" customWidth="1"/>
    <col min="11783" max="11783" width="3.109375" style="1166" customWidth="1"/>
    <col min="11784" max="12032" width="9" style="1166"/>
    <col min="12033" max="12033" width="1.6640625" style="1166" customWidth="1"/>
    <col min="12034" max="12034" width="27.44140625" style="1166" customWidth="1"/>
    <col min="12035" max="12035" width="5.109375" style="1166" customWidth="1"/>
    <col min="12036" max="12038" width="21.6640625" style="1166" customWidth="1"/>
    <col min="12039" max="12039" width="3.109375" style="1166" customWidth="1"/>
    <col min="12040" max="12288" width="9" style="1166"/>
    <col min="12289" max="12289" width="1.6640625" style="1166" customWidth="1"/>
    <col min="12290" max="12290" width="27.44140625" style="1166" customWidth="1"/>
    <col min="12291" max="12291" width="5.109375" style="1166" customWidth="1"/>
    <col min="12292" max="12294" width="21.6640625" style="1166" customWidth="1"/>
    <col min="12295" max="12295" width="3.109375" style="1166" customWidth="1"/>
    <col min="12296" max="12544" width="9" style="1166"/>
    <col min="12545" max="12545" width="1.6640625" style="1166" customWidth="1"/>
    <col min="12546" max="12546" width="27.44140625" style="1166" customWidth="1"/>
    <col min="12547" max="12547" width="5.109375" style="1166" customWidth="1"/>
    <col min="12548" max="12550" width="21.6640625" style="1166" customWidth="1"/>
    <col min="12551" max="12551" width="3.109375" style="1166" customWidth="1"/>
    <col min="12552" max="12800" width="9" style="1166"/>
    <col min="12801" max="12801" width="1.6640625" style="1166" customWidth="1"/>
    <col min="12802" max="12802" width="27.44140625" style="1166" customWidth="1"/>
    <col min="12803" max="12803" width="5.109375" style="1166" customWidth="1"/>
    <col min="12804" max="12806" width="21.6640625" style="1166" customWidth="1"/>
    <col min="12807" max="12807" width="3.109375" style="1166" customWidth="1"/>
    <col min="12808" max="13056" width="9" style="1166"/>
    <col min="13057" max="13057" width="1.6640625" style="1166" customWidth="1"/>
    <col min="13058" max="13058" width="27.44140625" style="1166" customWidth="1"/>
    <col min="13059" max="13059" width="5.109375" style="1166" customWidth="1"/>
    <col min="13060" max="13062" width="21.6640625" style="1166" customWidth="1"/>
    <col min="13063" max="13063" width="3.109375" style="1166" customWidth="1"/>
    <col min="13064" max="13312" width="9" style="1166"/>
    <col min="13313" max="13313" width="1.6640625" style="1166" customWidth="1"/>
    <col min="13314" max="13314" width="27.44140625" style="1166" customWidth="1"/>
    <col min="13315" max="13315" width="5.109375" style="1166" customWidth="1"/>
    <col min="13316" max="13318" width="21.6640625" style="1166" customWidth="1"/>
    <col min="13319" max="13319" width="3.109375" style="1166" customWidth="1"/>
    <col min="13320" max="13568" width="9" style="1166"/>
    <col min="13569" max="13569" width="1.6640625" style="1166" customWidth="1"/>
    <col min="13570" max="13570" width="27.44140625" style="1166" customWidth="1"/>
    <col min="13571" max="13571" width="5.109375" style="1166" customWidth="1"/>
    <col min="13572" max="13574" width="21.6640625" style="1166" customWidth="1"/>
    <col min="13575" max="13575" width="3.109375" style="1166" customWidth="1"/>
    <col min="13576" max="13824" width="9" style="1166"/>
    <col min="13825" max="13825" width="1.6640625" style="1166" customWidth="1"/>
    <col min="13826" max="13826" width="27.44140625" style="1166" customWidth="1"/>
    <col min="13827" max="13827" width="5.109375" style="1166" customWidth="1"/>
    <col min="13828" max="13830" width="21.6640625" style="1166" customWidth="1"/>
    <col min="13831" max="13831" width="3.109375" style="1166" customWidth="1"/>
    <col min="13832" max="14080" width="9" style="1166"/>
    <col min="14081" max="14081" width="1.6640625" style="1166" customWidth="1"/>
    <col min="14082" max="14082" width="27.44140625" style="1166" customWidth="1"/>
    <col min="14083" max="14083" width="5.109375" style="1166" customWidth="1"/>
    <col min="14084" max="14086" width="21.6640625" style="1166" customWidth="1"/>
    <col min="14087" max="14087" width="3.109375" style="1166" customWidth="1"/>
    <col min="14088" max="14336" width="9" style="1166"/>
    <col min="14337" max="14337" width="1.6640625" style="1166" customWidth="1"/>
    <col min="14338" max="14338" width="27.44140625" style="1166" customWidth="1"/>
    <col min="14339" max="14339" width="5.109375" style="1166" customWidth="1"/>
    <col min="14340" max="14342" width="21.6640625" style="1166" customWidth="1"/>
    <col min="14343" max="14343" width="3.109375" style="1166" customWidth="1"/>
    <col min="14344" max="14592" width="9" style="1166"/>
    <col min="14593" max="14593" width="1.6640625" style="1166" customWidth="1"/>
    <col min="14594" max="14594" width="27.44140625" style="1166" customWidth="1"/>
    <col min="14595" max="14595" width="5.109375" style="1166" customWidth="1"/>
    <col min="14596" max="14598" width="21.6640625" style="1166" customWidth="1"/>
    <col min="14599" max="14599" width="3.109375" style="1166" customWidth="1"/>
    <col min="14600" max="14848" width="9" style="1166"/>
    <col min="14849" max="14849" width="1.6640625" style="1166" customWidth="1"/>
    <col min="14850" max="14850" width="27.44140625" style="1166" customWidth="1"/>
    <col min="14851" max="14851" width="5.109375" style="1166" customWidth="1"/>
    <col min="14852" max="14854" width="21.6640625" style="1166" customWidth="1"/>
    <col min="14855" max="14855" width="3.109375" style="1166" customWidth="1"/>
    <col min="14856" max="15104" width="9" style="1166"/>
    <col min="15105" max="15105" width="1.6640625" style="1166" customWidth="1"/>
    <col min="15106" max="15106" width="27.44140625" style="1166" customWidth="1"/>
    <col min="15107" max="15107" width="5.109375" style="1166" customWidth="1"/>
    <col min="15108" max="15110" width="21.6640625" style="1166" customWidth="1"/>
    <col min="15111" max="15111" width="3.109375" style="1166" customWidth="1"/>
    <col min="15112" max="15360" width="9" style="1166"/>
    <col min="15361" max="15361" width="1.6640625" style="1166" customWidth="1"/>
    <col min="15362" max="15362" width="27.44140625" style="1166" customWidth="1"/>
    <col min="15363" max="15363" width="5.109375" style="1166" customWidth="1"/>
    <col min="15364" max="15366" width="21.6640625" style="1166" customWidth="1"/>
    <col min="15367" max="15367" width="3.109375" style="1166" customWidth="1"/>
    <col min="15368" max="15616" width="9" style="1166"/>
    <col min="15617" max="15617" width="1.6640625" style="1166" customWidth="1"/>
    <col min="15618" max="15618" width="27.44140625" style="1166" customWidth="1"/>
    <col min="15619" max="15619" width="5.109375" style="1166" customWidth="1"/>
    <col min="15620" max="15622" width="21.6640625" style="1166" customWidth="1"/>
    <col min="15623" max="15623" width="3.109375" style="1166" customWidth="1"/>
    <col min="15624" max="15872" width="9" style="1166"/>
    <col min="15873" max="15873" width="1.6640625" style="1166" customWidth="1"/>
    <col min="15874" max="15874" width="27.44140625" style="1166" customWidth="1"/>
    <col min="15875" max="15875" width="5.109375" style="1166" customWidth="1"/>
    <col min="15876" max="15878" width="21.6640625" style="1166" customWidth="1"/>
    <col min="15879" max="15879" width="3.109375" style="1166" customWidth="1"/>
    <col min="15880" max="16128" width="9" style="1166"/>
    <col min="16129" max="16129" width="1.6640625" style="1166" customWidth="1"/>
    <col min="16130" max="16130" width="27.44140625" style="1166" customWidth="1"/>
    <col min="16131" max="16131" width="5.109375" style="1166" customWidth="1"/>
    <col min="16132" max="16134" width="21.6640625" style="1166" customWidth="1"/>
    <col min="16135" max="16135" width="3.109375" style="1166" customWidth="1"/>
    <col min="16136" max="16384" width="9" style="1166"/>
  </cols>
  <sheetData>
    <row r="1" spans="1:7" ht="19.5" customHeight="1" x14ac:dyDescent="0.2">
      <c r="A1" s="1164"/>
      <c r="B1" s="1071" t="s">
        <v>1956</v>
      </c>
      <c r="C1" s="1165"/>
      <c r="D1" s="1165"/>
      <c r="E1" s="1165"/>
      <c r="F1" s="1165"/>
      <c r="G1" s="1165"/>
    </row>
    <row r="2" spans="1:7" ht="21.75" customHeight="1" x14ac:dyDescent="0.2">
      <c r="A2" s="1164"/>
      <c r="B2" s="1165"/>
      <c r="C2" s="1165"/>
      <c r="D2" s="1165"/>
      <c r="E2" s="1165"/>
      <c r="F2" s="3235" t="s">
        <v>723</v>
      </c>
      <c r="G2" s="3235"/>
    </row>
    <row r="3" spans="1:7" ht="15.75" customHeight="1" x14ac:dyDescent="0.2">
      <c r="A3" s="1164"/>
      <c r="B3" s="1165"/>
      <c r="C3" s="1165"/>
      <c r="D3" s="1165"/>
      <c r="E3" s="1165"/>
      <c r="F3" s="1167"/>
      <c r="G3" s="1167"/>
    </row>
    <row r="4" spans="1:7" ht="36" customHeight="1" x14ac:dyDescent="0.2">
      <c r="A4" s="3236" t="s">
        <v>1957</v>
      </c>
      <c r="B4" s="3236"/>
      <c r="C4" s="3236"/>
      <c r="D4" s="3236"/>
      <c r="E4" s="3236"/>
      <c r="F4" s="3236"/>
      <c r="G4" s="3236"/>
    </row>
    <row r="5" spans="1:7" ht="12.75" customHeight="1" x14ac:dyDescent="0.2">
      <c r="A5" s="1168"/>
      <c r="B5" s="1168"/>
      <c r="C5" s="1168"/>
      <c r="D5" s="1168"/>
      <c r="E5" s="1168"/>
      <c r="F5" s="1168"/>
      <c r="G5" s="1168"/>
    </row>
    <row r="6" spans="1:7" ht="47.25" customHeight="1" x14ac:dyDescent="0.2">
      <c r="A6" s="1168"/>
      <c r="B6" s="1169" t="s">
        <v>60</v>
      </c>
      <c r="C6" s="1170"/>
      <c r="D6" s="1171"/>
      <c r="E6" s="1171"/>
      <c r="F6" s="1171"/>
      <c r="G6" s="1172"/>
    </row>
    <row r="7" spans="1:7" ht="36" customHeight="1" x14ac:dyDescent="0.2">
      <c r="A7" s="1168"/>
      <c r="B7" s="1173" t="s">
        <v>1958</v>
      </c>
      <c r="C7" s="3237" t="s">
        <v>1959</v>
      </c>
      <c r="D7" s="3238"/>
      <c r="E7" s="3238"/>
      <c r="F7" s="3238"/>
      <c r="G7" s="3239"/>
    </row>
    <row r="8" spans="1:7" ht="47.25" customHeight="1" x14ac:dyDescent="0.2">
      <c r="A8" s="1165"/>
      <c r="B8" s="1174" t="s">
        <v>38</v>
      </c>
      <c r="C8" s="3240" t="s">
        <v>1960</v>
      </c>
      <c r="D8" s="3240"/>
      <c r="E8" s="3240"/>
      <c r="F8" s="3240"/>
      <c r="G8" s="3241"/>
    </row>
    <row r="9" spans="1:7" ht="12" customHeight="1" x14ac:dyDescent="0.2">
      <c r="A9" s="1165"/>
      <c r="B9" s="3231" t="s">
        <v>1961</v>
      </c>
      <c r="C9" s="1175"/>
      <c r="D9" s="1176"/>
      <c r="E9" s="1176"/>
      <c r="F9" s="1176"/>
      <c r="G9" s="1177"/>
    </row>
    <row r="10" spans="1:7" ht="33" customHeight="1" x14ac:dyDescent="0.2">
      <c r="A10" s="1165"/>
      <c r="B10" s="3232"/>
      <c r="C10" s="1178" t="s">
        <v>1962</v>
      </c>
      <c r="D10" s="1179"/>
      <c r="E10" s="1180"/>
      <c r="F10" s="1181"/>
      <c r="G10" s="1182"/>
    </row>
    <row r="11" spans="1:7" ht="33" customHeight="1" x14ac:dyDescent="0.2">
      <c r="A11" s="1165"/>
      <c r="B11" s="3232"/>
      <c r="C11" s="1178"/>
      <c r="D11" s="1183" t="s">
        <v>537</v>
      </c>
      <c r="E11" s="1184" t="s">
        <v>49</v>
      </c>
      <c r="F11" s="1185"/>
      <c r="G11" s="1182"/>
    </row>
    <row r="12" spans="1:7" ht="33" customHeight="1" x14ac:dyDescent="0.2">
      <c r="A12" s="1165"/>
      <c r="B12" s="3232"/>
      <c r="C12" s="1178"/>
      <c r="D12" s="1183" t="s">
        <v>536</v>
      </c>
      <c r="E12" s="1184" t="s">
        <v>49</v>
      </c>
      <c r="F12" s="1185"/>
      <c r="G12" s="1182"/>
    </row>
    <row r="13" spans="1:7" ht="36.75" customHeight="1" x14ac:dyDescent="0.2">
      <c r="A13" s="1165"/>
      <c r="B13" s="3233"/>
      <c r="C13" s="1186"/>
      <c r="D13" s="1179"/>
      <c r="E13" s="1179"/>
      <c r="F13" s="1179"/>
      <c r="G13" s="1187"/>
    </row>
    <row r="14" spans="1:7" ht="12" customHeight="1" x14ac:dyDescent="0.2">
      <c r="A14" s="1165"/>
      <c r="B14" s="3231" t="s">
        <v>1963</v>
      </c>
      <c r="C14" s="1175"/>
      <c r="D14" s="1176"/>
      <c r="E14" s="1176"/>
      <c r="F14" s="1176"/>
      <c r="G14" s="1177"/>
    </row>
    <row r="15" spans="1:7" ht="33" customHeight="1" x14ac:dyDescent="0.2">
      <c r="A15" s="1165"/>
      <c r="B15" s="3232"/>
      <c r="C15" s="1178" t="s">
        <v>1964</v>
      </c>
      <c r="D15" s="1179"/>
      <c r="E15" s="1180"/>
      <c r="F15" s="1181"/>
      <c r="G15" s="1182"/>
    </row>
    <row r="16" spans="1:7" ht="33" customHeight="1" x14ac:dyDescent="0.2">
      <c r="A16" s="1165"/>
      <c r="B16" s="3232"/>
      <c r="C16" s="1178"/>
      <c r="D16" s="1183" t="s">
        <v>27</v>
      </c>
      <c r="E16" s="1184" t="s">
        <v>49</v>
      </c>
      <c r="F16" s="1185"/>
      <c r="G16" s="1182"/>
    </row>
    <row r="17" spans="1:7" ht="36.75" customHeight="1" x14ac:dyDescent="0.2">
      <c r="A17" s="1165"/>
      <c r="B17" s="3233"/>
      <c r="C17" s="1186"/>
      <c r="D17" s="1179"/>
      <c r="E17" s="1179"/>
      <c r="F17" s="1179"/>
      <c r="G17" s="1187"/>
    </row>
    <row r="18" spans="1:7" ht="36.75" customHeight="1" x14ac:dyDescent="0.2">
      <c r="A18" s="1165"/>
      <c r="B18" s="3231" t="s">
        <v>1965</v>
      </c>
      <c r="C18" s="1175" t="s">
        <v>1966</v>
      </c>
      <c r="D18" s="1176"/>
      <c r="E18" s="1176"/>
      <c r="F18" s="1176"/>
      <c r="G18" s="1177"/>
    </row>
    <row r="19" spans="1:7" ht="36.75" customHeight="1" x14ac:dyDescent="0.2">
      <c r="A19" s="1165"/>
      <c r="B19" s="3232"/>
      <c r="C19" s="1178"/>
      <c r="D19" s="1165"/>
      <c r="E19" s="1165"/>
      <c r="F19" s="1165"/>
      <c r="G19" s="1182"/>
    </row>
    <row r="20" spans="1:7" ht="36.75" customHeight="1" x14ac:dyDescent="0.2">
      <c r="A20" s="1165"/>
      <c r="B20" s="3233"/>
      <c r="C20" s="1186"/>
      <c r="D20" s="1179"/>
      <c r="E20" s="1179"/>
      <c r="F20" s="1179"/>
      <c r="G20" s="1187"/>
    </row>
    <row r="21" spans="1:7" x14ac:dyDescent="0.2">
      <c r="A21" s="1165"/>
      <c r="B21" s="1165"/>
      <c r="C21" s="1165"/>
      <c r="D21" s="1165"/>
      <c r="E21" s="1165"/>
      <c r="F21" s="1165"/>
      <c r="G21" s="1165"/>
    </row>
    <row r="22" spans="1:7" ht="24.75" customHeight="1" x14ac:dyDescent="0.2">
      <c r="A22" s="1165"/>
      <c r="B22" s="1165" t="s">
        <v>1887</v>
      </c>
      <c r="C22" s="1165"/>
      <c r="D22" s="1165"/>
      <c r="E22" s="1165"/>
      <c r="F22" s="1165"/>
      <c r="G22" s="1165"/>
    </row>
    <row r="23" spans="1:7" ht="24.75" customHeight="1" x14ac:dyDescent="0.2">
      <c r="B23" s="3234" t="s">
        <v>1967</v>
      </c>
      <c r="C23" s="3234"/>
      <c r="D23" s="3234"/>
      <c r="E23" s="3234"/>
      <c r="F23" s="3234"/>
      <c r="G23" s="3234"/>
    </row>
    <row r="24" spans="1:7" ht="13.5" customHeight="1" x14ac:dyDescent="0.2">
      <c r="B24" s="1188"/>
    </row>
    <row r="28" spans="1:7" x14ac:dyDescent="0.2">
      <c r="C28" s="1166" t="s">
        <v>1852</v>
      </c>
    </row>
  </sheetData>
  <mergeCells count="8">
    <mergeCell ref="B18:B20"/>
    <mergeCell ref="B23:G23"/>
    <mergeCell ref="F2:G2"/>
    <mergeCell ref="A4:G4"/>
    <mergeCell ref="C7:G7"/>
    <mergeCell ref="C8:G8"/>
    <mergeCell ref="B9:B13"/>
    <mergeCell ref="B14:B17"/>
  </mergeCells>
  <phoneticPr fontId="6"/>
  <pageMargins left="0.7" right="0.7" top="0.75" bottom="0.75" header="0.3" footer="0.3"/>
  <pageSetup paperSize="9" scale="85" orientation="portrait" r:id="rId1"/>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36"/>
  <sheetViews>
    <sheetView view="pageBreakPreview" zoomScale="110" zoomScaleNormal="100" zoomScaleSheetLayoutView="110" workbookViewId="0">
      <selection activeCell="F40" sqref="F40"/>
    </sheetView>
  </sheetViews>
  <sheetFormatPr defaultRowHeight="13.2" x14ac:dyDescent="0.2"/>
  <cols>
    <col min="1" max="1" width="1.21875" style="638" customWidth="1"/>
    <col min="2" max="2" width="22.21875" style="638" customWidth="1"/>
    <col min="3" max="3" width="10.77734375" style="638" customWidth="1"/>
    <col min="4" max="4" width="16.88671875" style="638" customWidth="1"/>
    <col min="5" max="5" width="19.44140625" style="638" customWidth="1"/>
    <col min="6" max="6" width="14.109375" style="638" customWidth="1"/>
    <col min="7" max="7" width="12.21875" style="638" customWidth="1"/>
    <col min="8" max="8" width="5.44140625" style="638" customWidth="1"/>
    <col min="9" max="9" width="4" style="638" customWidth="1"/>
    <col min="10" max="10" width="9.33203125" style="638" customWidth="1"/>
    <col min="11" max="11" width="1.109375" style="638" customWidth="1"/>
    <col min="12" max="12" width="2.77734375" style="638" customWidth="1"/>
    <col min="13" max="259" width="8.88671875" style="638"/>
    <col min="260" max="260" width="1.21875" style="638" customWidth="1"/>
    <col min="261" max="262" width="17.33203125" style="638" customWidth="1"/>
    <col min="263" max="263" width="16.88671875" style="638" customWidth="1"/>
    <col min="264" max="264" width="19.44140625" style="638" customWidth="1"/>
    <col min="265" max="265" width="16.77734375" style="638" customWidth="1"/>
    <col min="266" max="266" width="16.88671875" style="638" customWidth="1"/>
    <col min="267" max="267" width="4.109375" style="638" customWidth="1"/>
    <col min="268" max="268" width="2.77734375" style="638" customWidth="1"/>
    <col min="269" max="515" width="8.88671875" style="638"/>
    <col min="516" max="516" width="1.21875" style="638" customWidth="1"/>
    <col min="517" max="518" width="17.33203125" style="638" customWidth="1"/>
    <col min="519" max="519" width="16.88671875" style="638" customWidth="1"/>
    <col min="520" max="520" width="19.44140625" style="638" customWidth="1"/>
    <col min="521" max="521" width="16.77734375" style="638" customWidth="1"/>
    <col min="522" max="522" width="16.88671875" style="638" customWidth="1"/>
    <col min="523" max="523" width="4.109375" style="638" customWidth="1"/>
    <col min="524" max="524" width="2.77734375" style="638" customWidth="1"/>
    <col min="525" max="771" width="8.88671875" style="638"/>
    <col min="772" max="772" width="1.21875" style="638" customWidth="1"/>
    <col min="773" max="774" width="17.33203125" style="638" customWidth="1"/>
    <col min="775" max="775" width="16.88671875" style="638" customWidth="1"/>
    <col min="776" max="776" width="19.44140625" style="638" customWidth="1"/>
    <col min="777" max="777" width="16.77734375" style="638" customWidth="1"/>
    <col min="778" max="778" width="16.88671875" style="638" customWidth="1"/>
    <col min="779" max="779" width="4.109375" style="638" customWidth="1"/>
    <col min="780" max="780" width="2.77734375" style="638" customWidth="1"/>
    <col min="781" max="1027" width="8.88671875" style="638"/>
    <col min="1028" max="1028" width="1.21875" style="638" customWidth="1"/>
    <col min="1029" max="1030" width="17.33203125" style="638" customWidth="1"/>
    <col min="1031" max="1031" width="16.88671875" style="638" customWidth="1"/>
    <col min="1032" max="1032" width="19.44140625" style="638" customWidth="1"/>
    <col min="1033" max="1033" width="16.77734375" style="638" customWidth="1"/>
    <col min="1034" max="1034" width="16.88671875" style="638" customWidth="1"/>
    <col min="1035" max="1035" width="4.109375" style="638" customWidth="1"/>
    <col min="1036" max="1036" width="2.77734375" style="638" customWidth="1"/>
    <col min="1037" max="1283" width="8.88671875" style="638"/>
    <col min="1284" max="1284" width="1.21875" style="638" customWidth="1"/>
    <col min="1285" max="1286" width="17.33203125" style="638" customWidth="1"/>
    <col min="1287" max="1287" width="16.88671875" style="638" customWidth="1"/>
    <col min="1288" max="1288" width="19.44140625" style="638" customWidth="1"/>
    <col min="1289" max="1289" width="16.77734375" style="638" customWidth="1"/>
    <col min="1290" max="1290" width="16.88671875" style="638" customWidth="1"/>
    <col min="1291" max="1291" width="4.109375" style="638" customWidth="1"/>
    <col min="1292" max="1292" width="2.77734375" style="638" customWidth="1"/>
    <col min="1293" max="1539" width="8.88671875" style="638"/>
    <col min="1540" max="1540" width="1.21875" style="638" customWidth="1"/>
    <col min="1541" max="1542" width="17.33203125" style="638" customWidth="1"/>
    <col min="1543" max="1543" width="16.88671875" style="638" customWidth="1"/>
    <col min="1544" max="1544" width="19.44140625" style="638" customWidth="1"/>
    <col min="1545" max="1545" width="16.77734375" style="638" customWidth="1"/>
    <col min="1546" max="1546" width="16.88671875" style="638" customWidth="1"/>
    <col min="1547" max="1547" width="4.109375" style="638" customWidth="1"/>
    <col min="1548" max="1548" width="2.77734375" style="638" customWidth="1"/>
    <col min="1549" max="1795" width="8.88671875" style="638"/>
    <col min="1796" max="1796" width="1.21875" style="638" customWidth="1"/>
    <col min="1797" max="1798" width="17.33203125" style="638" customWidth="1"/>
    <col min="1799" max="1799" width="16.88671875" style="638" customWidth="1"/>
    <col min="1800" max="1800" width="19.44140625" style="638" customWidth="1"/>
    <col min="1801" max="1801" width="16.77734375" style="638" customWidth="1"/>
    <col min="1802" max="1802" width="16.88671875" style="638" customWidth="1"/>
    <col min="1803" max="1803" width="4.109375" style="638" customWidth="1"/>
    <col min="1804" max="1804" width="2.77734375" style="638" customWidth="1"/>
    <col min="1805" max="2051" width="8.88671875" style="638"/>
    <col min="2052" max="2052" width="1.21875" style="638" customWidth="1"/>
    <col min="2053" max="2054" width="17.33203125" style="638" customWidth="1"/>
    <col min="2055" max="2055" width="16.88671875" style="638" customWidth="1"/>
    <col min="2056" max="2056" width="19.44140625" style="638" customWidth="1"/>
    <col min="2057" max="2057" width="16.77734375" style="638" customWidth="1"/>
    <col min="2058" max="2058" width="16.88671875" style="638" customWidth="1"/>
    <col min="2059" max="2059" width="4.109375" style="638" customWidth="1"/>
    <col min="2060" max="2060" width="2.77734375" style="638" customWidth="1"/>
    <col min="2061" max="2307" width="8.88671875" style="638"/>
    <col min="2308" max="2308" width="1.21875" style="638" customWidth="1"/>
    <col min="2309" max="2310" width="17.33203125" style="638" customWidth="1"/>
    <col min="2311" max="2311" width="16.88671875" style="638" customWidth="1"/>
    <col min="2312" max="2312" width="19.44140625" style="638" customWidth="1"/>
    <col min="2313" max="2313" width="16.77734375" style="638" customWidth="1"/>
    <col min="2314" max="2314" width="16.88671875" style="638" customWidth="1"/>
    <col min="2315" max="2315" width="4.109375" style="638" customWidth="1"/>
    <col min="2316" max="2316" width="2.77734375" style="638" customWidth="1"/>
    <col min="2317" max="2563" width="8.88671875" style="638"/>
    <col min="2564" max="2564" width="1.21875" style="638" customWidth="1"/>
    <col min="2565" max="2566" width="17.33203125" style="638" customWidth="1"/>
    <col min="2567" max="2567" width="16.88671875" style="638" customWidth="1"/>
    <col min="2568" max="2568" width="19.44140625" style="638" customWidth="1"/>
    <col min="2569" max="2569" width="16.77734375" style="638" customWidth="1"/>
    <col min="2570" max="2570" width="16.88671875" style="638" customWidth="1"/>
    <col min="2571" max="2571" width="4.109375" style="638" customWidth="1"/>
    <col min="2572" max="2572" width="2.77734375" style="638" customWidth="1"/>
    <col min="2573" max="2819" width="8.88671875" style="638"/>
    <col min="2820" max="2820" width="1.21875" style="638" customWidth="1"/>
    <col min="2821" max="2822" width="17.33203125" style="638" customWidth="1"/>
    <col min="2823" max="2823" width="16.88671875" style="638" customWidth="1"/>
    <col min="2824" max="2824" width="19.44140625" style="638" customWidth="1"/>
    <col min="2825" max="2825" width="16.77734375" style="638" customWidth="1"/>
    <col min="2826" max="2826" width="16.88671875" style="638" customWidth="1"/>
    <col min="2827" max="2827" width="4.109375" style="638" customWidth="1"/>
    <col min="2828" max="2828" width="2.77734375" style="638" customWidth="1"/>
    <col min="2829" max="3075" width="8.88671875" style="638"/>
    <col min="3076" max="3076" width="1.21875" style="638" customWidth="1"/>
    <col min="3077" max="3078" width="17.33203125" style="638" customWidth="1"/>
    <col min="3079" max="3079" width="16.88671875" style="638" customWidth="1"/>
    <col min="3080" max="3080" width="19.44140625" style="638" customWidth="1"/>
    <col min="3081" max="3081" width="16.77734375" style="638" customWidth="1"/>
    <col min="3082" max="3082" width="16.88671875" style="638" customWidth="1"/>
    <col min="3083" max="3083" width="4.109375" style="638" customWidth="1"/>
    <col min="3084" max="3084" width="2.77734375" style="638" customWidth="1"/>
    <col min="3085" max="3331" width="8.88671875" style="638"/>
    <col min="3332" max="3332" width="1.21875" style="638" customWidth="1"/>
    <col min="3333" max="3334" width="17.33203125" style="638" customWidth="1"/>
    <col min="3335" max="3335" width="16.88671875" style="638" customWidth="1"/>
    <col min="3336" max="3336" width="19.44140625" style="638" customWidth="1"/>
    <col min="3337" max="3337" width="16.77734375" style="638" customWidth="1"/>
    <col min="3338" max="3338" width="16.88671875" style="638" customWidth="1"/>
    <col min="3339" max="3339" width="4.109375" style="638" customWidth="1"/>
    <col min="3340" max="3340" width="2.77734375" style="638" customWidth="1"/>
    <col min="3341" max="3587" width="8.88671875" style="638"/>
    <col min="3588" max="3588" width="1.21875" style="638" customWidth="1"/>
    <col min="3589" max="3590" width="17.33203125" style="638" customWidth="1"/>
    <col min="3591" max="3591" width="16.88671875" style="638" customWidth="1"/>
    <col min="3592" max="3592" width="19.44140625" style="638" customWidth="1"/>
    <col min="3593" max="3593" width="16.77734375" style="638" customWidth="1"/>
    <col min="3594" max="3594" width="16.88671875" style="638" customWidth="1"/>
    <col min="3595" max="3595" width="4.109375" style="638" customWidth="1"/>
    <col min="3596" max="3596" width="2.77734375" style="638" customWidth="1"/>
    <col min="3597" max="3843" width="8.88671875" style="638"/>
    <col min="3844" max="3844" width="1.21875" style="638" customWidth="1"/>
    <col min="3845" max="3846" width="17.33203125" style="638" customWidth="1"/>
    <col min="3847" max="3847" width="16.88671875" style="638" customWidth="1"/>
    <col min="3848" max="3848" width="19.44140625" style="638" customWidth="1"/>
    <col min="3849" max="3849" width="16.77734375" style="638" customWidth="1"/>
    <col min="3850" max="3850" width="16.88671875" style="638" customWidth="1"/>
    <col min="3851" max="3851" width="4.109375" style="638" customWidth="1"/>
    <col min="3852" max="3852" width="2.77734375" style="638" customWidth="1"/>
    <col min="3853" max="4099" width="8.88671875" style="638"/>
    <col min="4100" max="4100" width="1.21875" style="638" customWidth="1"/>
    <col min="4101" max="4102" width="17.33203125" style="638" customWidth="1"/>
    <col min="4103" max="4103" width="16.88671875" style="638" customWidth="1"/>
    <col min="4104" max="4104" width="19.44140625" style="638" customWidth="1"/>
    <col min="4105" max="4105" width="16.77734375" style="638" customWidth="1"/>
    <col min="4106" max="4106" width="16.88671875" style="638" customWidth="1"/>
    <col min="4107" max="4107" width="4.109375" style="638" customWidth="1"/>
    <col min="4108" max="4108" width="2.77734375" style="638" customWidth="1"/>
    <col min="4109" max="4355" width="8.88671875" style="638"/>
    <col min="4356" max="4356" width="1.21875" style="638" customWidth="1"/>
    <col min="4357" max="4358" width="17.33203125" style="638" customWidth="1"/>
    <col min="4359" max="4359" width="16.88671875" style="638" customWidth="1"/>
    <col min="4360" max="4360" width="19.44140625" style="638" customWidth="1"/>
    <col min="4361" max="4361" width="16.77734375" style="638" customWidth="1"/>
    <col min="4362" max="4362" width="16.88671875" style="638" customWidth="1"/>
    <col min="4363" max="4363" width="4.109375" style="638" customWidth="1"/>
    <col min="4364" max="4364" width="2.77734375" style="638" customWidth="1"/>
    <col min="4365" max="4611" width="8.88671875" style="638"/>
    <col min="4612" max="4612" width="1.21875" style="638" customWidth="1"/>
    <col min="4613" max="4614" width="17.33203125" style="638" customWidth="1"/>
    <col min="4615" max="4615" width="16.88671875" style="638" customWidth="1"/>
    <col min="4616" max="4616" width="19.44140625" style="638" customWidth="1"/>
    <col min="4617" max="4617" width="16.77734375" style="638" customWidth="1"/>
    <col min="4618" max="4618" width="16.88671875" style="638" customWidth="1"/>
    <col min="4619" max="4619" width="4.109375" style="638" customWidth="1"/>
    <col min="4620" max="4620" width="2.77734375" style="638" customWidth="1"/>
    <col min="4621" max="4867" width="8.88671875" style="638"/>
    <col min="4868" max="4868" width="1.21875" style="638" customWidth="1"/>
    <col min="4869" max="4870" width="17.33203125" style="638" customWidth="1"/>
    <col min="4871" max="4871" width="16.88671875" style="638" customWidth="1"/>
    <col min="4872" max="4872" width="19.44140625" style="638" customWidth="1"/>
    <col min="4873" max="4873" width="16.77734375" style="638" customWidth="1"/>
    <col min="4874" max="4874" width="16.88671875" style="638" customWidth="1"/>
    <col min="4875" max="4875" width="4.109375" style="638" customWidth="1"/>
    <col min="4876" max="4876" width="2.77734375" style="638" customWidth="1"/>
    <col min="4877" max="5123" width="8.88671875" style="638"/>
    <col min="5124" max="5124" width="1.21875" style="638" customWidth="1"/>
    <col min="5125" max="5126" width="17.33203125" style="638" customWidth="1"/>
    <col min="5127" max="5127" width="16.88671875" style="638" customWidth="1"/>
    <col min="5128" max="5128" width="19.44140625" style="638" customWidth="1"/>
    <col min="5129" max="5129" width="16.77734375" style="638" customWidth="1"/>
    <col min="5130" max="5130" width="16.88671875" style="638" customWidth="1"/>
    <col min="5131" max="5131" width="4.109375" style="638" customWidth="1"/>
    <col min="5132" max="5132" width="2.77734375" style="638" customWidth="1"/>
    <col min="5133" max="5379" width="8.88671875" style="638"/>
    <col min="5380" max="5380" width="1.21875" style="638" customWidth="1"/>
    <col min="5381" max="5382" width="17.33203125" style="638" customWidth="1"/>
    <col min="5383" max="5383" width="16.88671875" style="638" customWidth="1"/>
    <col min="5384" max="5384" width="19.44140625" style="638" customWidth="1"/>
    <col min="5385" max="5385" width="16.77734375" style="638" customWidth="1"/>
    <col min="5386" max="5386" width="16.88671875" style="638" customWidth="1"/>
    <col min="5387" max="5387" width="4.109375" style="638" customWidth="1"/>
    <col min="5388" max="5388" width="2.77734375" style="638" customWidth="1"/>
    <col min="5389" max="5635" width="8.88671875" style="638"/>
    <col min="5636" max="5636" width="1.21875" style="638" customWidth="1"/>
    <col min="5637" max="5638" width="17.33203125" style="638" customWidth="1"/>
    <col min="5639" max="5639" width="16.88671875" style="638" customWidth="1"/>
    <col min="5640" max="5640" width="19.44140625" style="638" customWidth="1"/>
    <col min="5641" max="5641" width="16.77734375" style="638" customWidth="1"/>
    <col min="5642" max="5642" width="16.88671875" style="638" customWidth="1"/>
    <col min="5643" max="5643" width="4.109375" style="638" customWidth="1"/>
    <col min="5644" max="5644" width="2.77734375" style="638" customWidth="1"/>
    <col min="5645" max="5891" width="8.88671875" style="638"/>
    <col min="5892" max="5892" width="1.21875" style="638" customWidth="1"/>
    <col min="5893" max="5894" width="17.33203125" style="638" customWidth="1"/>
    <col min="5895" max="5895" width="16.88671875" style="638" customWidth="1"/>
    <col min="5896" max="5896" width="19.44140625" style="638" customWidth="1"/>
    <col min="5897" max="5897" width="16.77734375" style="638" customWidth="1"/>
    <col min="5898" max="5898" width="16.88671875" style="638" customWidth="1"/>
    <col min="5899" max="5899" width="4.109375" style="638" customWidth="1"/>
    <col min="5900" max="5900" width="2.77734375" style="638" customWidth="1"/>
    <col min="5901" max="6147" width="8.88671875" style="638"/>
    <col min="6148" max="6148" width="1.21875" style="638" customWidth="1"/>
    <col min="6149" max="6150" width="17.33203125" style="638" customWidth="1"/>
    <col min="6151" max="6151" width="16.88671875" style="638" customWidth="1"/>
    <col min="6152" max="6152" width="19.44140625" style="638" customWidth="1"/>
    <col min="6153" max="6153" width="16.77734375" style="638" customWidth="1"/>
    <col min="6154" max="6154" width="16.88671875" style="638" customWidth="1"/>
    <col min="6155" max="6155" width="4.109375" style="638" customWidth="1"/>
    <col min="6156" max="6156" width="2.77734375" style="638" customWidth="1"/>
    <col min="6157" max="6403" width="8.88671875" style="638"/>
    <col min="6404" max="6404" width="1.21875" style="638" customWidth="1"/>
    <col min="6405" max="6406" width="17.33203125" style="638" customWidth="1"/>
    <col min="6407" max="6407" width="16.88671875" style="638" customWidth="1"/>
    <col min="6408" max="6408" width="19.44140625" style="638" customWidth="1"/>
    <col min="6409" max="6409" width="16.77734375" style="638" customWidth="1"/>
    <col min="6410" max="6410" width="16.88671875" style="638" customWidth="1"/>
    <col min="6411" max="6411" width="4.109375" style="638" customWidth="1"/>
    <col min="6412" max="6412" width="2.77734375" style="638" customWidth="1"/>
    <col min="6413" max="6659" width="8.88671875" style="638"/>
    <col min="6660" max="6660" width="1.21875" style="638" customWidth="1"/>
    <col min="6661" max="6662" width="17.33203125" style="638" customWidth="1"/>
    <col min="6663" max="6663" width="16.88671875" style="638" customWidth="1"/>
    <col min="6664" max="6664" width="19.44140625" style="638" customWidth="1"/>
    <col min="6665" max="6665" width="16.77734375" style="638" customWidth="1"/>
    <col min="6666" max="6666" width="16.88671875" style="638" customWidth="1"/>
    <col min="6667" max="6667" width="4.109375" style="638" customWidth="1"/>
    <col min="6668" max="6668" width="2.77734375" style="638" customWidth="1"/>
    <col min="6669" max="6915" width="8.88671875" style="638"/>
    <col min="6916" max="6916" width="1.21875" style="638" customWidth="1"/>
    <col min="6917" max="6918" width="17.33203125" style="638" customWidth="1"/>
    <col min="6919" max="6919" width="16.88671875" style="638" customWidth="1"/>
    <col min="6920" max="6920" width="19.44140625" style="638" customWidth="1"/>
    <col min="6921" max="6921" width="16.77734375" style="638" customWidth="1"/>
    <col min="6922" max="6922" width="16.88671875" style="638" customWidth="1"/>
    <col min="6923" max="6923" width="4.109375" style="638" customWidth="1"/>
    <col min="6924" max="6924" width="2.77734375" style="638" customWidth="1"/>
    <col min="6925" max="7171" width="8.88671875" style="638"/>
    <col min="7172" max="7172" width="1.21875" style="638" customWidth="1"/>
    <col min="7173" max="7174" width="17.33203125" style="638" customWidth="1"/>
    <col min="7175" max="7175" width="16.88671875" style="638" customWidth="1"/>
    <col min="7176" max="7176" width="19.44140625" style="638" customWidth="1"/>
    <col min="7177" max="7177" width="16.77734375" style="638" customWidth="1"/>
    <col min="7178" max="7178" width="16.88671875" style="638" customWidth="1"/>
    <col min="7179" max="7179" width="4.109375" style="638" customWidth="1"/>
    <col min="7180" max="7180" width="2.77734375" style="638" customWidth="1"/>
    <col min="7181" max="7427" width="8.88671875" style="638"/>
    <col min="7428" max="7428" width="1.21875" style="638" customWidth="1"/>
    <col min="7429" max="7430" width="17.33203125" style="638" customWidth="1"/>
    <col min="7431" max="7431" width="16.88671875" style="638" customWidth="1"/>
    <col min="7432" max="7432" width="19.44140625" style="638" customWidth="1"/>
    <col min="7433" max="7433" width="16.77734375" style="638" customWidth="1"/>
    <col min="7434" max="7434" width="16.88671875" style="638" customWidth="1"/>
    <col min="7435" max="7435" width="4.109375" style="638" customWidth="1"/>
    <col min="7436" max="7436" width="2.77734375" style="638" customWidth="1"/>
    <col min="7437" max="7683" width="8.88671875" style="638"/>
    <col min="7684" max="7684" width="1.21875" style="638" customWidth="1"/>
    <col min="7685" max="7686" width="17.33203125" style="638" customWidth="1"/>
    <col min="7687" max="7687" width="16.88671875" style="638" customWidth="1"/>
    <col min="7688" max="7688" width="19.44140625" style="638" customWidth="1"/>
    <col min="7689" max="7689" width="16.77734375" style="638" customWidth="1"/>
    <col min="7690" max="7690" width="16.88671875" style="638" customWidth="1"/>
    <col min="7691" max="7691" width="4.109375" style="638" customWidth="1"/>
    <col min="7692" max="7692" width="2.77734375" style="638" customWidth="1"/>
    <col min="7693" max="7939" width="8.88671875" style="638"/>
    <col min="7940" max="7940" width="1.21875" style="638" customWidth="1"/>
    <col min="7941" max="7942" width="17.33203125" style="638" customWidth="1"/>
    <col min="7943" max="7943" width="16.88671875" style="638" customWidth="1"/>
    <col min="7944" max="7944" width="19.44140625" style="638" customWidth="1"/>
    <col min="7945" max="7945" width="16.77734375" style="638" customWidth="1"/>
    <col min="7946" max="7946" width="16.88671875" style="638" customWidth="1"/>
    <col min="7947" max="7947" width="4.109375" style="638" customWidth="1"/>
    <col min="7948" max="7948" width="2.77734375" style="638" customWidth="1"/>
    <col min="7949" max="8195" width="8.88671875" style="638"/>
    <col min="8196" max="8196" width="1.21875" style="638" customWidth="1"/>
    <col min="8197" max="8198" width="17.33203125" style="638" customWidth="1"/>
    <col min="8199" max="8199" width="16.88671875" style="638" customWidth="1"/>
    <col min="8200" max="8200" width="19.44140625" style="638" customWidth="1"/>
    <col min="8201" max="8201" width="16.77734375" style="638" customWidth="1"/>
    <col min="8202" max="8202" width="16.88671875" style="638" customWidth="1"/>
    <col min="8203" max="8203" width="4.109375" style="638" customWidth="1"/>
    <col min="8204" max="8204" width="2.77734375" style="638" customWidth="1"/>
    <col min="8205" max="8451" width="8.88671875" style="638"/>
    <col min="8452" max="8452" width="1.21875" style="638" customWidth="1"/>
    <col min="8453" max="8454" width="17.33203125" style="638" customWidth="1"/>
    <col min="8455" max="8455" width="16.88671875" style="638" customWidth="1"/>
    <col min="8456" max="8456" width="19.44140625" style="638" customWidth="1"/>
    <col min="8457" max="8457" width="16.77734375" style="638" customWidth="1"/>
    <col min="8458" max="8458" width="16.88671875" style="638" customWidth="1"/>
    <col min="8459" max="8459" width="4.109375" style="638" customWidth="1"/>
    <col min="8460" max="8460" width="2.77734375" style="638" customWidth="1"/>
    <col min="8461" max="8707" width="8.88671875" style="638"/>
    <col min="8708" max="8708" width="1.21875" style="638" customWidth="1"/>
    <col min="8709" max="8710" width="17.33203125" style="638" customWidth="1"/>
    <col min="8711" max="8711" width="16.88671875" style="638" customWidth="1"/>
    <col min="8712" max="8712" width="19.44140625" style="638" customWidth="1"/>
    <col min="8713" max="8713" width="16.77734375" style="638" customWidth="1"/>
    <col min="8714" max="8714" width="16.88671875" style="638" customWidth="1"/>
    <col min="8715" max="8715" width="4.109375" style="638" customWidth="1"/>
    <col min="8716" max="8716" width="2.77734375" style="638" customWidth="1"/>
    <col min="8717" max="8963" width="8.88671875" style="638"/>
    <col min="8964" max="8964" width="1.21875" style="638" customWidth="1"/>
    <col min="8965" max="8966" width="17.33203125" style="638" customWidth="1"/>
    <col min="8967" max="8967" width="16.88671875" style="638" customWidth="1"/>
    <col min="8968" max="8968" width="19.44140625" style="638" customWidth="1"/>
    <col min="8969" max="8969" width="16.77734375" style="638" customWidth="1"/>
    <col min="8970" max="8970" width="16.88671875" style="638" customWidth="1"/>
    <col min="8971" max="8971" width="4.109375" style="638" customWidth="1"/>
    <col min="8972" max="8972" width="2.77734375" style="638" customWidth="1"/>
    <col min="8973" max="9219" width="8.88671875" style="638"/>
    <col min="9220" max="9220" width="1.21875" style="638" customWidth="1"/>
    <col min="9221" max="9222" width="17.33203125" style="638" customWidth="1"/>
    <col min="9223" max="9223" width="16.88671875" style="638" customWidth="1"/>
    <col min="9224" max="9224" width="19.44140625" style="638" customWidth="1"/>
    <col min="9225" max="9225" width="16.77734375" style="638" customWidth="1"/>
    <col min="9226" max="9226" width="16.88671875" style="638" customWidth="1"/>
    <col min="9227" max="9227" width="4.109375" style="638" customWidth="1"/>
    <col min="9228" max="9228" width="2.77734375" style="638" customWidth="1"/>
    <col min="9229" max="9475" width="8.88671875" style="638"/>
    <col min="9476" max="9476" width="1.21875" style="638" customWidth="1"/>
    <col min="9477" max="9478" width="17.33203125" style="638" customWidth="1"/>
    <col min="9479" max="9479" width="16.88671875" style="638" customWidth="1"/>
    <col min="9480" max="9480" width="19.44140625" style="638" customWidth="1"/>
    <col min="9481" max="9481" width="16.77734375" style="638" customWidth="1"/>
    <col min="9482" max="9482" width="16.88671875" style="638" customWidth="1"/>
    <col min="9483" max="9483" width="4.109375" style="638" customWidth="1"/>
    <col min="9484" max="9484" width="2.77734375" style="638" customWidth="1"/>
    <col min="9485" max="9731" width="8.88671875" style="638"/>
    <col min="9732" max="9732" width="1.21875" style="638" customWidth="1"/>
    <col min="9733" max="9734" width="17.33203125" style="638" customWidth="1"/>
    <col min="9735" max="9735" width="16.88671875" style="638" customWidth="1"/>
    <col min="9736" max="9736" width="19.44140625" style="638" customWidth="1"/>
    <col min="9737" max="9737" width="16.77734375" style="638" customWidth="1"/>
    <col min="9738" max="9738" width="16.88671875" style="638" customWidth="1"/>
    <col min="9739" max="9739" width="4.109375" style="638" customWidth="1"/>
    <col min="9740" max="9740" width="2.77734375" style="638" customWidth="1"/>
    <col min="9741" max="9987" width="8.88671875" style="638"/>
    <col min="9988" max="9988" width="1.21875" style="638" customWidth="1"/>
    <col min="9989" max="9990" width="17.33203125" style="638" customWidth="1"/>
    <col min="9991" max="9991" width="16.88671875" style="638" customWidth="1"/>
    <col min="9992" max="9992" width="19.44140625" style="638" customWidth="1"/>
    <col min="9993" max="9993" width="16.77734375" style="638" customWidth="1"/>
    <col min="9994" max="9994" width="16.88671875" style="638" customWidth="1"/>
    <col min="9995" max="9995" width="4.109375" style="638" customWidth="1"/>
    <col min="9996" max="9996" width="2.77734375" style="638" customWidth="1"/>
    <col min="9997" max="10243" width="8.88671875" style="638"/>
    <col min="10244" max="10244" width="1.21875" style="638" customWidth="1"/>
    <col min="10245" max="10246" width="17.33203125" style="638" customWidth="1"/>
    <col min="10247" max="10247" width="16.88671875" style="638" customWidth="1"/>
    <col min="10248" max="10248" width="19.44140625" style="638" customWidth="1"/>
    <col min="10249" max="10249" width="16.77734375" style="638" customWidth="1"/>
    <col min="10250" max="10250" width="16.88671875" style="638" customWidth="1"/>
    <col min="10251" max="10251" width="4.109375" style="638" customWidth="1"/>
    <col min="10252" max="10252" width="2.77734375" style="638" customWidth="1"/>
    <col min="10253" max="10499" width="8.88671875" style="638"/>
    <col min="10500" max="10500" width="1.21875" style="638" customWidth="1"/>
    <col min="10501" max="10502" width="17.33203125" style="638" customWidth="1"/>
    <col min="10503" max="10503" width="16.88671875" style="638" customWidth="1"/>
    <col min="10504" max="10504" width="19.44140625" style="638" customWidth="1"/>
    <col min="10505" max="10505" width="16.77734375" style="638" customWidth="1"/>
    <col min="10506" max="10506" width="16.88671875" style="638" customWidth="1"/>
    <col min="10507" max="10507" width="4.109375" style="638" customWidth="1"/>
    <col min="10508" max="10508" width="2.77734375" style="638" customWidth="1"/>
    <col min="10509" max="10755" width="8.88671875" style="638"/>
    <col min="10756" max="10756" width="1.21875" style="638" customWidth="1"/>
    <col min="10757" max="10758" width="17.33203125" style="638" customWidth="1"/>
    <col min="10759" max="10759" width="16.88671875" style="638" customWidth="1"/>
    <col min="10760" max="10760" width="19.44140625" style="638" customWidth="1"/>
    <col min="10761" max="10761" width="16.77734375" style="638" customWidth="1"/>
    <col min="10762" max="10762" width="16.88671875" style="638" customWidth="1"/>
    <col min="10763" max="10763" width="4.109375" style="638" customWidth="1"/>
    <col min="10764" max="10764" width="2.77734375" style="638" customWidth="1"/>
    <col min="10765" max="11011" width="8.88671875" style="638"/>
    <col min="11012" max="11012" width="1.21875" style="638" customWidth="1"/>
    <col min="11013" max="11014" width="17.33203125" style="638" customWidth="1"/>
    <col min="11015" max="11015" width="16.88671875" style="638" customWidth="1"/>
    <col min="11016" max="11016" width="19.44140625" style="638" customWidth="1"/>
    <col min="11017" max="11017" width="16.77734375" style="638" customWidth="1"/>
    <col min="11018" max="11018" width="16.88671875" style="638" customWidth="1"/>
    <col min="11019" max="11019" width="4.109375" style="638" customWidth="1"/>
    <col min="11020" max="11020" width="2.77734375" style="638" customWidth="1"/>
    <col min="11021" max="11267" width="8.88671875" style="638"/>
    <col min="11268" max="11268" width="1.21875" style="638" customWidth="1"/>
    <col min="11269" max="11270" width="17.33203125" style="638" customWidth="1"/>
    <col min="11271" max="11271" width="16.88671875" style="638" customWidth="1"/>
    <col min="11272" max="11272" width="19.44140625" style="638" customWidth="1"/>
    <col min="11273" max="11273" width="16.77734375" style="638" customWidth="1"/>
    <col min="11274" max="11274" width="16.88671875" style="638" customWidth="1"/>
    <col min="11275" max="11275" width="4.109375" style="638" customWidth="1"/>
    <col min="11276" max="11276" width="2.77734375" style="638" customWidth="1"/>
    <col min="11277" max="11523" width="8.88671875" style="638"/>
    <col min="11524" max="11524" width="1.21875" style="638" customWidth="1"/>
    <col min="11525" max="11526" width="17.33203125" style="638" customWidth="1"/>
    <col min="11527" max="11527" width="16.88671875" style="638" customWidth="1"/>
    <col min="11528" max="11528" width="19.44140625" style="638" customWidth="1"/>
    <col min="11529" max="11529" width="16.77734375" style="638" customWidth="1"/>
    <col min="11530" max="11530" width="16.88671875" style="638" customWidth="1"/>
    <col min="11531" max="11531" width="4.109375" style="638" customWidth="1"/>
    <col min="11532" max="11532" width="2.77734375" style="638" customWidth="1"/>
    <col min="11533" max="11779" width="8.88671875" style="638"/>
    <col min="11780" max="11780" width="1.21875" style="638" customWidth="1"/>
    <col min="11781" max="11782" width="17.33203125" style="638" customWidth="1"/>
    <col min="11783" max="11783" width="16.88671875" style="638" customWidth="1"/>
    <col min="11784" max="11784" width="19.44140625" style="638" customWidth="1"/>
    <col min="11785" max="11785" width="16.77734375" style="638" customWidth="1"/>
    <col min="11786" max="11786" width="16.88671875" style="638" customWidth="1"/>
    <col min="11787" max="11787" width="4.109375" style="638" customWidth="1"/>
    <col min="11788" max="11788" width="2.77734375" style="638" customWidth="1"/>
    <col min="11789" max="12035" width="8.88671875" style="638"/>
    <col min="12036" max="12036" width="1.21875" style="638" customWidth="1"/>
    <col min="12037" max="12038" width="17.33203125" style="638" customWidth="1"/>
    <col min="12039" max="12039" width="16.88671875" style="638" customWidth="1"/>
    <col min="12040" max="12040" width="19.44140625" style="638" customWidth="1"/>
    <col min="12041" max="12041" width="16.77734375" style="638" customWidth="1"/>
    <col min="12042" max="12042" width="16.88671875" style="638" customWidth="1"/>
    <col min="12043" max="12043" width="4.109375" style="638" customWidth="1"/>
    <col min="12044" max="12044" width="2.77734375" style="638" customWidth="1"/>
    <col min="12045" max="12291" width="8.88671875" style="638"/>
    <col min="12292" max="12292" width="1.21875" style="638" customWidth="1"/>
    <col min="12293" max="12294" width="17.33203125" style="638" customWidth="1"/>
    <col min="12295" max="12295" width="16.88671875" style="638" customWidth="1"/>
    <col min="12296" max="12296" width="19.44140625" style="638" customWidth="1"/>
    <col min="12297" max="12297" width="16.77734375" style="638" customWidth="1"/>
    <col min="12298" max="12298" width="16.88671875" style="638" customWidth="1"/>
    <col min="12299" max="12299" width="4.109375" style="638" customWidth="1"/>
    <col min="12300" max="12300" width="2.77734375" style="638" customWidth="1"/>
    <col min="12301" max="12547" width="8.88671875" style="638"/>
    <col min="12548" max="12548" width="1.21875" style="638" customWidth="1"/>
    <col min="12549" max="12550" width="17.33203125" style="638" customWidth="1"/>
    <col min="12551" max="12551" width="16.88671875" style="638" customWidth="1"/>
    <col min="12552" max="12552" width="19.44140625" style="638" customWidth="1"/>
    <col min="12553" max="12553" width="16.77734375" style="638" customWidth="1"/>
    <col min="12554" max="12554" width="16.88671875" style="638" customWidth="1"/>
    <col min="12555" max="12555" width="4.109375" style="638" customWidth="1"/>
    <col min="12556" max="12556" width="2.77734375" style="638" customWidth="1"/>
    <col min="12557" max="12803" width="8.88671875" style="638"/>
    <col min="12804" max="12804" width="1.21875" style="638" customWidth="1"/>
    <col min="12805" max="12806" width="17.33203125" style="638" customWidth="1"/>
    <col min="12807" max="12807" width="16.88671875" style="638" customWidth="1"/>
    <col min="12808" max="12808" width="19.44140625" style="638" customWidth="1"/>
    <col min="12809" max="12809" width="16.77734375" style="638" customWidth="1"/>
    <col min="12810" max="12810" width="16.88671875" style="638" customWidth="1"/>
    <col min="12811" max="12811" width="4.109375" style="638" customWidth="1"/>
    <col min="12812" max="12812" width="2.77734375" style="638" customWidth="1"/>
    <col min="12813" max="13059" width="8.88671875" style="638"/>
    <col min="13060" max="13060" width="1.21875" style="638" customWidth="1"/>
    <col min="13061" max="13062" width="17.33203125" style="638" customWidth="1"/>
    <col min="13063" max="13063" width="16.88671875" style="638" customWidth="1"/>
    <col min="13064" max="13064" width="19.44140625" style="638" customWidth="1"/>
    <col min="13065" max="13065" width="16.77734375" style="638" customWidth="1"/>
    <col min="13066" max="13066" width="16.88671875" style="638" customWidth="1"/>
    <col min="13067" max="13067" width="4.109375" style="638" customWidth="1"/>
    <col min="13068" max="13068" width="2.77734375" style="638" customWidth="1"/>
    <col min="13069" max="13315" width="8.88671875" style="638"/>
    <col min="13316" max="13316" width="1.21875" style="638" customWidth="1"/>
    <col min="13317" max="13318" width="17.33203125" style="638" customWidth="1"/>
    <col min="13319" max="13319" width="16.88671875" style="638" customWidth="1"/>
    <col min="13320" max="13320" width="19.44140625" style="638" customWidth="1"/>
    <col min="13321" max="13321" width="16.77734375" style="638" customWidth="1"/>
    <col min="13322" max="13322" width="16.88671875" style="638" customWidth="1"/>
    <col min="13323" max="13323" width="4.109375" style="638" customWidth="1"/>
    <col min="13324" max="13324" width="2.77734375" style="638" customWidth="1"/>
    <col min="13325" max="13571" width="8.88671875" style="638"/>
    <col min="13572" max="13572" width="1.21875" style="638" customWidth="1"/>
    <col min="13573" max="13574" width="17.33203125" style="638" customWidth="1"/>
    <col min="13575" max="13575" width="16.88671875" style="638" customWidth="1"/>
    <col min="13576" max="13576" width="19.44140625" style="638" customWidth="1"/>
    <col min="13577" max="13577" width="16.77734375" style="638" customWidth="1"/>
    <col min="13578" max="13578" width="16.88671875" style="638" customWidth="1"/>
    <col min="13579" max="13579" width="4.109375" style="638" customWidth="1"/>
    <col min="13580" max="13580" width="2.77734375" style="638" customWidth="1"/>
    <col min="13581" max="13827" width="8.88671875" style="638"/>
    <col min="13828" max="13828" width="1.21875" style="638" customWidth="1"/>
    <col min="13829" max="13830" width="17.33203125" style="638" customWidth="1"/>
    <col min="13831" max="13831" width="16.88671875" style="638" customWidth="1"/>
    <col min="13832" max="13832" width="19.44140625" style="638" customWidth="1"/>
    <col min="13833" max="13833" width="16.77734375" style="638" customWidth="1"/>
    <col min="13834" max="13834" width="16.88671875" style="638" customWidth="1"/>
    <col min="13835" max="13835" width="4.109375" style="638" customWidth="1"/>
    <col min="13836" max="13836" width="2.77734375" style="638" customWidth="1"/>
    <col min="13837" max="14083" width="8.88671875" style="638"/>
    <col min="14084" max="14084" width="1.21875" style="638" customWidth="1"/>
    <col min="14085" max="14086" width="17.33203125" style="638" customWidth="1"/>
    <col min="14087" max="14087" width="16.88671875" style="638" customWidth="1"/>
    <col min="14088" max="14088" width="19.44140625" style="638" customWidth="1"/>
    <col min="14089" max="14089" width="16.77734375" style="638" customWidth="1"/>
    <col min="14090" max="14090" width="16.88671875" style="638" customWidth="1"/>
    <col min="14091" max="14091" width="4.109375" style="638" customWidth="1"/>
    <col min="14092" max="14092" width="2.77734375" style="638" customWidth="1"/>
    <col min="14093" max="14339" width="8.88671875" style="638"/>
    <col min="14340" max="14340" width="1.21875" style="638" customWidth="1"/>
    <col min="14341" max="14342" width="17.33203125" style="638" customWidth="1"/>
    <col min="14343" max="14343" width="16.88671875" style="638" customWidth="1"/>
    <col min="14344" max="14344" width="19.44140625" style="638" customWidth="1"/>
    <col min="14345" max="14345" width="16.77734375" style="638" customWidth="1"/>
    <col min="14346" max="14346" width="16.88671875" style="638" customWidth="1"/>
    <col min="14347" max="14347" width="4.109375" style="638" customWidth="1"/>
    <col min="14348" max="14348" width="2.77734375" style="638" customWidth="1"/>
    <col min="14349" max="14595" width="8.88671875" style="638"/>
    <col min="14596" max="14596" width="1.21875" style="638" customWidth="1"/>
    <col min="14597" max="14598" width="17.33203125" style="638" customWidth="1"/>
    <col min="14599" max="14599" width="16.88671875" style="638" customWidth="1"/>
    <col min="14600" max="14600" width="19.44140625" style="638" customWidth="1"/>
    <col min="14601" max="14601" width="16.77734375" style="638" customWidth="1"/>
    <col min="14602" max="14602" width="16.88671875" style="638" customWidth="1"/>
    <col min="14603" max="14603" width="4.109375" style="638" customWidth="1"/>
    <col min="14604" max="14604" width="2.77734375" style="638" customWidth="1"/>
    <col min="14605" max="14851" width="8.88671875" style="638"/>
    <col min="14852" max="14852" width="1.21875" style="638" customWidth="1"/>
    <col min="14853" max="14854" width="17.33203125" style="638" customWidth="1"/>
    <col min="14855" max="14855" width="16.88671875" style="638" customWidth="1"/>
    <col min="14856" max="14856" width="19.44140625" style="638" customWidth="1"/>
    <col min="14857" max="14857" width="16.77734375" style="638" customWidth="1"/>
    <col min="14858" max="14858" width="16.88671875" style="638" customWidth="1"/>
    <col min="14859" max="14859" width="4.109375" style="638" customWidth="1"/>
    <col min="14860" max="14860" width="2.77734375" style="638" customWidth="1"/>
    <col min="14861" max="15107" width="8.88671875" style="638"/>
    <col min="15108" max="15108" width="1.21875" style="638" customWidth="1"/>
    <col min="15109" max="15110" width="17.33203125" style="638" customWidth="1"/>
    <col min="15111" max="15111" width="16.88671875" style="638" customWidth="1"/>
    <col min="15112" max="15112" width="19.44140625" style="638" customWidth="1"/>
    <col min="15113" max="15113" width="16.77734375" style="638" customWidth="1"/>
    <col min="15114" max="15114" width="16.88671875" style="638" customWidth="1"/>
    <col min="15115" max="15115" width="4.109375" style="638" customWidth="1"/>
    <col min="15116" max="15116" width="2.77734375" style="638" customWidth="1"/>
    <col min="15117" max="15363" width="8.88671875" style="638"/>
    <col min="15364" max="15364" width="1.21875" style="638" customWidth="1"/>
    <col min="15365" max="15366" width="17.33203125" style="638" customWidth="1"/>
    <col min="15367" max="15367" width="16.88671875" style="638" customWidth="1"/>
    <col min="15368" max="15368" width="19.44140625" style="638" customWidth="1"/>
    <col min="15369" max="15369" width="16.77734375" style="638" customWidth="1"/>
    <col min="15370" max="15370" width="16.88671875" style="638" customWidth="1"/>
    <col min="15371" max="15371" width="4.109375" style="638" customWidth="1"/>
    <col min="15372" max="15372" width="2.77734375" style="638" customWidth="1"/>
    <col min="15373" max="15619" width="8.88671875" style="638"/>
    <col min="15620" max="15620" width="1.21875" style="638" customWidth="1"/>
    <col min="15621" max="15622" width="17.33203125" style="638" customWidth="1"/>
    <col min="15623" max="15623" width="16.88671875" style="638" customWidth="1"/>
    <col min="15624" max="15624" width="19.44140625" style="638" customWidth="1"/>
    <col min="15625" max="15625" width="16.77734375" style="638" customWidth="1"/>
    <col min="15626" max="15626" width="16.88671875" style="638" customWidth="1"/>
    <col min="15627" max="15627" width="4.109375" style="638" customWidth="1"/>
    <col min="15628" max="15628" width="2.77734375" style="638" customWidth="1"/>
    <col min="15629" max="15875" width="8.88671875" style="638"/>
    <col min="15876" max="15876" width="1.21875" style="638" customWidth="1"/>
    <col min="15877" max="15878" width="17.33203125" style="638" customWidth="1"/>
    <col min="15879" max="15879" width="16.88671875" style="638" customWidth="1"/>
    <col min="15880" max="15880" width="19.44140625" style="638" customWidth="1"/>
    <col min="15881" max="15881" width="16.77734375" style="638" customWidth="1"/>
    <col min="15882" max="15882" width="16.88671875" style="638" customWidth="1"/>
    <col min="15883" max="15883" width="4.109375" style="638" customWidth="1"/>
    <col min="15884" max="15884" width="2.77734375" style="638" customWidth="1"/>
    <col min="15885" max="16131" width="8.88671875" style="638"/>
    <col min="16132" max="16132" width="1.21875" style="638" customWidth="1"/>
    <col min="16133" max="16134" width="17.33203125" style="638" customWidth="1"/>
    <col min="16135" max="16135" width="16.88671875" style="638" customWidth="1"/>
    <col min="16136" max="16136" width="19.44140625" style="638" customWidth="1"/>
    <col min="16137" max="16137" width="16.77734375" style="638" customWidth="1"/>
    <col min="16138" max="16138" width="16.88671875" style="638" customWidth="1"/>
    <col min="16139" max="16139" width="4.109375" style="638" customWidth="1"/>
    <col min="16140" max="16140" width="2.77734375" style="638" customWidth="1"/>
    <col min="16141" max="16384" width="8.88671875" style="638"/>
  </cols>
  <sheetData>
    <row r="1" spans="1:11" ht="20.100000000000001" customHeight="1" x14ac:dyDescent="0.2">
      <c r="A1" s="630"/>
      <c r="B1" s="463" t="s">
        <v>783</v>
      </c>
      <c r="C1" s="631"/>
      <c r="D1" s="631"/>
      <c r="E1" s="631"/>
      <c r="F1" s="631"/>
      <c r="G1" s="631"/>
      <c r="H1" s="631"/>
      <c r="I1" s="631"/>
      <c r="J1" s="631"/>
    </row>
    <row r="2" spans="1:11" ht="20.100000000000001" customHeight="1" x14ac:dyDescent="0.2">
      <c r="A2" s="630"/>
      <c r="B2" s="631"/>
      <c r="C2" s="631"/>
      <c r="D2" s="631"/>
      <c r="E2" s="631"/>
      <c r="F2" s="631"/>
      <c r="G2" s="631"/>
      <c r="H2" s="631"/>
      <c r="I2" s="631"/>
      <c r="J2" s="632" t="s">
        <v>723</v>
      </c>
    </row>
    <row r="3" spans="1:11" ht="20.100000000000001" customHeight="1" x14ac:dyDescent="0.2">
      <c r="A3" s="630"/>
      <c r="B3" s="631"/>
      <c r="C3" s="631"/>
      <c r="D3" s="631"/>
      <c r="E3" s="631"/>
      <c r="F3" s="631"/>
      <c r="G3" s="631"/>
      <c r="H3" s="631"/>
      <c r="I3" s="631"/>
      <c r="J3" s="632"/>
    </row>
    <row r="4" spans="1:11" ht="20.100000000000001" customHeight="1" x14ac:dyDescent="0.2">
      <c r="A4" s="2328" t="s">
        <v>782</v>
      </c>
      <c r="B4" s="2328"/>
      <c r="C4" s="2328"/>
      <c r="D4" s="2328"/>
      <c r="E4" s="2328"/>
      <c r="F4" s="2328"/>
      <c r="G4" s="2328"/>
      <c r="H4" s="2328"/>
      <c r="I4" s="2328"/>
      <c r="J4" s="2328"/>
    </row>
    <row r="5" spans="1:11" ht="20.100000000000001" customHeight="1" x14ac:dyDescent="0.2">
      <c r="A5" s="633"/>
      <c r="B5" s="633"/>
      <c r="C5" s="633"/>
      <c r="D5" s="633"/>
      <c r="E5" s="633"/>
      <c r="F5" s="633"/>
      <c r="G5" s="633"/>
      <c r="H5" s="633"/>
      <c r="I5" s="633"/>
      <c r="J5" s="633"/>
    </row>
    <row r="6" spans="1:11" ht="43.5" customHeight="1" x14ac:dyDescent="0.2">
      <c r="A6" s="633"/>
      <c r="B6" s="639" t="s">
        <v>1070</v>
      </c>
      <c r="C6" s="1807"/>
      <c r="D6" s="1808"/>
      <c r="E6" s="1808"/>
      <c r="F6" s="1808"/>
      <c r="G6" s="1808"/>
      <c r="H6" s="1808"/>
      <c r="I6" s="1808"/>
      <c r="J6" s="1809"/>
    </row>
    <row r="7" spans="1:11" ht="43.5" customHeight="1" x14ac:dyDescent="0.2">
      <c r="A7" s="633"/>
      <c r="B7" s="662" t="s">
        <v>1084</v>
      </c>
      <c r="C7" s="1807"/>
      <c r="D7" s="1808"/>
      <c r="E7" s="1808"/>
      <c r="F7" s="1808"/>
      <c r="G7" s="1808"/>
      <c r="H7" s="1808"/>
      <c r="I7" s="1808"/>
      <c r="J7" s="1809"/>
    </row>
    <row r="8" spans="1:11" ht="43.5" customHeight="1" x14ac:dyDescent="0.2">
      <c r="A8" s="631"/>
      <c r="B8" s="650" t="s">
        <v>1085</v>
      </c>
      <c r="C8" s="3243" t="s">
        <v>1071</v>
      </c>
      <c r="D8" s="2331"/>
      <c r="E8" s="2331"/>
      <c r="F8" s="2331"/>
      <c r="G8" s="2331"/>
      <c r="H8" s="2331"/>
      <c r="I8" s="2331"/>
      <c r="J8" s="2332"/>
      <c r="K8" s="663"/>
    </row>
    <row r="9" spans="1:11" ht="19.5" customHeight="1" x14ac:dyDescent="0.2">
      <c r="A9" s="631"/>
      <c r="B9" s="3244" t="s">
        <v>1086</v>
      </c>
      <c r="C9" s="1807" t="s">
        <v>1072</v>
      </c>
      <c r="D9" s="1808"/>
      <c r="E9" s="1808"/>
      <c r="F9" s="1808"/>
      <c r="G9" s="1808"/>
      <c r="H9" s="1808"/>
      <c r="I9" s="1808"/>
      <c r="J9" s="1809"/>
      <c r="K9" s="664"/>
    </row>
    <row r="10" spans="1:11" ht="40.5" customHeight="1" x14ac:dyDescent="0.2">
      <c r="A10" s="631"/>
      <c r="B10" s="3245"/>
      <c r="C10" s="652" t="s">
        <v>53</v>
      </c>
      <c r="D10" s="652" t="s">
        <v>54</v>
      </c>
      <c r="E10" s="3242" t="s">
        <v>773</v>
      </c>
      <c r="F10" s="3242"/>
      <c r="G10" s="3242"/>
      <c r="H10" s="3247" t="s">
        <v>1073</v>
      </c>
      <c r="I10" s="3247"/>
      <c r="J10" s="635" t="s">
        <v>1087</v>
      </c>
    </row>
    <row r="11" spans="1:11" ht="19.5" customHeight="1" x14ac:dyDescent="0.2">
      <c r="A11" s="631"/>
      <c r="B11" s="3245"/>
      <c r="C11" s="636"/>
      <c r="D11" s="636"/>
      <c r="E11" s="3242"/>
      <c r="F11" s="3242"/>
      <c r="G11" s="3242"/>
      <c r="H11" s="641"/>
      <c r="I11" s="647" t="s">
        <v>1040</v>
      </c>
      <c r="J11" s="641"/>
    </row>
    <row r="12" spans="1:11" ht="19.5" customHeight="1" x14ac:dyDescent="0.2">
      <c r="A12" s="631"/>
      <c r="B12" s="3245"/>
      <c r="C12" s="636"/>
      <c r="D12" s="636"/>
      <c r="E12" s="3242"/>
      <c r="F12" s="3242"/>
      <c r="G12" s="3242"/>
      <c r="H12" s="641"/>
      <c r="I12" s="647" t="s">
        <v>1040</v>
      </c>
      <c r="J12" s="641"/>
    </row>
    <row r="13" spans="1:11" ht="19.5" customHeight="1" x14ac:dyDescent="0.2">
      <c r="A13" s="631"/>
      <c r="B13" s="3245"/>
      <c r="C13" s="636"/>
      <c r="D13" s="636"/>
      <c r="E13" s="3242"/>
      <c r="F13" s="3242"/>
      <c r="G13" s="3242"/>
      <c r="H13" s="641"/>
      <c r="I13" s="647" t="s">
        <v>1040</v>
      </c>
      <c r="J13" s="641"/>
    </row>
    <row r="14" spans="1:11" ht="19.5" customHeight="1" x14ac:dyDescent="0.2">
      <c r="A14" s="631"/>
      <c r="B14" s="3245"/>
      <c r="C14" s="665"/>
      <c r="D14" s="646"/>
      <c r="E14" s="666"/>
      <c r="F14" s="666"/>
      <c r="G14" s="666"/>
      <c r="H14" s="637"/>
      <c r="I14" s="666"/>
      <c r="J14" s="667"/>
    </row>
    <row r="15" spans="1:11" ht="19.5" customHeight="1" x14ac:dyDescent="0.2">
      <c r="A15" s="631"/>
      <c r="B15" s="3245"/>
      <c r="C15" s="665"/>
      <c r="D15" s="647"/>
      <c r="E15" s="647" t="s">
        <v>1088</v>
      </c>
      <c r="F15" s="647" t="s">
        <v>1089</v>
      </c>
      <c r="G15" s="647" t="s">
        <v>1090</v>
      </c>
      <c r="H15" s="3248" t="s">
        <v>1091</v>
      </c>
      <c r="I15" s="3249"/>
      <c r="J15" s="667"/>
    </row>
    <row r="16" spans="1:11" ht="19.5" customHeight="1" thickBot="1" x14ac:dyDescent="0.25">
      <c r="A16" s="631"/>
      <c r="B16" s="3245"/>
      <c r="C16" s="665"/>
      <c r="D16" s="647" t="s">
        <v>646</v>
      </c>
      <c r="E16" s="668"/>
      <c r="F16" s="668"/>
      <c r="G16" s="669"/>
      <c r="H16" s="3250"/>
      <c r="I16" s="3251"/>
      <c r="J16" s="667"/>
    </row>
    <row r="17" spans="1:12" ht="19.5" customHeight="1" thickTop="1" thickBot="1" x14ac:dyDescent="0.25">
      <c r="A17" s="631"/>
      <c r="B17" s="3245"/>
      <c r="C17" s="665"/>
      <c r="D17" s="652" t="s">
        <v>1092</v>
      </c>
      <c r="E17" s="668"/>
      <c r="F17" s="670"/>
      <c r="G17" s="671"/>
      <c r="H17" s="3252"/>
      <c r="I17" s="3253"/>
      <c r="J17" s="667"/>
    </row>
    <row r="18" spans="1:12" ht="19.5" customHeight="1" thickTop="1" x14ac:dyDescent="0.2">
      <c r="A18" s="631"/>
      <c r="B18" s="3245"/>
      <c r="C18" s="665"/>
      <c r="D18" s="672"/>
      <c r="E18" s="673"/>
      <c r="F18" s="673"/>
      <c r="G18" s="673"/>
      <c r="H18" s="674"/>
      <c r="I18" s="674"/>
      <c r="J18" s="667"/>
    </row>
    <row r="19" spans="1:12" ht="19.5" customHeight="1" x14ac:dyDescent="0.2">
      <c r="A19" s="631"/>
      <c r="B19" s="3245"/>
      <c r="C19" s="1807" t="s">
        <v>774</v>
      </c>
      <c r="D19" s="1808"/>
      <c r="E19" s="1808"/>
      <c r="F19" s="1808"/>
      <c r="G19" s="1808"/>
      <c r="H19" s="1808"/>
      <c r="I19" s="1808"/>
      <c r="J19" s="1809"/>
    </row>
    <row r="20" spans="1:12" ht="40.5" customHeight="1" x14ac:dyDescent="0.2">
      <c r="A20" s="631"/>
      <c r="B20" s="3245"/>
      <c r="C20" s="652" t="s">
        <v>53</v>
      </c>
      <c r="D20" s="652" t="s">
        <v>54</v>
      </c>
      <c r="E20" s="3242" t="s">
        <v>773</v>
      </c>
      <c r="F20" s="3242"/>
      <c r="G20" s="3242"/>
      <c r="H20" s="3247" t="s">
        <v>1073</v>
      </c>
      <c r="I20" s="3247"/>
      <c r="J20" s="635" t="s">
        <v>1093</v>
      </c>
    </row>
    <row r="21" spans="1:12" ht="19.5" customHeight="1" x14ac:dyDescent="0.2">
      <c r="A21" s="631"/>
      <c r="B21" s="3245"/>
      <c r="C21" s="636"/>
      <c r="D21" s="636"/>
      <c r="E21" s="3242"/>
      <c r="F21" s="3242"/>
      <c r="G21" s="3242"/>
      <c r="H21" s="641"/>
      <c r="I21" s="647" t="s">
        <v>1040</v>
      </c>
      <c r="J21" s="641"/>
      <c r="K21" s="664"/>
    </row>
    <row r="22" spans="1:12" ht="19.5" customHeight="1" x14ac:dyDescent="0.2">
      <c r="A22" s="631"/>
      <c r="B22" s="3245"/>
      <c r="C22" s="636"/>
      <c r="D22" s="636"/>
      <c r="E22" s="3242"/>
      <c r="F22" s="3242"/>
      <c r="G22" s="3242"/>
      <c r="H22" s="641"/>
      <c r="I22" s="647" t="s">
        <v>1040</v>
      </c>
      <c r="J22" s="641"/>
    </row>
    <row r="23" spans="1:12" ht="19.5" customHeight="1" x14ac:dyDescent="0.2">
      <c r="A23" s="631"/>
      <c r="B23" s="3245"/>
      <c r="C23" s="636"/>
      <c r="D23" s="636"/>
      <c r="E23" s="3242"/>
      <c r="F23" s="3242"/>
      <c r="G23" s="3242"/>
      <c r="H23" s="641"/>
      <c r="I23" s="647" t="s">
        <v>1040</v>
      </c>
      <c r="J23" s="641"/>
    </row>
    <row r="24" spans="1:12" ht="19.5" customHeight="1" x14ac:dyDescent="0.2">
      <c r="A24" s="631"/>
      <c r="B24" s="3245"/>
      <c r="C24" s="675"/>
      <c r="D24" s="676"/>
      <c r="E24" s="648"/>
      <c r="F24" s="648"/>
      <c r="G24" s="648"/>
      <c r="H24" s="677"/>
      <c r="I24" s="648"/>
      <c r="J24" s="678"/>
    </row>
    <row r="25" spans="1:12" ht="19.5" customHeight="1" x14ac:dyDescent="0.2">
      <c r="A25" s="631"/>
      <c r="B25" s="3245"/>
      <c r="C25" s="665"/>
      <c r="D25" s="647"/>
      <c r="E25" s="647" t="s">
        <v>1088</v>
      </c>
      <c r="F25" s="647" t="s">
        <v>1089</v>
      </c>
      <c r="G25" s="647" t="s">
        <v>1090</v>
      </c>
      <c r="H25" s="3248" t="s">
        <v>1091</v>
      </c>
      <c r="I25" s="3249"/>
      <c r="J25" s="667"/>
    </row>
    <row r="26" spans="1:12" ht="19.5" customHeight="1" thickBot="1" x14ac:dyDescent="0.25">
      <c r="A26" s="631"/>
      <c r="B26" s="3245"/>
      <c r="C26" s="665"/>
      <c r="D26" s="647" t="s">
        <v>646</v>
      </c>
      <c r="E26" s="668"/>
      <c r="F26" s="668"/>
      <c r="G26" s="669"/>
      <c r="H26" s="3250"/>
      <c r="I26" s="3251"/>
      <c r="J26" s="667"/>
    </row>
    <row r="27" spans="1:12" ht="19.5" customHeight="1" thickTop="1" thickBot="1" x14ac:dyDescent="0.25">
      <c r="A27" s="631"/>
      <c r="B27" s="3245"/>
      <c r="C27" s="665"/>
      <c r="D27" s="652" t="s">
        <v>1092</v>
      </c>
      <c r="E27" s="668"/>
      <c r="F27" s="670"/>
      <c r="G27" s="671"/>
      <c r="H27" s="3252"/>
      <c r="I27" s="3253"/>
      <c r="J27" s="667"/>
    </row>
    <row r="28" spans="1:12" ht="19.5" customHeight="1" thickTop="1" x14ac:dyDescent="0.2">
      <c r="A28" s="631"/>
      <c r="B28" s="3246"/>
      <c r="C28" s="679"/>
      <c r="D28" s="680"/>
      <c r="E28" s="649"/>
      <c r="F28" s="649"/>
      <c r="G28" s="649"/>
      <c r="H28" s="681"/>
      <c r="I28" s="649"/>
      <c r="J28" s="682"/>
    </row>
    <row r="29" spans="1:12" ht="19.5" customHeight="1" x14ac:dyDescent="0.2">
      <c r="A29" s="631"/>
      <c r="B29" s="3257" t="s">
        <v>1074</v>
      </c>
      <c r="C29" s="3259" t="s">
        <v>1094</v>
      </c>
      <c r="D29" s="3255"/>
      <c r="E29" s="3255"/>
      <c r="F29" s="3255"/>
      <c r="G29" s="3260"/>
      <c r="H29" s="3264" t="s">
        <v>1075</v>
      </c>
      <c r="I29" s="3265"/>
      <c r="J29" s="3266"/>
    </row>
    <row r="30" spans="1:12" ht="30.75" customHeight="1" x14ac:dyDescent="0.2">
      <c r="A30" s="631"/>
      <c r="B30" s="3258"/>
      <c r="C30" s="3261"/>
      <c r="D30" s="3262"/>
      <c r="E30" s="3262"/>
      <c r="F30" s="3262"/>
      <c r="G30" s="3263"/>
      <c r="H30" s="3267"/>
      <c r="I30" s="3268"/>
      <c r="J30" s="3269"/>
    </row>
    <row r="31" spans="1:12" ht="6" customHeight="1" x14ac:dyDescent="0.2">
      <c r="A31" s="631"/>
      <c r="B31" s="631"/>
      <c r="C31" s="631"/>
      <c r="D31" s="631"/>
      <c r="E31" s="631"/>
      <c r="F31" s="631"/>
      <c r="G31" s="631"/>
      <c r="H31" s="631"/>
      <c r="I31" s="631"/>
      <c r="J31" s="631"/>
    </row>
    <row r="32" spans="1:12" ht="64.5" customHeight="1" x14ac:dyDescent="0.2">
      <c r="A32" s="631"/>
      <c r="B32" s="3254" t="s">
        <v>1095</v>
      </c>
      <c r="C32" s="3254"/>
      <c r="D32" s="3254"/>
      <c r="E32" s="3254"/>
      <c r="F32" s="3254"/>
      <c r="G32" s="3254"/>
      <c r="H32" s="3254"/>
      <c r="I32" s="3254"/>
      <c r="J32" s="3254"/>
      <c r="K32" s="683"/>
      <c r="L32" s="683"/>
    </row>
    <row r="33" spans="1:12" ht="33.75" customHeight="1" x14ac:dyDescent="0.2">
      <c r="A33" s="631"/>
      <c r="B33" s="3254" t="s">
        <v>1096</v>
      </c>
      <c r="C33" s="3254"/>
      <c r="D33" s="3254"/>
      <c r="E33" s="3254"/>
      <c r="F33" s="3254"/>
      <c r="G33" s="3254"/>
      <c r="H33" s="3254"/>
      <c r="I33" s="3254"/>
      <c r="J33" s="3254"/>
      <c r="K33" s="683"/>
      <c r="L33" s="683"/>
    </row>
    <row r="34" spans="1:12" ht="17.25" customHeight="1" x14ac:dyDescent="0.2">
      <c r="A34" s="631"/>
      <c r="B34" s="3255" t="s">
        <v>1097</v>
      </c>
      <c r="C34" s="3255"/>
      <c r="D34" s="3255"/>
      <c r="E34" s="3255"/>
      <c r="F34" s="3255"/>
      <c r="G34" s="3255"/>
      <c r="H34" s="3255"/>
      <c r="I34" s="3255"/>
      <c r="J34" s="3255"/>
      <c r="K34" s="683"/>
      <c r="L34" s="683"/>
    </row>
    <row r="35" spans="1:12" ht="7.5" customHeight="1" x14ac:dyDescent="0.2">
      <c r="A35" s="631"/>
      <c r="B35" s="3256"/>
      <c r="C35" s="3256"/>
      <c r="D35" s="3256"/>
      <c r="E35" s="3256"/>
      <c r="F35" s="3256"/>
      <c r="G35" s="3256"/>
      <c r="H35" s="3256"/>
      <c r="I35" s="3256"/>
      <c r="J35" s="3256"/>
    </row>
    <row r="36" spans="1:12" x14ac:dyDescent="0.2">
      <c r="B36" s="683"/>
    </row>
  </sheetData>
  <mergeCells count="27">
    <mergeCell ref="B32:J32"/>
    <mergeCell ref="B33:J33"/>
    <mergeCell ref="B34:J34"/>
    <mergeCell ref="B35:J35"/>
    <mergeCell ref="E22:G22"/>
    <mergeCell ref="E23:G23"/>
    <mergeCell ref="H25:I27"/>
    <mergeCell ref="B29:B30"/>
    <mergeCell ref="C29:G30"/>
    <mergeCell ref="H29:J29"/>
    <mergeCell ref="H30:J30"/>
    <mergeCell ref="E21:G21"/>
    <mergeCell ref="A4:J4"/>
    <mergeCell ref="C6:J6"/>
    <mergeCell ref="C7:J7"/>
    <mergeCell ref="C8:J8"/>
    <mergeCell ref="B9:B28"/>
    <mergeCell ref="C9:J9"/>
    <mergeCell ref="E10:G10"/>
    <mergeCell ref="H10:I10"/>
    <mergeCell ref="E11:G11"/>
    <mergeCell ref="E12:G12"/>
    <mergeCell ref="E13:G13"/>
    <mergeCell ref="H15:I17"/>
    <mergeCell ref="C19:J19"/>
    <mergeCell ref="E20:G20"/>
    <mergeCell ref="H20:I20"/>
  </mergeCells>
  <phoneticPr fontId="6"/>
  <pageMargins left="0.70866141732283472" right="0.70866141732283472" top="0.74803149606299213" bottom="0.74803149606299213" header="0.31496062992125984" footer="0.31496062992125984"/>
  <pageSetup paperSize="9" scale="71" orientation="portrait" r:id="rId1"/>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9"/>
  <sheetViews>
    <sheetView showGridLines="0" view="pageBreakPreview" zoomScaleNormal="100" zoomScaleSheetLayoutView="100" workbookViewId="0">
      <selection activeCell="J20" sqref="J20"/>
    </sheetView>
  </sheetViews>
  <sheetFormatPr defaultRowHeight="13.2" x14ac:dyDescent="0.2"/>
  <cols>
    <col min="1" max="1" width="1.109375" style="447" customWidth="1"/>
    <col min="2" max="2" width="24.21875" style="447" customWidth="1"/>
    <col min="3" max="3" width="4" style="447" customWidth="1"/>
    <col min="4" max="5" width="15.21875" style="447" customWidth="1"/>
    <col min="6" max="6" width="15.109375" style="447" customWidth="1"/>
    <col min="7" max="7" width="15.21875" style="447" customWidth="1"/>
    <col min="8" max="8" width="3.109375" style="447" customWidth="1"/>
    <col min="9" max="9" width="3.77734375" style="447" customWidth="1"/>
    <col min="10" max="10" width="2.44140625" style="447" customWidth="1"/>
    <col min="11" max="256" width="9" style="447"/>
    <col min="257" max="257" width="1.109375" style="447" customWidth="1"/>
    <col min="258" max="258" width="24.21875" style="447" customWidth="1"/>
    <col min="259" max="259" width="4" style="447" customWidth="1"/>
    <col min="260" max="261" width="15.21875" style="447" customWidth="1"/>
    <col min="262" max="262" width="15.109375" style="447" customWidth="1"/>
    <col min="263" max="263" width="15.21875" style="447" customWidth="1"/>
    <col min="264" max="264" width="3.109375" style="447" customWidth="1"/>
    <col min="265" max="265" width="3.77734375" style="447" customWidth="1"/>
    <col min="266" max="266" width="2.44140625" style="447" customWidth="1"/>
    <col min="267" max="512" width="9" style="447"/>
    <col min="513" max="513" width="1.109375" style="447" customWidth="1"/>
    <col min="514" max="514" width="24.21875" style="447" customWidth="1"/>
    <col min="515" max="515" width="4" style="447" customWidth="1"/>
    <col min="516" max="517" width="15.21875" style="447" customWidth="1"/>
    <col min="518" max="518" width="15.109375" style="447" customWidth="1"/>
    <col min="519" max="519" width="15.21875" style="447" customWidth="1"/>
    <col min="520" max="520" width="3.109375" style="447" customWidth="1"/>
    <col min="521" max="521" width="3.77734375" style="447" customWidth="1"/>
    <col min="522" max="522" width="2.44140625" style="447" customWidth="1"/>
    <col min="523" max="768" width="9" style="447"/>
    <col min="769" max="769" width="1.109375" style="447" customWidth="1"/>
    <col min="770" max="770" width="24.21875" style="447" customWidth="1"/>
    <col min="771" max="771" width="4" style="447" customWidth="1"/>
    <col min="772" max="773" width="15.21875" style="447" customWidth="1"/>
    <col min="774" max="774" width="15.109375" style="447" customWidth="1"/>
    <col min="775" max="775" width="15.21875" style="447" customWidth="1"/>
    <col min="776" max="776" width="3.109375" style="447" customWidth="1"/>
    <col min="777" max="777" width="3.77734375" style="447" customWidth="1"/>
    <col min="778" max="778" width="2.44140625" style="447" customWidth="1"/>
    <col min="779" max="1024" width="9" style="447"/>
    <col min="1025" max="1025" width="1.109375" style="447" customWidth="1"/>
    <col min="1026" max="1026" width="24.21875" style="447" customWidth="1"/>
    <col min="1027" max="1027" width="4" style="447" customWidth="1"/>
    <col min="1028" max="1029" width="15.21875" style="447" customWidth="1"/>
    <col min="1030" max="1030" width="15.109375" style="447" customWidth="1"/>
    <col min="1031" max="1031" width="15.21875" style="447" customWidth="1"/>
    <col min="1032" max="1032" width="3.109375" style="447" customWidth="1"/>
    <col min="1033" max="1033" width="3.77734375" style="447" customWidth="1"/>
    <col min="1034" max="1034" width="2.44140625" style="447" customWidth="1"/>
    <col min="1035" max="1280" width="9" style="447"/>
    <col min="1281" max="1281" width="1.109375" style="447" customWidth="1"/>
    <col min="1282" max="1282" width="24.21875" style="447" customWidth="1"/>
    <col min="1283" max="1283" width="4" style="447" customWidth="1"/>
    <col min="1284" max="1285" width="15.21875" style="447" customWidth="1"/>
    <col min="1286" max="1286" width="15.109375" style="447" customWidth="1"/>
    <col min="1287" max="1287" width="15.21875" style="447" customWidth="1"/>
    <col min="1288" max="1288" width="3.109375" style="447" customWidth="1"/>
    <col min="1289" max="1289" width="3.77734375" style="447" customWidth="1"/>
    <col min="1290" max="1290" width="2.44140625" style="447" customWidth="1"/>
    <col min="1291" max="1536" width="9" style="447"/>
    <col min="1537" max="1537" width="1.109375" style="447" customWidth="1"/>
    <col min="1538" max="1538" width="24.21875" style="447" customWidth="1"/>
    <col min="1539" max="1539" width="4" style="447" customWidth="1"/>
    <col min="1540" max="1541" width="15.21875" style="447" customWidth="1"/>
    <col min="1542" max="1542" width="15.109375" style="447" customWidth="1"/>
    <col min="1543" max="1543" width="15.21875" style="447" customWidth="1"/>
    <col min="1544" max="1544" width="3.109375" style="447" customWidth="1"/>
    <col min="1545" max="1545" width="3.77734375" style="447" customWidth="1"/>
    <col min="1546" max="1546" width="2.44140625" style="447" customWidth="1"/>
    <col min="1547" max="1792" width="9" style="447"/>
    <col min="1793" max="1793" width="1.109375" style="447" customWidth="1"/>
    <col min="1794" max="1794" width="24.21875" style="447" customWidth="1"/>
    <col min="1795" max="1795" width="4" style="447" customWidth="1"/>
    <col min="1796" max="1797" width="15.21875" style="447" customWidth="1"/>
    <col min="1798" max="1798" width="15.109375" style="447" customWidth="1"/>
    <col min="1799" max="1799" width="15.21875" style="447" customWidth="1"/>
    <col min="1800" max="1800" width="3.109375" style="447" customWidth="1"/>
    <col min="1801" max="1801" width="3.77734375" style="447" customWidth="1"/>
    <col min="1802" max="1802" width="2.44140625" style="447" customWidth="1"/>
    <col min="1803" max="2048" width="9" style="447"/>
    <col min="2049" max="2049" width="1.109375" style="447" customWidth="1"/>
    <col min="2050" max="2050" width="24.21875" style="447" customWidth="1"/>
    <col min="2051" max="2051" width="4" style="447" customWidth="1"/>
    <col min="2052" max="2053" width="15.21875" style="447" customWidth="1"/>
    <col min="2054" max="2054" width="15.109375" style="447" customWidth="1"/>
    <col min="2055" max="2055" width="15.21875" style="447" customWidth="1"/>
    <col min="2056" max="2056" width="3.109375" style="447" customWidth="1"/>
    <col min="2057" max="2057" width="3.77734375" style="447" customWidth="1"/>
    <col min="2058" max="2058" width="2.44140625" style="447" customWidth="1"/>
    <col min="2059" max="2304" width="9" style="447"/>
    <col min="2305" max="2305" width="1.109375" style="447" customWidth="1"/>
    <col min="2306" max="2306" width="24.21875" style="447" customWidth="1"/>
    <col min="2307" max="2307" width="4" style="447" customWidth="1"/>
    <col min="2308" max="2309" width="15.21875" style="447" customWidth="1"/>
    <col min="2310" max="2310" width="15.109375" style="447" customWidth="1"/>
    <col min="2311" max="2311" width="15.21875" style="447" customWidth="1"/>
    <col min="2312" max="2312" width="3.109375" style="447" customWidth="1"/>
    <col min="2313" max="2313" width="3.77734375" style="447" customWidth="1"/>
    <col min="2314" max="2314" width="2.44140625" style="447" customWidth="1"/>
    <col min="2315" max="2560" width="9" style="447"/>
    <col min="2561" max="2561" width="1.109375" style="447" customWidth="1"/>
    <col min="2562" max="2562" width="24.21875" style="447" customWidth="1"/>
    <col min="2563" max="2563" width="4" style="447" customWidth="1"/>
    <col min="2564" max="2565" width="15.21875" style="447" customWidth="1"/>
    <col min="2566" max="2566" width="15.109375" style="447" customWidth="1"/>
    <col min="2567" max="2567" width="15.21875" style="447" customWidth="1"/>
    <col min="2568" max="2568" width="3.109375" style="447" customWidth="1"/>
    <col min="2569" max="2569" width="3.77734375" style="447" customWidth="1"/>
    <col min="2570" max="2570" width="2.44140625" style="447" customWidth="1"/>
    <col min="2571" max="2816" width="9" style="447"/>
    <col min="2817" max="2817" width="1.109375" style="447" customWidth="1"/>
    <col min="2818" max="2818" width="24.21875" style="447" customWidth="1"/>
    <col min="2819" max="2819" width="4" style="447" customWidth="1"/>
    <col min="2820" max="2821" width="15.21875" style="447" customWidth="1"/>
    <col min="2822" max="2822" width="15.109375" style="447" customWidth="1"/>
    <col min="2823" max="2823" width="15.21875" style="447" customWidth="1"/>
    <col min="2824" max="2824" width="3.109375" style="447" customWidth="1"/>
    <col min="2825" max="2825" width="3.77734375" style="447" customWidth="1"/>
    <col min="2826" max="2826" width="2.44140625" style="447" customWidth="1"/>
    <col min="2827" max="3072" width="9" style="447"/>
    <col min="3073" max="3073" width="1.109375" style="447" customWidth="1"/>
    <col min="3074" max="3074" width="24.21875" style="447" customWidth="1"/>
    <col min="3075" max="3075" width="4" style="447" customWidth="1"/>
    <col min="3076" max="3077" width="15.21875" style="447" customWidth="1"/>
    <col min="3078" max="3078" width="15.109375" style="447" customWidth="1"/>
    <col min="3079" max="3079" width="15.21875" style="447" customWidth="1"/>
    <col min="3080" max="3080" width="3.109375" style="447" customWidth="1"/>
    <col min="3081" max="3081" width="3.77734375" style="447" customWidth="1"/>
    <col min="3082" max="3082" width="2.44140625" style="447" customWidth="1"/>
    <col min="3083" max="3328" width="9" style="447"/>
    <col min="3329" max="3329" width="1.109375" style="447" customWidth="1"/>
    <col min="3330" max="3330" width="24.21875" style="447" customWidth="1"/>
    <col min="3331" max="3331" width="4" style="447" customWidth="1"/>
    <col min="3332" max="3333" width="15.21875" style="447" customWidth="1"/>
    <col min="3334" max="3334" width="15.109375" style="447" customWidth="1"/>
    <col min="3335" max="3335" width="15.21875" style="447" customWidth="1"/>
    <col min="3336" max="3336" width="3.109375" style="447" customWidth="1"/>
    <col min="3337" max="3337" width="3.77734375" style="447" customWidth="1"/>
    <col min="3338" max="3338" width="2.44140625" style="447" customWidth="1"/>
    <col min="3339" max="3584" width="9" style="447"/>
    <col min="3585" max="3585" width="1.109375" style="447" customWidth="1"/>
    <col min="3586" max="3586" width="24.21875" style="447" customWidth="1"/>
    <col min="3587" max="3587" width="4" style="447" customWidth="1"/>
    <col min="3588" max="3589" width="15.21875" style="447" customWidth="1"/>
    <col min="3590" max="3590" width="15.109375" style="447" customWidth="1"/>
    <col min="3591" max="3591" width="15.21875" style="447" customWidth="1"/>
    <col min="3592" max="3592" width="3.109375" style="447" customWidth="1"/>
    <col min="3593" max="3593" width="3.77734375" style="447" customWidth="1"/>
    <col min="3594" max="3594" width="2.44140625" style="447" customWidth="1"/>
    <col min="3595" max="3840" width="9" style="447"/>
    <col min="3841" max="3841" width="1.109375" style="447" customWidth="1"/>
    <col min="3842" max="3842" width="24.21875" style="447" customWidth="1"/>
    <col min="3843" max="3843" width="4" style="447" customWidth="1"/>
    <col min="3844" max="3845" width="15.21875" style="447" customWidth="1"/>
    <col min="3846" max="3846" width="15.109375" style="447" customWidth="1"/>
    <col min="3847" max="3847" width="15.21875" style="447" customWidth="1"/>
    <col min="3848" max="3848" width="3.109375" style="447" customWidth="1"/>
    <col min="3849" max="3849" width="3.77734375" style="447" customWidth="1"/>
    <col min="3850" max="3850" width="2.44140625" style="447" customWidth="1"/>
    <col min="3851" max="4096" width="9" style="447"/>
    <col min="4097" max="4097" width="1.109375" style="447" customWidth="1"/>
    <col min="4098" max="4098" width="24.21875" style="447" customWidth="1"/>
    <col min="4099" max="4099" width="4" style="447" customWidth="1"/>
    <col min="4100" max="4101" width="15.21875" style="447" customWidth="1"/>
    <col min="4102" max="4102" width="15.109375" style="447" customWidth="1"/>
    <col min="4103" max="4103" width="15.21875" style="447" customWidth="1"/>
    <col min="4104" max="4104" width="3.109375" style="447" customWidth="1"/>
    <col min="4105" max="4105" width="3.77734375" style="447" customWidth="1"/>
    <col min="4106" max="4106" width="2.44140625" style="447" customWidth="1"/>
    <col min="4107" max="4352" width="9" style="447"/>
    <col min="4353" max="4353" width="1.109375" style="447" customWidth="1"/>
    <col min="4354" max="4354" width="24.21875" style="447" customWidth="1"/>
    <col min="4355" max="4355" width="4" style="447" customWidth="1"/>
    <col min="4356" max="4357" width="15.21875" style="447" customWidth="1"/>
    <col min="4358" max="4358" width="15.109375" style="447" customWidth="1"/>
    <col min="4359" max="4359" width="15.21875" style="447" customWidth="1"/>
    <col min="4360" max="4360" width="3.109375" style="447" customWidth="1"/>
    <col min="4361" max="4361" width="3.77734375" style="447" customWidth="1"/>
    <col min="4362" max="4362" width="2.44140625" style="447" customWidth="1"/>
    <col min="4363" max="4608" width="9" style="447"/>
    <col min="4609" max="4609" width="1.109375" style="447" customWidth="1"/>
    <col min="4610" max="4610" width="24.21875" style="447" customWidth="1"/>
    <col min="4611" max="4611" width="4" style="447" customWidth="1"/>
    <col min="4612" max="4613" width="15.21875" style="447" customWidth="1"/>
    <col min="4614" max="4614" width="15.109375" style="447" customWidth="1"/>
    <col min="4615" max="4615" width="15.21875" style="447" customWidth="1"/>
    <col min="4616" max="4616" width="3.109375" style="447" customWidth="1"/>
    <col min="4617" max="4617" width="3.77734375" style="447" customWidth="1"/>
    <col min="4618" max="4618" width="2.44140625" style="447" customWidth="1"/>
    <col min="4619" max="4864" width="9" style="447"/>
    <col min="4865" max="4865" width="1.109375" style="447" customWidth="1"/>
    <col min="4866" max="4866" width="24.21875" style="447" customWidth="1"/>
    <col min="4867" max="4867" width="4" style="447" customWidth="1"/>
    <col min="4868" max="4869" width="15.21875" style="447" customWidth="1"/>
    <col min="4870" max="4870" width="15.109375" style="447" customWidth="1"/>
    <col min="4871" max="4871" width="15.21875" style="447" customWidth="1"/>
    <col min="4872" max="4872" width="3.109375" style="447" customWidth="1"/>
    <col min="4873" max="4873" width="3.77734375" style="447" customWidth="1"/>
    <col min="4874" max="4874" width="2.44140625" style="447" customWidth="1"/>
    <col min="4875" max="5120" width="9" style="447"/>
    <col min="5121" max="5121" width="1.109375" style="447" customWidth="1"/>
    <col min="5122" max="5122" width="24.21875" style="447" customWidth="1"/>
    <col min="5123" max="5123" width="4" style="447" customWidth="1"/>
    <col min="5124" max="5125" width="15.21875" style="447" customWidth="1"/>
    <col min="5126" max="5126" width="15.109375" style="447" customWidth="1"/>
    <col min="5127" max="5127" width="15.21875" style="447" customWidth="1"/>
    <col min="5128" max="5128" width="3.109375" style="447" customWidth="1"/>
    <col min="5129" max="5129" width="3.77734375" style="447" customWidth="1"/>
    <col min="5130" max="5130" width="2.44140625" style="447" customWidth="1"/>
    <col min="5131" max="5376" width="9" style="447"/>
    <col min="5377" max="5377" width="1.109375" style="447" customWidth="1"/>
    <col min="5378" max="5378" width="24.21875" style="447" customWidth="1"/>
    <col min="5379" max="5379" width="4" style="447" customWidth="1"/>
    <col min="5380" max="5381" width="15.21875" style="447" customWidth="1"/>
    <col min="5382" max="5382" width="15.109375" style="447" customWidth="1"/>
    <col min="5383" max="5383" width="15.21875" style="447" customWidth="1"/>
    <col min="5384" max="5384" width="3.109375" style="447" customWidth="1"/>
    <col min="5385" max="5385" width="3.77734375" style="447" customWidth="1"/>
    <col min="5386" max="5386" width="2.44140625" style="447" customWidth="1"/>
    <col min="5387" max="5632" width="9" style="447"/>
    <col min="5633" max="5633" width="1.109375" style="447" customWidth="1"/>
    <col min="5634" max="5634" width="24.21875" style="447" customWidth="1"/>
    <col min="5635" max="5635" width="4" style="447" customWidth="1"/>
    <col min="5636" max="5637" width="15.21875" style="447" customWidth="1"/>
    <col min="5638" max="5638" width="15.109375" style="447" customWidth="1"/>
    <col min="5639" max="5639" width="15.21875" style="447" customWidth="1"/>
    <col min="5640" max="5640" width="3.109375" style="447" customWidth="1"/>
    <col min="5641" max="5641" width="3.77734375" style="447" customWidth="1"/>
    <col min="5642" max="5642" width="2.44140625" style="447" customWidth="1"/>
    <col min="5643" max="5888" width="9" style="447"/>
    <col min="5889" max="5889" width="1.109375" style="447" customWidth="1"/>
    <col min="5890" max="5890" width="24.21875" style="447" customWidth="1"/>
    <col min="5891" max="5891" width="4" style="447" customWidth="1"/>
    <col min="5892" max="5893" width="15.21875" style="447" customWidth="1"/>
    <col min="5894" max="5894" width="15.109375" style="447" customWidth="1"/>
    <col min="5895" max="5895" width="15.21875" style="447" customWidth="1"/>
    <col min="5896" max="5896" width="3.109375" style="447" customWidth="1"/>
    <col min="5897" max="5897" width="3.77734375" style="447" customWidth="1"/>
    <col min="5898" max="5898" width="2.44140625" style="447" customWidth="1"/>
    <col min="5899" max="6144" width="9" style="447"/>
    <col min="6145" max="6145" width="1.109375" style="447" customWidth="1"/>
    <col min="6146" max="6146" width="24.21875" style="447" customWidth="1"/>
    <col min="6147" max="6147" width="4" style="447" customWidth="1"/>
    <col min="6148" max="6149" width="15.21875" style="447" customWidth="1"/>
    <col min="6150" max="6150" width="15.109375" style="447" customWidth="1"/>
    <col min="6151" max="6151" width="15.21875" style="447" customWidth="1"/>
    <col min="6152" max="6152" width="3.109375" style="447" customWidth="1"/>
    <col min="6153" max="6153" width="3.77734375" style="447" customWidth="1"/>
    <col min="6154" max="6154" width="2.44140625" style="447" customWidth="1"/>
    <col min="6155" max="6400" width="9" style="447"/>
    <col min="6401" max="6401" width="1.109375" style="447" customWidth="1"/>
    <col min="6402" max="6402" width="24.21875" style="447" customWidth="1"/>
    <col min="6403" max="6403" width="4" style="447" customWidth="1"/>
    <col min="6404" max="6405" width="15.21875" style="447" customWidth="1"/>
    <col min="6406" max="6406" width="15.109375" style="447" customWidth="1"/>
    <col min="6407" max="6407" width="15.21875" style="447" customWidth="1"/>
    <col min="6408" max="6408" width="3.109375" style="447" customWidth="1"/>
    <col min="6409" max="6409" width="3.77734375" style="447" customWidth="1"/>
    <col min="6410" max="6410" width="2.44140625" style="447" customWidth="1"/>
    <col min="6411" max="6656" width="9" style="447"/>
    <col min="6657" max="6657" width="1.109375" style="447" customWidth="1"/>
    <col min="6658" max="6658" width="24.21875" style="447" customWidth="1"/>
    <col min="6659" max="6659" width="4" style="447" customWidth="1"/>
    <col min="6660" max="6661" width="15.21875" style="447" customWidth="1"/>
    <col min="6662" max="6662" width="15.109375" style="447" customWidth="1"/>
    <col min="6663" max="6663" width="15.21875" style="447" customWidth="1"/>
    <col min="6664" max="6664" width="3.109375" style="447" customWidth="1"/>
    <col min="6665" max="6665" width="3.77734375" style="447" customWidth="1"/>
    <col min="6666" max="6666" width="2.44140625" style="447" customWidth="1"/>
    <col min="6667" max="6912" width="9" style="447"/>
    <col min="6913" max="6913" width="1.109375" style="447" customWidth="1"/>
    <col min="6914" max="6914" width="24.21875" style="447" customWidth="1"/>
    <col min="6915" max="6915" width="4" style="447" customWidth="1"/>
    <col min="6916" max="6917" width="15.21875" style="447" customWidth="1"/>
    <col min="6918" max="6918" width="15.109375" style="447" customWidth="1"/>
    <col min="6919" max="6919" width="15.21875" style="447" customWidth="1"/>
    <col min="6920" max="6920" width="3.109375" style="447" customWidth="1"/>
    <col min="6921" max="6921" width="3.77734375" style="447" customWidth="1"/>
    <col min="6922" max="6922" width="2.44140625" style="447" customWidth="1"/>
    <col min="6923" max="7168" width="9" style="447"/>
    <col min="7169" max="7169" width="1.109375" style="447" customWidth="1"/>
    <col min="7170" max="7170" width="24.21875" style="447" customWidth="1"/>
    <col min="7171" max="7171" width="4" style="447" customWidth="1"/>
    <col min="7172" max="7173" width="15.21875" style="447" customWidth="1"/>
    <col min="7174" max="7174" width="15.109375" style="447" customWidth="1"/>
    <col min="7175" max="7175" width="15.21875" style="447" customWidth="1"/>
    <col min="7176" max="7176" width="3.109375" style="447" customWidth="1"/>
    <col min="7177" max="7177" width="3.77734375" style="447" customWidth="1"/>
    <col min="7178" max="7178" width="2.44140625" style="447" customWidth="1"/>
    <col min="7179" max="7424" width="9" style="447"/>
    <col min="7425" max="7425" width="1.109375" style="447" customWidth="1"/>
    <col min="7426" max="7426" width="24.21875" style="447" customWidth="1"/>
    <col min="7427" max="7427" width="4" style="447" customWidth="1"/>
    <col min="7428" max="7429" width="15.21875" style="447" customWidth="1"/>
    <col min="7430" max="7430" width="15.109375" style="447" customWidth="1"/>
    <col min="7431" max="7431" width="15.21875" style="447" customWidth="1"/>
    <col min="7432" max="7432" width="3.109375" style="447" customWidth="1"/>
    <col min="7433" max="7433" width="3.77734375" style="447" customWidth="1"/>
    <col min="7434" max="7434" width="2.44140625" style="447" customWidth="1"/>
    <col min="7435" max="7680" width="9" style="447"/>
    <col min="7681" max="7681" width="1.109375" style="447" customWidth="1"/>
    <col min="7682" max="7682" width="24.21875" style="447" customWidth="1"/>
    <col min="7683" max="7683" width="4" style="447" customWidth="1"/>
    <col min="7684" max="7685" width="15.21875" style="447" customWidth="1"/>
    <col min="7686" max="7686" width="15.109375" style="447" customWidth="1"/>
    <col min="7687" max="7687" width="15.21875" style="447" customWidth="1"/>
    <col min="7688" max="7688" width="3.109375" style="447" customWidth="1"/>
    <col min="7689" max="7689" width="3.77734375" style="447" customWidth="1"/>
    <col min="7690" max="7690" width="2.44140625" style="447" customWidth="1"/>
    <col min="7691" max="7936" width="9" style="447"/>
    <col min="7937" max="7937" width="1.109375" style="447" customWidth="1"/>
    <col min="7938" max="7938" width="24.21875" style="447" customWidth="1"/>
    <col min="7939" max="7939" width="4" style="447" customWidth="1"/>
    <col min="7940" max="7941" width="15.21875" style="447" customWidth="1"/>
    <col min="7942" max="7942" width="15.109375" style="447" customWidth="1"/>
    <col min="7943" max="7943" width="15.21875" style="447" customWidth="1"/>
    <col min="7944" max="7944" width="3.109375" style="447" customWidth="1"/>
    <col min="7945" max="7945" width="3.77734375" style="447" customWidth="1"/>
    <col min="7946" max="7946" width="2.44140625" style="447" customWidth="1"/>
    <col min="7947" max="8192" width="9" style="447"/>
    <col min="8193" max="8193" width="1.109375" style="447" customWidth="1"/>
    <col min="8194" max="8194" width="24.21875" style="447" customWidth="1"/>
    <col min="8195" max="8195" width="4" style="447" customWidth="1"/>
    <col min="8196" max="8197" width="15.21875" style="447" customWidth="1"/>
    <col min="8198" max="8198" width="15.109375" style="447" customWidth="1"/>
    <col min="8199" max="8199" width="15.21875" style="447" customWidth="1"/>
    <col min="8200" max="8200" width="3.109375" style="447" customWidth="1"/>
    <col min="8201" max="8201" width="3.77734375" style="447" customWidth="1"/>
    <col min="8202" max="8202" width="2.44140625" style="447" customWidth="1"/>
    <col min="8203" max="8448" width="9" style="447"/>
    <col min="8449" max="8449" width="1.109375" style="447" customWidth="1"/>
    <col min="8450" max="8450" width="24.21875" style="447" customWidth="1"/>
    <col min="8451" max="8451" width="4" style="447" customWidth="1"/>
    <col min="8452" max="8453" width="15.21875" style="447" customWidth="1"/>
    <col min="8454" max="8454" width="15.109375" style="447" customWidth="1"/>
    <col min="8455" max="8455" width="15.21875" style="447" customWidth="1"/>
    <col min="8456" max="8456" width="3.109375" style="447" customWidth="1"/>
    <col min="8457" max="8457" width="3.77734375" style="447" customWidth="1"/>
    <col min="8458" max="8458" width="2.44140625" style="447" customWidth="1"/>
    <col min="8459" max="8704" width="9" style="447"/>
    <col min="8705" max="8705" width="1.109375" style="447" customWidth="1"/>
    <col min="8706" max="8706" width="24.21875" style="447" customWidth="1"/>
    <col min="8707" max="8707" width="4" style="447" customWidth="1"/>
    <col min="8708" max="8709" width="15.21875" style="447" customWidth="1"/>
    <col min="8710" max="8710" width="15.109375" style="447" customWidth="1"/>
    <col min="8711" max="8711" width="15.21875" style="447" customWidth="1"/>
    <col min="8712" max="8712" width="3.109375" style="447" customWidth="1"/>
    <col min="8713" max="8713" width="3.77734375" style="447" customWidth="1"/>
    <col min="8714" max="8714" width="2.44140625" style="447" customWidth="1"/>
    <col min="8715" max="8960" width="9" style="447"/>
    <col min="8961" max="8961" width="1.109375" style="447" customWidth="1"/>
    <col min="8962" max="8962" width="24.21875" style="447" customWidth="1"/>
    <col min="8963" max="8963" width="4" style="447" customWidth="1"/>
    <col min="8964" max="8965" width="15.21875" style="447" customWidth="1"/>
    <col min="8966" max="8966" width="15.109375" style="447" customWidth="1"/>
    <col min="8967" max="8967" width="15.21875" style="447" customWidth="1"/>
    <col min="8968" max="8968" width="3.109375" style="447" customWidth="1"/>
    <col min="8969" max="8969" width="3.77734375" style="447" customWidth="1"/>
    <col min="8970" max="8970" width="2.44140625" style="447" customWidth="1"/>
    <col min="8971" max="9216" width="9" style="447"/>
    <col min="9217" max="9217" width="1.109375" style="447" customWidth="1"/>
    <col min="9218" max="9218" width="24.21875" style="447" customWidth="1"/>
    <col min="9219" max="9219" width="4" style="447" customWidth="1"/>
    <col min="9220" max="9221" width="15.21875" style="447" customWidth="1"/>
    <col min="9222" max="9222" width="15.109375" style="447" customWidth="1"/>
    <col min="9223" max="9223" width="15.21875" style="447" customWidth="1"/>
    <col min="9224" max="9224" width="3.109375" style="447" customWidth="1"/>
    <col min="9225" max="9225" width="3.77734375" style="447" customWidth="1"/>
    <col min="9226" max="9226" width="2.44140625" style="447" customWidth="1"/>
    <col min="9227" max="9472" width="9" style="447"/>
    <col min="9473" max="9473" width="1.109375" style="447" customWidth="1"/>
    <col min="9474" max="9474" width="24.21875" style="447" customWidth="1"/>
    <col min="9475" max="9475" width="4" style="447" customWidth="1"/>
    <col min="9476" max="9477" width="15.21875" style="447" customWidth="1"/>
    <col min="9478" max="9478" width="15.109375" style="447" customWidth="1"/>
    <col min="9479" max="9479" width="15.21875" style="447" customWidth="1"/>
    <col min="9480" max="9480" width="3.109375" style="447" customWidth="1"/>
    <col min="9481" max="9481" width="3.77734375" style="447" customWidth="1"/>
    <col min="9482" max="9482" width="2.44140625" style="447" customWidth="1"/>
    <col min="9483" max="9728" width="9" style="447"/>
    <col min="9729" max="9729" width="1.109375" style="447" customWidth="1"/>
    <col min="9730" max="9730" width="24.21875" style="447" customWidth="1"/>
    <col min="9731" max="9731" width="4" style="447" customWidth="1"/>
    <col min="9732" max="9733" width="15.21875" style="447" customWidth="1"/>
    <col min="9734" max="9734" width="15.109375" style="447" customWidth="1"/>
    <col min="9735" max="9735" width="15.21875" style="447" customWidth="1"/>
    <col min="9736" max="9736" width="3.109375" style="447" customWidth="1"/>
    <col min="9737" max="9737" width="3.77734375" style="447" customWidth="1"/>
    <col min="9738" max="9738" width="2.44140625" style="447" customWidth="1"/>
    <col min="9739" max="9984" width="9" style="447"/>
    <col min="9985" max="9985" width="1.109375" style="447" customWidth="1"/>
    <col min="9986" max="9986" width="24.21875" style="447" customWidth="1"/>
    <col min="9987" max="9987" width="4" style="447" customWidth="1"/>
    <col min="9988" max="9989" width="15.21875" style="447" customWidth="1"/>
    <col min="9990" max="9990" width="15.109375" style="447" customWidth="1"/>
    <col min="9991" max="9991" width="15.21875" style="447" customWidth="1"/>
    <col min="9992" max="9992" width="3.109375" style="447" customWidth="1"/>
    <col min="9993" max="9993" width="3.77734375" style="447" customWidth="1"/>
    <col min="9994" max="9994" width="2.44140625" style="447" customWidth="1"/>
    <col min="9995" max="10240" width="9" style="447"/>
    <col min="10241" max="10241" width="1.109375" style="447" customWidth="1"/>
    <col min="10242" max="10242" width="24.21875" style="447" customWidth="1"/>
    <col min="10243" max="10243" width="4" style="447" customWidth="1"/>
    <col min="10244" max="10245" width="15.21875" style="447" customWidth="1"/>
    <col min="10246" max="10246" width="15.109375" style="447" customWidth="1"/>
    <col min="10247" max="10247" width="15.21875" style="447" customWidth="1"/>
    <col min="10248" max="10248" width="3.109375" style="447" customWidth="1"/>
    <col min="10249" max="10249" width="3.77734375" style="447" customWidth="1"/>
    <col min="10250" max="10250" width="2.44140625" style="447" customWidth="1"/>
    <col min="10251" max="10496" width="9" style="447"/>
    <col min="10497" max="10497" width="1.109375" style="447" customWidth="1"/>
    <col min="10498" max="10498" width="24.21875" style="447" customWidth="1"/>
    <col min="10499" max="10499" width="4" style="447" customWidth="1"/>
    <col min="10500" max="10501" width="15.21875" style="447" customWidth="1"/>
    <col min="10502" max="10502" width="15.109375" style="447" customWidth="1"/>
    <col min="10503" max="10503" width="15.21875" style="447" customWidth="1"/>
    <col min="10504" max="10504" width="3.109375" style="447" customWidth="1"/>
    <col min="10505" max="10505" width="3.77734375" style="447" customWidth="1"/>
    <col min="10506" max="10506" width="2.44140625" style="447" customWidth="1"/>
    <col min="10507" max="10752" width="9" style="447"/>
    <col min="10753" max="10753" width="1.109375" style="447" customWidth="1"/>
    <col min="10754" max="10754" width="24.21875" style="447" customWidth="1"/>
    <col min="10755" max="10755" width="4" style="447" customWidth="1"/>
    <col min="10756" max="10757" width="15.21875" style="447" customWidth="1"/>
    <col min="10758" max="10758" width="15.109375" style="447" customWidth="1"/>
    <col min="10759" max="10759" width="15.21875" style="447" customWidth="1"/>
    <col min="10760" max="10760" width="3.109375" style="447" customWidth="1"/>
    <col min="10761" max="10761" width="3.77734375" style="447" customWidth="1"/>
    <col min="10762" max="10762" width="2.44140625" style="447" customWidth="1"/>
    <col min="10763" max="11008" width="9" style="447"/>
    <col min="11009" max="11009" width="1.109375" style="447" customWidth="1"/>
    <col min="11010" max="11010" width="24.21875" style="447" customWidth="1"/>
    <col min="11011" max="11011" width="4" style="447" customWidth="1"/>
    <col min="11012" max="11013" width="15.21875" style="447" customWidth="1"/>
    <col min="11014" max="11014" width="15.109375" style="447" customWidth="1"/>
    <col min="11015" max="11015" width="15.21875" style="447" customWidth="1"/>
    <col min="11016" max="11016" width="3.109375" style="447" customWidth="1"/>
    <col min="11017" max="11017" width="3.77734375" style="447" customWidth="1"/>
    <col min="11018" max="11018" width="2.44140625" style="447" customWidth="1"/>
    <col min="11019" max="11264" width="9" style="447"/>
    <col min="11265" max="11265" width="1.109375" style="447" customWidth="1"/>
    <col min="11266" max="11266" width="24.21875" style="447" customWidth="1"/>
    <col min="11267" max="11267" width="4" style="447" customWidth="1"/>
    <col min="11268" max="11269" width="15.21875" style="447" customWidth="1"/>
    <col min="11270" max="11270" width="15.109375" style="447" customWidth="1"/>
    <col min="11271" max="11271" width="15.21875" style="447" customWidth="1"/>
    <col min="11272" max="11272" width="3.109375" style="447" customWidth="1"/>
    <col min="11273" max="11273" width="3.77734375" style="447" customWidth="1"/>
    <col min="11274" max="11274" width="2.44140625" style="447" customWidth="1"/>
    <col min="11275" max="11520" width="9" style="447"/>
    <col min="11521" max="11521" width="1.109375" style="447" customWidth="1"/>
    <col min="11522" max="11522" width="24.21875" style="447" customWidth="1"/>
    <col min="11523" max="11523" width="4" style="447" customWidth="1"/>
    <col min="11524" max="11525" width="15.21875" style="447" customWidth="1"/>
    <col min="11526" max="11526" width="15.109375" style="447" customWidth="1"/>
    <col min="11527" max="11527" width="15.21875" style="447" customWidth="1"/>
    <col min="11528" max="11528" width="3.109375" style="447" customWidth="1"/>
    <col min="11529" max="11529" width="3.77734375" style="447" customWidth="1"/>
    <col min="11530" max="11530" width="2.44140625" style="447" customWidth="1"/>
    <col min="11531" max="11776" width="9" style="447"/>
    <col min="11777" max="11777" width="1.109375" style="447" customWidth="1"/>
    <col min="11778" max="11778" width="24.21875" style="447" customWidth="1"/>
    <col min="11779" max="11779" width="4" style="447" customWidth="1"/>
    <col min="11780" max="11781" width="15.21875" style="447" customWidth="1"/>
    <col min="11782" max="11782" width="15.109375" style="447" customWidth="1"/>
    <col min="11783" max="11783" width="15.21875" style="447" customWidth="1"/>
    <col min="11784" max="11784" width="3.109375" style="447" customWidth="1"/>
    <col min="11785" max="11785" width="3.77734375" style="447" customWidth="1"/>
    <col min="11786" max="11786" width="2.44140625" style="447" customWidth="1"/>
    <col min="11787" max="12032" width="9" style="447"/>
    <col min="12033" max="12033" width="1.109375" style="447" customWidth="1"/>
    <col min="12034" max="12034" width="24.21875" style="447" customWidth="1"/>
    <col min="12035" max="12035" width="4" style="447" customWidth="1"/>
    <col min="12036" max="12037" width="15.21875" style="447" customWidth="1"/>
    <col min="12038" max="12038" width="15.109375" style="447" customWidth="1"/>
    <col min="12039" max="12039" width="15.21875" style="447" customWidth="1"/>
    <col min="12040" max="12040" width="3.109375" style="447" customWidth="1"/>
    <col min="12041" max="12041" width="3.77734375" style="447" customWidth="1"/>
    <col min="12042" max="12042" width="2.44140625" style="447" customWidth="1"/>
    <col min="12043" max="12288" width="9" style="447"/>
    <col min="12289" max="12289" width="1.109375" style="447" customWidth="1"/>
    <col min="12290" max="12290" width="24.21875" style="447" customWidth="1"/>
    <col min="12291" max="12291" width="4" style="447" customWidth="1"/>
    <col min="12292" max="12293" width="15.21875" style="447" customWidth="1"/>
    <col min="12294" max="12294" width="15.109375" style="447" customWidth="1"/>
    <col min="12295" max="12295" width="15.21875" style="447" customWidth="1"/>
    <col min="12296" max="12296" width="3.109375" style="447" customWidth="1"/>
    <col min="12297" max="12297" width="3.77734375" style="447" customWidth="1"/>
    <col min="12298" max="12298" width="2.44140625" style="447" customWidth="1"/>
    <col min="12299" max="12544" width="9" style="447"/>
    <col min="12545" max="12545" width="1.109375" style="447" customWidth="1"/>
    <col min="12546" max="12546" width="24.21875" style="447" customWidth="1"/>
    <col min="12547" max="12547" width="4" style="447" customWidth="1"/>
    <col min="12548" max="12549" width="15.21875" style="447" customWidth="1"/>
    <col min="12550" max="12550" width="15.109375" style="447" customWidth="1"/>
    <col min="12551" max="12551" width="15.21875" style="447" customWidth="1"/>
    <col min="12552" max="12552" width="3.109375" style="447" customWidth="1"/>
    <col min="12553" max="12553" width="3.77734375" style="447" customWidth="1"/>
    <col min="12554" max="12554" width="2.44140625" style="447" customWidth="1"/>
    <col min="12555" max="12800" width="9" style="447"/>
    <col min="12801" max="12801" width="1.109375" style="447" customWidth="1"/>
    <col min="12802" max="12802" width="24.21875" style="447" customWidth="1"/>
    <col min="12803" max="12803" width="4" style="447" customWidth="1"/>
    <col min="12804" max="12805" width="15.21875" style="447" customWidth="1"/>
    <col min="12806" max="12806" width="15.109375" style="447" customWidth="1"/>
    <col min="12807" max="12807" width="15.21875" style="447" customWidth="1"/>
    <col min="12808" max="12808" width="3.109375" style="447" customWidth="1"/>
    <col min="12809" max="12809" width="3.77734375" style="447" customWidth="1"/>
    <col min="12810" max="12810" width="2.44140625" style="447" customWidth="1"/>
    <col min="12811" max="13056" width="9" style="447"/>
    <col min="13057" max="13057" width="1.109375" style="447" customWidth="1"/>
    <col min="13058" max="13058" width="24.21875" style="447" customWidth="1"/>
    <col min="13059" max="13059" width="4" style="447" customWidth="1"/>
    <col min="13060" max="13061" width="15.21875" style="447" customWidth="1"/>
    <col min="13062" max="13062" width="15.109375" style="447" customWidth="1"/>
    <col min="13063" max="13063" width="15.21875" style="447" customWidth="1"/>
    <col min="13064" max="13064" width="3.109375" style="447" customWidth="1"/>
    <col min="13065" max="13065" width="3.77734375" style="447" customWidth="1"/>
    <col min="13066" max="13066" width="2.44140625" style="447" customWidth="1"/>
    <col min="13067" max="13312" width="9" style="447"/>
    <col min="13313" max="13313" width="1.109375" style="447" customWidth="1"/>
    <col min="13314" max="13314" width="24.21875" style="447" customWidth="1"/>
    <col min="13315" max="13315" width="4" style="447" customWidth="1"/>
    <col min="13316" max="13317" width="15.21875" style="447" customWidth="1"/>
    <col min="13318" max="13318" width="15.109375" style="447" customWidth="1"/>
    <col min="13319" max="13319" width="15.21875" style="447" customWidth="1"/>
    <col min="13320" max="13320" width="3.109375" style="447" customWidth="1"/>
    <col min="13321" max="13321" width="3.77734375" style="447" customWidth="1"/>
    <col min="13322" max="13322" width="2.44140625" style="447" customWidth="1"/>
    <col min="13323" max="13568" width="9" style="447"/>
    <col min="13569" max="13569" width="1.109375" style="447" customWidth="1"/>
    <col min="13570" max="13570" width="24.21875" style="447" customWidth="1"/>
    <col min="13571" max="13571" width="4" style="447" customWidth="1"/>
    <col min="13572" max="13573" width="15.21875" style="447" customWidth="1"/>
    <col min="13574" max="13574" width="15.109375" style="447" customWidth="1"/>
    <col min="13575" max="13575" width="15.21875" style="447" customWidth="1"/>
    <col min="13576" max="13576" width="3.109375" style="447" customWidth="1"/>
    <col min="13577" max="13577" width="3.77734375" style="447" customWidth="1"/>
    <col min="13578" max="13578" width="2.44140625" style="447" customWidth="1"/>
    <col min="13579" max="13824" width="9" style="447"/>
    <col min="13825" max="13825" width="1.109375" style="447" customWidth="1"/>
    <col min="13826" max="13826" width="24.21875" style="447" customWidth="1"/>
    <col min="13827" max="13827" width="4" style="447" customWidth="1"/>
    <col min="13828" max="13829" width="15.21875" style="447" customWidth="1"/>
    <col min="13830" max="13830" width="15.109375" style="447" customWidth="1"/>
    <col min="13831" max="13831" width="15.21875" style="447" customWidth="1"/>
    <col min="13832" max="13832" width="3.109375" style="447" customWidth="1"/>
    <col min="13833" max="13833" width="3.77734375" style="447" customWidth="1"/>
    <col min="13834" max="13834" width="2.44140625" style="447" customWidth="1"/>
    <col min="13835" max="14080" width="9" style="447"/>
    <col min="14081" max="14081" width="1.109375" style="447" customWidth="1"/>
    <col min="14082" max="14082" width="24.21875" style="447" customWidth="1"/>
    <col min="14083" max="14083" width="4" style="447" customWidth="1"/>
    <col min="14084" max="14085" width="15.21875" style="447" customWidth="1"/>
    <col min="14086" max="14086" width="15.109375" style="447" customWidth="1"/>
    <col min="14087" max="14087" width="15.21875" style="447" customWidth="1"/>
    <col min="14088" max="14088" width="3.109375" style="447" customWidth="1"/>
    <col min="14089" max="14089" width="3.77734375" style="447" customWidth="1"/>
    <col min="14090" max="14090" width="2.44140625" style="447" customWidth="1"/>
    <col min="14091" max="14336" width="9" style="447"/>
    <col min="14337" max="14337" width="1.109375" style="447" customWidth="1"/>
    <col min="14338" max="14338" width="24.21875" style="447" customWidth="1"/>
    <col min="14339" max="14339" width="4" style="447" customWidth="1"/>
    <col min="14340" max="14341" width="15.21875" style="447" customWidth="1"/>
    <col min="14342" max="14342" width="15.109375" style="447" customWidth="1"/>
    <col min="14343" max="14343" width="15.21875" style="447" customWidth="1"/>
    <col min="14344" max="14344" width="3.109375" style="447" customWidth="1"/>
    <col min="14345" max="14345" width="3.77734375" style="447" customWidth="1"/>
    <col min="14346" max="14346" width="2.44140625" style="447" customWidth="1"/>
    <col min="14347" max="14592" width="9" style="447"/>
    <col min="14593" max="14593" width="1.109375" style="447" customWidth="1"/>
    <col min="14594" max="14594" width="24.21875" style="447" customWidth="1"/>
    <col min="14595" max="14595" width="4" style="447" customWidth="1"/>
    <col min="14596" max="14597" width="15.21875" style="447" customWidth="1"/>
    <col min="14598" max="14598" width="15.109375" style="447" customWidth="1"/>
    <col min="14599" max="14599" width="15.21875" style="447" customWidth="1"/>
    <col min="14600" max="14600" width="3.109375" style="447" customWidth="1"/>
    <col min="14601" max="14601" width="3.77734375" style="447" customWidth="1"/>
    <col min="14602" max="14602" width="2.44140625" style="447" customWidth="1"/>
    <col min="14603" max="14848" width="9" style="447"/>
    <col min="14849" max="14849" width="1.109375" style="447" customWidth="1"/>
    <col min="14850" max="14850" width="24.21875" style="447" customWidth="1"/>
    <col min="14851" max="14851" width="4" style="447" customWidth="1"/>
    <col min="14852" max="14853" width="15.21875" style="447" customWidth="1"/>
    <col min="14854" max="14854" width="15.109375" style="447" customWidth="1"/>
    <col min="14855" max="14855" width="15.21875" style="447" customWidth="1"/>
    <col min="14856" max="14856" width="3.109375" style="447" customWidth="1"/>
    <col min="14857" max="14857" width="3.77734375" style="447" customWidth="1"/>
    <col min="14858" max="14858" width="2.44140625" style="447" customWidth="1"/>
    <col min="14859" max="15104" width="9" style="447"/>
    <col min="15105" max="15105" width="1.109375" style="447" customWidth="1"/>
    <col min="15106" max="15106" width="24.21875" style="447" customWidth="1"/>
    <col min="15107" max="15107" width="4" style="447" customWidth="1"/>
    <col min="15108" max="15109" width="15.21875" style="447" customWidth="1"/>
    <col min="15110" max="15110" width="15.109375" style="447" customWidth="1"/>
    <col min="15111" max="15111" width="15.21875" style="447" customWidth="1"/>
    <col min="15112" max="15112" width="3.109375" style="447" customWidth="1"/>
    <col min="15113" max="15113" width="3.77734375" style="447" customWidth="1"/>
    <col min="15114" max="15114" width="2.44140625" style="447" customWidth="1"/>
    <col min="15115" max="15360" width="9" style="447"/>
    <col min="15361" max="15361" width="1.109375" style="447" customWidth="1"/>
    <col min="15362" max="15362" width="24.21875" style="447" customWidth="1"/>
    <col min="15363" max="15363" width="4" style="447" customWidth="1"/>
    <col min="15364" max="15365" width="15.21875" style="447" customWidth="1"/>
    <col min="15366" max="15366" width="15.109375" style="447" customWidth="1"/>
    <col min="15367" max="15367" width="15.21875" style="447" customWidth="1"/>
    <col min="15368" max="15368" width="3.109375" style="447" customWidth="1"/>
    <col min="15369" max="15369" width="3.77734375" style="447" customWidth="1"/>
    <col min="15370" max="15370" width="2.44140625" style="447" customWidth="1"/>
    <col min="15371" max="15616" width="9" style="447"/>
    <col min="15617" max="15617" width="1.109375" style="447" customWidth="1"/>
    <col min="15618" max="15618" width="24.21875" style="447" customWidth="1"/>
    <col min="15619" max="15619" width="4" style="447" customWidth="1"/>
    <col min="15620" max="15621" width="15.21875" style="447" customWidth="1"/>
    <col min="15622" max="15622" width="15.109375" style="447" customWidth="1"/>
    <col min="15623" max="15623" width="15.21875" style="447" customWidth="1"/>
    <col min="15624" max="15624" width="3.109375" style="447" customWidth="1"/>
    <col min="15625" max="15625" width="3.77734375" style="447" customWidth="1"/>
    <col min="15626" max="15626" width="2.44140625" style="447" customWidth="1"/>
    <col min="15627" max="15872" width="9" style="447"/>
    <col min="15873" max="15873" width="1.109375" style="447" customWidth="1"/>
    <col min="15874" max="15874" width="24.21875" style="447" customWidth="1"/>
    <col min="15875" max="15875" width="4" style="447" customWidth="1"/>
    <col min="15876" max="15877" width="15.21875" style="447" customWidth="1"/>
    <col min="15878" max="15878" width="15.109375" style="447" customWidth="1"/>
    <col min="15879" max="15879" width="15.21875" style="447" customWidth="1"/>
    <col min="15880" max="15880" width="3.109375" style="447" customWidth="1"/>
    <col min="15881" max="15881" width="3.77734375" style="447" customWidth="1"/>
    <col min="15882" max="15882" width="2.44140625" style="447" customWidth="1"/>
    <col min="15883" max="16128" width="9" style="447"/>
    <col min="16129" max="16129" width="1.109375" style="447" customWidth="1"/>
    <col min="16130" max="16130" width="24.21875" style="447" customWidth="1"/>
    <col min="16131" max="16131" width="4" style="447" customWidth="1"/>
    <col min="16132" max="16133" width="15.21875" style="447" customWidth="1"/>
    <col min="16134" max="16134" width="15.109375" style="447" customWidth="1"/>
    <col min="16135" max="16135" width="15.21875" style="447" customWidth="1"/>
    <col min="16136" max="16136" width="3.109375" style="447" customWidth="1"/>
    <col min="16137" max="16137" width="3.77734375" style="447" customWidth="1"/>
    <col min="16138" max="16138" width="2.44140625" style="447" customWidth="1"/>
    <col min="16139" max="16384" width="9" style="447"/>
  </cols>
  <sheetData>
    <row r="1" spans="1:10" ht="27.75" customHeight="1" x14ac:dyDescent="0.2">
      <c r="A1" s="451"/>
      <c r="B1" s="463" t="s">
        <v>838</v>
      </c>
    </row>
    <row r="2" spans="1:10" ht="27.75" customHeight="1" x14ac:dyDescent="0.2">
      <c r="A2" s="451"/>
      <c r="G2" s="3273" t="s">
        <v>723</v>
      </c>
      <c r="H2" s="3273"/>
    </row>
    <row r="3" spans="1:10" ht="36" customHeight="1" x14ac:dyDescent="0.2">
      <c r="A3" s="3274" t="s">
        <v>839</v>
      </c>
      <c r="B3" s="3275"/>
      <c r="C3" s="3275"/>
      <c r="D3" s="3275"/>
      <c r="E3" s="3275"/>
      <c r="F3" s="3275"/>
      <c r="G3" s="3275"/>
      <c r="H3" s="3275"/>
    </row>
    <row r="4" spans="1:10" ht="36" customHeight="1" x14ac:dyDescent="0.2">
      <c r="A4" s="450"/>
      <c r="B4" s="450"/>
      <c r="C4" s="450"/>
      <c r="D4" s="450"/>
      <c r="E4" s="450"/>
      <c r="F4" s="450"/>
      <c r="G4" s="450"/>
      <c r="H4" s="450"/>
    </row>
    <row r="5" spans="1:10" ht="43.5" customHeight="1" x14ac:dyDescent="0.2">
      <c r="A5" s="450"/>
      <c r="B5" s="523" t="s">
        <v>60</v>
      </c>
      <c r="C5" s="3276"/>
      <c r="D5" s="3277"/>
      <c r="E5" s="3277"/>
      <c r="F5" s="3277"/>
      <c r="G5" s="3277"/>
      <c r="H5" s="3278"/>
    </row>
    <row r="6" spans="1:10" ht="43.5" customHeight="1" x14ac:dyDescent="0.2">
      <c r="B6" s="522" t="s">
        <v>46</v>
      </c>
      <c r="C6" s="2173" t="s">
        <v>549</v>
      </c>
      <c r="D6" s="2173"/>
      <c r="E6" s="2173"/>
      <c r="F6" s="2173"/>
      <c r="G6" s="2173"/>
      <c r="H6" s="2174"/>
    </row>
    <row r="7" spans="1:10" ht="19.5" customHeight="1" x14ac:dyDescent="0.2">
      <c r="B7" s="3279" t="s">
        <v>647</v>
      </c>
      <c r="C7" s="506"/>
      <c r="D7" s="509"/>
      <c r="E7" s="509"/>
      <c r="F7" s="509"/>
      <c r="G7" s="509"/>
      <c r="H7" s="521"/>
    </row>
    <row r="8" spans="1:10" ht="33" customHeight="1" x14ac:dyDescent="0.2">
      <c r="B8" s="3280"/>
      <c r="C8" s="520"/>
      <c r="D8" s="519"/>
      <c r="E8" s="519" t="s">
        <v>51</v>
      </c>
      <c r="F8" s="519" t="s">
        <v>50</v>
      </c>
      <c r="G8" s="519" t="s">
        <v>63</v>
      </c>
      <c r="H8" s="517"/>
    </row>
    <row r="9" spans="1:10" ht="33" customHeight="1" thickBot="1" x14ac:dyDescent="0.25">
      <c r="B9" s="3280"/>
      <c r="C9" s="520"/>
      <c r="D9" s="519" t="s">
        <v>646</v>
      </c>
      <c r="E9" s="514" t="s">
        <v>644</v>
      </c>
      <c r="F9" s="514" t="s">
        <v>644</v>
      </c>
      <c r="G9" s="518" t="s">
        <v>644</v>
      </c>
      <c r="H9" s="517"/>
    </row>
    <row r="10" spans="1:10" ht="33" customHeight="1" thickTop="1" thickBot="1" x14ac:dyDescent="0.25">
      <c r="B10" s="3280"/>
      <c r="C10" s="516"/>
      <c r="D10" s="515" t="s">
        <v>645</v>
      </c>
      <c r="E10" s="514" t="s">
        <v>644</v>
      </c>
      <c r="F10" s="513" t="s">
        <v>644</v>
      </c>
      <c r="G10" s="512" t="s">
        <v>643</v>
      </c>
      <c r="H10" s="511"/>
    </row>
    <row r="11" spans="1:10" ht="19.5" customHeight="1" thickTop="1" x14ac:dyDescent="0.2">
      <c r="B11" s="3281"/>
      <c r="C11" s="510"/>
      <c r="D11" s="509"/>
      <c r="E11" s="509"/>
      <c r="F11" s="509"/>
      <c r="G11" s="508"/>
      <c r="H11" s="507"/>
    </row>
    <row r="12" spans="1:10" ht="17.25" customHeight="1" x14ac:dyDescent="0.2">
      <c r="B12" s="3279" t="s">
        <v>642</v>
      </c>
      <c r="C12" s="506"/>
      <c r="D12" s="505"/>
      <c r="E12" s="505"/>
      <c r="F12" s="505"/>
      <c r="G12" s="505"/>
      <c r="H12" s="504"/>
    </row>
    <row r="13" spans="1:10" ht="42" customHeight="1" x14ac:dyDescent="0.2">
      <c r="B13" s="3280"/>
      <c r="C13" s="503" t="s">
        <v>641</v>
      </c>
      <c r="D13" s="501" t="s">
        <v>640</v>
      </c>
      <c r="E13" s="501"/>
      <c r="F13" s="502"/>
      <c r="G13" s="501" t="s">
        <v>69</v>
      </c>
      <c r="H13" s="500"/>
    </row>
    <row r="14" spans="1:10" ht="17.25" customHeight="1" x14ac:dyDescent="0.2">
      <c r="B14" s="3281"/>
      <c r="C14" s="499"/>
      <c r="D14" s="498"/>
      <c r="E14" s="498"/>
      <c r="F14" s="498"/>
      <c r="G14" s="498"/>
      <c r="H14" s="497"/>
    </row>
    <row r="16" spans="1:10" ht="17.25" customHeight="1" x14ac:dyDescent="0.2">
      <c r="B16" s="462" t="s">
        <v>204</v>
      </c>
      <c r="C16" s="449"/>
      <c r="D16" s="449"/>
      <c r="E16" s="449"/>
      <c r="F16" s="449"/>
      <c r="G16" s="449"/>
      <c r="H16" s="449"/>
      <c r="I16" s="449"/>
      <c r="J16" s="449"/>
    </row>
    <row r="17" spans="2:10" ht="36" customHeight="1" x14ac:dyDescent="0.2">
      <c r="B17" s="3270" t="s">
        <v>639</v>
      </c>
      <c r="C17" s="3271"/>
      <c r="D17" s="3271"/>
      <c r="E17" s="3271"/>
      <c r="F17" s="3271"/>
      <c r="G17" s="3271"/>
      <c r="H17" s="3271"/>
      <c r="I17" s="449"/>
      <c r="J17" s="449"/>
    </row>
    <row r="18" spans="2:10" ht="7.5" customHeight="1" x14ac:dyDescent="0.2">
      <c r="B18" s="3270"/>
      <c r="C18" s="3272"/>
      <c r="D18" s="3272"/>
      <c r="E18" s="3272"/>
      <c r="F18" s="3272"/>
      <c r="G18" s="3272"/>
      <c r="H18" s="3272"/>
    </row>
    <row r="19" spans="2:10" x14ac:dyDescent="0.2">
      <c r="B19" s="448"/>
    </row>
  </sheetData>
  <customSheetViews>
    <customSheetView guid="{FA98832E-F01A-4598-9960-E27C2FDAB118}" showPageBreaks="1" showGridLines="0" view="pageBreakPreview">
      <selection activeCell="J20" sqref="J20"/>
      <pageMargins left="0.7" right="0.7" top="0.75" bottom="0.75" header="0.3" footer="0.3"/>
      <pageSetup paperSize="9" scale="94" orientation="portrait" r:id="rId1"/>
    </customSheetView>
    <customSheetView guid="{8494577A-77FB-45FD-BD2B-C737BCFAD5B3}" showPageBreaks="1" showGridLines="0" view="pageBreakPreview">
      <selection activeCell="J20" sqref="J20"/>
      <pageMargins left="0.7" right="0.7" top="0.75" bottom="0.75" header="0.3" footer="0.3"/>
      <pageSetup paperSize="9" scale="94" orientation="portrait" r:id="rId2"/>
    </customSheetView>
  </customSheetViews>
  <mergeCells count="8">
    <mergeCell ref="B17:H17"/>
    <mergeCell ref="B18:H18"/>
    <mergeCell ref="G2:H2"/>
    <mergeCell ref="A3:H3"/>
    <mergeCell ref="C5:H5"/>
    <mergeCell ref="C6:H6"/>
    <mergeCell ref="B7:B11"/>
    <mergeCell ref="B12:B14"/>
  </mergeCells>
  <phoneticPr fontId="6"/>
  <pageMargins left="0.7" right="0.7" top="0.75" bottom="0.75" header="0.3" footer="0.3"/>
  <pageSetup paperSize="9" scale="94" orientation="portrait" r:id="rId3"/>
</worksheet>
</file>

<file path=xl/worksheets/sheet9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349"/>
  <sheetViews>
    <sheetView showGridLines="0" view="pageBreakPreview" zoomScale="90" zoomScaleNormal="100" zoomScaleSheetLayoutView="90" workbookViewId="0">
      <selection activeCell="G20" sqref="G20:N20"/>
    </sheetView>
  </sheetViews>
  <sheetFormatPr defaultRowHeight="13.2" x14ac:dyDescent="0.2"/>
  <cols>
    <col min="1" max="1" width="1.109375" style="103" customWidth="1"/>
    <col min="2" max="14" width="2.6640625" style="103" customWidth="1"/>
    <col min="15" max="16" width="26.6640625" style="103" customWidth="1"/>
    <col min="17" max="45" width="2.6640625" style="103" customWidth="1"/>
    <col min="46" max="256" width="9" style="103"/>
    <col min="257" max="257" width="1.109375" style="103" customWidth="1"/>
    <col min="258" max="270" width="2.6640625" style="103" customWidth="1"/>
    <col min="271" max="272" width="26.6640625" style="103" customWidth="1"/>
    <col min="273" max="301" width="2.6640625" style="103" customWidth="1"/>
    <col min="302" max="512" width="9" style="103"/>
    <col min="513" max="513" width="1.109375" style="103" customWidth="1"/>
    <col min="514" max="526" width="2.6640625" style="103" customWidth="1"/>
    <col min="527" max="528" width="26.6640625" style="103" customWidth="1"/>
    <col min="529" max="557" width="2.6640625" style="103" customWidth="1"/>
    <col min="558" max="768" width="9" style="103"/>
    <col min="769" max="769" width="1.109375" style="103" customWidth="1"/>
    <col min="770" max="782" width="2.6640625" style="103" customWidth="1"/>
    <col min="783" max="784" width="26.6640625" style="103" customWidth="1"/>
    <col min="785" max="813" width="2.6640625" style="103" customWidth="1"/>
    <col min="814" max="1024" width="9" style="103"/>
    <col min="1025" max="1025" width="1.109375" style="103" customWidth="1"/>
    <col min="1026" max="1038" width="2.6640625" style="103" customWidth="1"/>
    <col min="1039" max="1040" width="26.6640625" style="103" customWidth="1"/>
    <col min="1041" max="1069" width="2.6640625" style="103" customWidth="1"/>
    <col min="1070" max="1280" width="9" style="103"/>
    <col min="1281" max="1281" width="1.109375" style="103" customWidth="1"/>
    <col min="1282" max="1294" width="2.6640625" style="103" customWidth="1"/>
    <col min="1295" max="1296" width="26.6640625" style="103" customWidth="1"/>
    <col min="1297" max="1325" width="2.6640625" style="103" customWidth="1"/>
    <col min="1326" max="1536" width="9" style="103"/>
    <col min="1537" max="1537" width="1.109375" style="103" customWidth="1"/>
    <col min="1538" max="1550" width="2.6640625" style="103" customWidth="1"/>
    <col min="1551" max="1552" width="26.6640625" style="103" customWidth="1"/>
    <col min="1553" max="1581" width="2.6640625" style="103" customWidth="1"/>
    <col min="1582" max="1792" width="9" style="103"/>
    <col min="1793" max="1793" width="1.109375" style="103" customWidth="1"/>
    <col min="1794" max="1806" width="2.6640625" style="103" customWidth="1"/>
    <col min="1807" max="1808" width="26.6640625" style="103" customWidth="1"/>
    <col min="1809" max="1837" width="2.6640625" style="103" customWidth="1"/>
    <col min="1838" max="2048" width="9" style="103"/>
    <col min="2049" max="2049" width="1.109375" style="103" customWidth="1"/>
    <col min="2050" max="2062" width="2.6640625" style="103" customWidth="1"/>
    <col min="2063" max="2064" width="26.6640625" style="103" customWidth="1"/>
    <col min="2065" max="2093" width="2.6640625" style="103" customWidth="1"/>
    <col min="2094" max="2304" width="9" style="103"/>
    <col min="2305" max="2305" width="1.109375" style="103" customWidth="1"/>
    <col min="2306" max="2318" width="2.6640625" style="103" customWidth="1"/>
    <col min="2319" max="2320" width="26.6640625" style="103" customWidth="1"/>
    <col min="2321" max="2349" width="2.6640625" style="103" customWidth="1"/>
    <col min="2350" max="2560" width="9" style="103"/>
    <col min="2561" max="2561" width="1.109375" style="103" customWidth="1"/>
    <col min="2562" max="2574" width="2.6640625" style="103" customWidth="1"/>
    <col min="2575" max="2576" width="26.6640625" style="103" customWidth="1"/>
    <col min="2577" max="2605" width="2.6640625" style="103" customWidth="1"/>
    <col min="2606" max="2816" width="9" style="103"/>
    <col min="2817" max="2817" width="1.109375" style="103" customWidth="1"/>
    <col min="2818" max="2830" width="2.6640625" style="103" customWidth="1"/>
    <col min="2831" max="2832" width="26.6640625" style="103" customWidth="1"/>
    <col min="2833" max="2861" width="2.6640625" style="103" customWidth="1"/>
    <col min="2862" max="3072" width="9" style="103"/>
    <col min="3073" max="3073" width="1.109375" style="103" customWidth="1"/>
    <col min="3074" max="3086" width="2.6640625" style="103" customWidth="1"/>
    <col min="3087" max="3088" width="26.6640625" style="103" customWidth="1"/>
    <col min="3089" max="3117" width="2.6640625" style="103" customWidth="1"/>
    <col min="3118" max="3328" width="9" style="103"/>
    <col min="3329" max="3329" width="1.109375" style="103" customWidth="1"/>
    <col min="3330" max="3342" width="2.6640625" style="103" customWidth="1"/>
    <col min="3343" max="3344" width="26.6640625" style="103" customWidth="1"/>
    <col min="3345" max="3373" width="2.6640625" style="103" customWidth="1"/>
    <col min="3374" max="3584" width="9" style="103"/>
    <col min="3585" max="3585" width="1.109375" style="103" customWidth="1"/>
    <col min="3586" max="3598" width="2.6640625" style="103" customWidth="1"/>
    <col min="3599" max="3600" width="26.6640625" style="103" customWidth="1"/>
    <col min="3601" max="3629" width="2.6640625" style="103" customWidth="1"/>
    <col min="3630" max="3840" width="9" style="103"/>
    <col min="3841" max="3841" width="1.109375" style="103" customWidth="1"/>
    <col min="3842" max="3854" width="2.6640625" style="103" customWidth="1"/>
    <col min="3855" max="3856" width="26.6640625" style="103" customWidth="1"/>
    <col min="3857" max="3885" width="2.6640625" style="103" customWidth="1"/>
    <col min="3886" max="4096" width="9" style="103"/>
    <col min="4097" max="4097" width="1.109375" style="103" customWidth="1"/>
    <col min="4098" max="4110" width="2.6640625" style="103" customWidth="1"/>
    <col min="4111" max="4112" width="26.6640625" style="103" customWidth="1"/>
    <col min="4113" max="4141" width="2.6640625" style="103" customWidth="1"/>
    <col min="4142" max="4352" width="9" style="103"/>
    <col min="4353" max="4353" width="1.109375" style="103" customWidth="1"/>
    <col min="4354" max="4366" width="2.6640625" style="103" customWidth="1"/>
    <col min="4367" max="4368" width="26.6640625" style="103" customWidth="1"/>
    <col min="4369" max="4397" width="2.6640625" style="103" customWidth="1"/>
    <col min="4398" max="4608" width="9" style="103"/>
    <col min="4609" max="4609" width="1.109375" style="103" customWidth="1"/>
    <col min="4610" max="4622" width="2.6640625" style="103" customWidth="1"/>
    <col min="4623" max="4624" width="26.6640625" style="103" customWidth="1"/>
    <col min="4625" max="4653" width="2.6640625" style="103" customWidth="1"/>
    <col min="4654" max="4864" width="9" style="103"/>
    <col min="4865" max="4865" width="1.109375" style="103" customWidth="1"/>
    <col min="4866" max="4878" width="2.6640625" style="103" customWidth="1"/>
    <col min="4879" max="4880" width="26.6640625" style="103" customWidth="1"/>
    <col min="4881" max="4909" width="2.6640625" style="103" customWidth="1"/>
    <col min="4910" max="5120" width="9" style="103"/>
    <col min="5121" max="5121" width="1.109375" style="103" customWidth="1"/>
    <col min="5122" max="5134" width="2.6640625" style="103" customWidth="1"/>
    <col min="5135" max="5136" width="26.6640625" style="103" customWidth="1"/>
    <col min="5137" max="5165" width="2.6640625" style="103" customWidth="1"/>
    <col min="5166" max="5376" width="9" style="103"/>
    <col min="5377" max="5377" width="1.109375" style="103" customWidth="1"/>
    <col min="5378" max="5390" width="2.6640625" style="103" customWidth="1"/>
    <col min="5391" max="5392" width="26.6640625" style="103" customWidth="1"/>
    <col min="5393" max="5421" width="2.6640625" style="103" customWidth="1"/>
    <col min="5422" max="5632" width="9" style="103"/>
    <col min="5633" max="5633" width="1.109375" style="103" customWidth="1"/>
    <col min="5634" max="5646" width="2.6640625" style="103" customWidth="1"/>
    <col min="5647" max="5648" width="26.6640625" style="103" customWidth="1"/>
    <col min="5649" max="5677" width="2.6640625" style="103" customWidth="1"/>
    <col min="5678" max="5888" width="9" style="103"/>
    <col min="5889" max="5889" width="1.109375" style="103" customWidth="1"/>
    <col min="5890" max="5902" width="2.6640625" style="103" customWidth="1"/>
    <col min="5903" max="5904" width="26.6640625" style="103" customWidth="1"/>
    <col min="5905" max="5933" width="2.6640625" style="103" customWidth="1"/>
    <col min="5934" max="6144" width="9" style="103"/>
    <col min="6145" max="6145" width="1.109375" style="103" customWidth="1"/>
    <col min="6146" max="6158" width="2.6640625" style="103" customWidth="1"/>
    <col min="6159" max="6160" width="26.6640625" style="103" customWidth="1"/>
    <col min="6161" max="6189" width="2.6640625" style="103" customWidth="1"/>
    <col min="6190" max="6400" width="9" style="103"/>
    <col min="6401" max="6401" width="1.109375" style="103" customWidth="1"/>
    <col min="6402" max="6414" width="2.6640625" style="103" customWidth="1"/>
    <col min="6415" max="6416" width="26.6640625" style="103" customWidth="1"/>
    <col min="6417" max="6445" width="2.6640625" style="103" customWidth="1"/>
    <col min="6446" max="6656" width="9" style="103"/>
    <col min="6657" max="6657" width="1.109375" style="103" customWidth="1"/>
    <col min="6658" max="6670" width="2.6640625" style="103" customWidth="1"/>
    <col min="6671" max="6672" width="26.6640625" style="103" customWidth="1"/>
    <col min="6673" max="6701" width="2.6640625" style="103" customWidth="1"/>
    <col min="6702" max="6912" width="9" style="103"/>
    <col min="6913" max="6913" width="1.109375" style="103" customWidth="1"/>
    <col min="6914" max="6926" width="2.6640625" style="103" customWidth="1"/>
    <col min="6927" max="6928" width="26.6640625" style="103" customWidth="1"/>
    <col min="6929" max="6957" width="2.6640625" style="103" customWidth="1"/>
    <col min="6958" max="7168" width="9" style="103"/>
    <col min="7169" max="7169" width="1.109375" style="103" customWidth="1"/>
    <col min="7170" max="7182" width="2.6640625" style="103" customWidth="1"/>
    <col min="7183" max="7184" width="26.6640625" style="103" customWidth="1"/>
    <col min="7185" max="7213" width="2.6640625" style="103" customWidth="1"/>
    <col min="7214" max="7424" width="9" style="103"/>
    <col min="7425" max="7425" width="1.109375" style="103" customWidth="1"/>
    <col min="7426" max="7438" width="2.6640625" style="103" customWidth="1"/>
    <col min="7439" max="7440" width="26.6640625" style="103" customWidth="1"/>
    <col min="7441" max="7469" width="2.6640625" style="103" customWidth="1"/>
    <col min="7470" max="7680" width="9" style="103"/>
    <col min="7681" max="7681" width="1.109375" style="103" customWidth="1"/>
    <col min="7682" max="7694" width="2.6640625" style="103" customWidth="1"/>
    <col min="7695" max="7696" width="26.6640625" style="103" customWidth="1"/>
    <col min="7697" max="7725" width="2.6640625" style="103" customWidth="1"/>
    <col min="7726" max="7936" width="9" style="103"/>
    <col min="7937" max="7937" width="1.109375" style="103" customWidth="1"/>
    <col min="7938" max="7950" width="2.6640625" style="103" customWidth="1"/>
    <col min="7951" max="7952" width="26.6640625" style="103" customWidth="1"/>
    <col min="7953" max="7981" width="2.6640625" style="103" customWidth="1"/>
    <col min="7982" max="8192" width="9" style="103"/>
    <col min="8193" max="8193" width="1.109375" style="103" customWidth="1"/>
    <col min="8194" max="8206" width="2.6640625" style="103" customWidth="1"/>
    <col min="8207" max="8208" width="26.6640625" style="103" customWidth="1"/>
    <col min="8209" max="8237" width="2.6640625" style="103" customWidth="1"/>
    <col min="8238" max="8448" width="9" style="103"/>
    <col min="8449" max="8449" width="1.109375" style="103" customWidth="1"/>
    <col min="8450" max="8462" width="2.6640625" style="103" customWidth="1"/>
    <col min="8463" max="8464" width="26.6640625" style="103" customWidth="1"/>
    <col min="8465" max="8493" width="2.6640625" style="103" customWidth="1"/>
    <col min="8494" max="8704" width="9" style="103"/>
    <col min="8705" max="8705" width="1.109375" style="103" customWidth="1"/>
    <col min="8706" max="8718" width="2.6640625" style="103" customWidth="1"/>
    <col min="8719" max="8720" width="26.6640625" style="103" customWidth="1"/>
    <col min="8721" max="8749" width="2.6640625" style="103" customWidth="1"/>
    <col min="8750" max="8960" width="9" style="103"/>
    <col min="8961" max="8961" width="1.109375" style="103" customWidth="1"/>
    <col min="8962" max="8974" width="2.6640625" style="103" customWidth="1"/>
    <col min="8975" max="8976" width="26.6640625" style="103" customWidth="1"/>
    <col min="8977" max="9005" width="2.6640625" style="103" customWidth="1"/>
    <col min="9006" max="9216" width="9" style="103"/>
    <col min="9217" max="9217" width="1.109375" style="103" customWidth="1"/>
    <col min="9218" max="9230" width="2.6640625" style="103" customWidth="1"/>
    <col min="9231" max="9232" width="26.6640625" style="103" customWidth="1"/>
    <col min="9233" max="9261" width="2.6640625" style="103" customWidth="1"/>
    <col min="9262" max="9472" width="9" style="103"/>
    <col min="9473" max="9473" width="1.109375" style="103" customWidth="1"/>
    <col min="9474" max="9486" width="2.6640625" style="103" customWidth="1"/>
    <col min="9487" max="9488" width="26.6640625" style="103" customWidth="1"/>
    <col min="9489" max="9517" width="2.6640625" style="103" customWidth="1"/>
    <col min="9518" max="9728" width="9" style="103"/>
    <col min="9729" max="9729" width="1.109375" style="103" customWidth="1"/>
    <col min="9730" max="9742" width="2.6640625" style="103" customWidth="1"/>
    <col min="9743" max="9744" width="26.6640625" style="103" customWidth="1"/>
    <col min="9745" max="9773" width="2.6640625" style="103" customWidth="1"/>
    <col min="9774" max="9984" width="9" style="103"/>
    <col min="9985" max="9985" width="1.109375" style="103" customWidth="1"/>
    <col min="9986" max="9998" width="2.6640625" style="103" customWidth="1"/>
    <col min="9999" max="10000" width="26.6640625" style="103" customWidth="1"/>
    <col min="10001" max="10029" width="2.6640625" style="103" customWidth="1"/>
    <col min="10030" max="10240" width="9" style="103"/>
    <col min="10241" max="10241" width="1.109375" style="103" customWidth="1"/>
    <col min="10242" max="10254" width="2.6640625" style="103" customWidth="1"/>
    <col min="10255" max="10256" width="26.6640625" style="103" customWidth="1"/>
    <col min="10257" max="10285" width="2.6640625" style="103" customWidth="1"/>
    <col min="10286" max="10496" width="9" style="103"/>
    <col min="10497" max="10497" width="1.109375" style="103" customWidth="1"/>
    <col min="10498" max="10510" width="2.6640625" style="103" customWidth="1"/>
    <col min="10511" max="10512" width="26.6640625" style="103" customWidth="1"/>
    <col min="10513" max="10541" width="2.6640625" style="103" customWidth="1"/>
    <col min="10542" max="10752" width="9" style="103"/>
    <col min="10753" max="10753" width="1.109375" style="103" customWidth="1"/>
    <col min="10754" max="10766" width="2.6640625" style="103" customWidth="1"/>
    <col min="10767" max="10768" width="26.6640625" style="103" customWidth="1"/>
    <col min="10769" max="10797" width="2.6640625" style="103" customWidth="1"/>
    <col min="10798" max="11008" width="9" style="103"/>
    <col min="11009" max="11009" width="1.109375" style="103" customWidth="1"/>
    <col min="11010" max="11022" width="2.6640625" style="103" customWidth="1"/>
    <col min="11023" max="11024" width="26.6640625" style="103" customWidth="1"/>
    <col min="11025" max="11053" width="2.6640625" style="103" customWidth="1"/>
    <col min="11054" max="11264" width="9" style="103"/>
    <col min="11265" max="11265" width="1.109375" style="103" customWidth="1"/>
    <col min="11266" max="11278" width="2.6640625" style="103" customWidth="1"/>
    <col min="11279" max="11280" width="26.6640625" style="103" customWidth="1"/>
    <col min="11281" max="11309" width="2.6640625" style="103" customWidth="1"/>
    <col min="11310" max="11520" width="9" style="103"/>
    <col min="11521" max="11521" width="1.109375" style="103" customWidth="1"/>
    <col min="11522" max="11534" width="2.6640625" style="103" customWidth="1"/>
    <col min="11535" max="11536" width="26.6640625" style="103" customWidth="1"/>
    <col min="11537" max="11565" width="2.6640625" style="103" customWidth="1"/>
    <col min="11566" max="11776" width="9" style="103"/>
    <col min="11777" max="11777" width="1.109375" style="103" customWidth="1"/>
    <col min="11778" max="11790" width="2.6640625" style="103" customWidth="1"/>
    <col min="11791" max="11792" width="26.6640625" style="103" customWidth="1"/>
    <col min="11793" max="11821" width="2.6640625" style="103" customWidth="1"/>
    <col min="11822" max="12032" width="9" style="103"/>
    <col min="12033" max="12033" width="1.109375" style="103" customWidth="1"/>
    <col min="12034" max="12046" width="2.6640625" style="103" customWidth="1"/>
    <col min="12047" max="12048" width="26.6640625" style="103" customWidth="1"/>
    <col min="12049" max="12077" width="2.6640625" style="103" customWidth="1"/>
    <col min="12078" max="12288" width="9" style="103"/>
    <col min="12289" max="12289" width="1.109375" style="103" customWidth="1"/>
    <col min="12290" max="12302" width="2.6640625" style="103" customWidth="1"/>
    <col min="12303" max="12304" width="26.6640625" style="103" customWidth="1"/>
    <col min="12305" max="12333" width="2.6640625" style="103" customWidth="1"/>
    <col min="12334" max="12544" width="9" style="103"/>
    <col min="12545" max="12545" width="1.109375" style="103" customWidth="1"/>
    <col min="12546" max="12558" width="2.6640625" style="103" customWidth="1"/>
    <col min="12559" max="12560" width="26.6640625" style="103" customWidth="1"/>
    <col min="12561" max="12589" width="2.6640625" style="103" customWidth="1"/>
    <col min="12590" max="12800" width="9" style="103"/>
    <col min="12801" max="12801" width="1.109375" style="103" customWidth="1"/>
    <col min="12802" max="12814" width="2.6640625" style="103" customWidth="1"/>
    <col min="12815" max="12816" width="26.6640625" style="103" customWidth="1"/>
    <col min="12817" max="12845" width="2.6640625" style="103" customWidth="1"/>
    <col min="12846" max="13056" width="9" style="103"/>
    <col min="13057" max="13057" width="1.109375" style="103" customWidth="1"/>
    <col min="13058" max="13070" width="2.6640625" style="103" customWidth="1"/>
    <col min="13071" max="13072" width="26.6640625" style="103" customWidth="1"/>
    <col min="13073" max="13101" width="2.6640625" style="103" customWidth="1"/>
    <col min="13102" max="13312" width="9" style="103"/>
    <col min="13313" max="13313" width="1.109375" style="103" customWidth="1"/>
    <col min="13314" max="13326" width="2.6640625" style="103" customWidth="1"/>
    <col min="13327" max="13328" width="26.6640625" style="103" customWidth="1"/>
    <col min="13329" max="13357" width="2.6640625" style="103" customWidth="1"/>
    <col min="13358" max="13568" width="9" style="103"/>
    <col min="13569" max="13569" width="1.109375" style="103" customWidth="1"/>
    <col min="13570" max="13582" width="2.6640625" style="103" customWidth="1"/>
    <col min="13583" max="13584" width="26.6640625" style="103" customWidth="1"/>
    <col min="13585" max="13613" width="2.6640625" style="103" customWidth="1"/>
    <col min="13614" max="13824" width="9" style="103"/>
    <col min="13825" max="13825" width="1.109375" style="103" customWidth="1"/>
    <col min="13826" max="13838" width="2.6640625" style="103" customWidth="1"/>
    <col min="13839" max="13840" width="26.6640625" style="103" customWidth="1"/>
    <col min="13841" max="13869" width="2.6640625" style="103" customWidth="1"/>
    <col min="13870" max="14080" width="9" style="103"/>
    <col min="14081" max="14081" width="1.109375" style="103" customWidth="1"/>
    <col min="14082" max="14094" width="2.6640625" style="103" customWidth="1"/>
    <col min="14095" max="14096" width="26.6640625" style="103" customWidth="1"/>
    <col min="14097" max="14125" width="2.6640625" style="103" customWidth="1"/>
    <col min="14126" max="14336" width="9" style="103"/>
    <col min="14337" max="14337" width="1.109375" style="103" customWidth="1"/>
    <col min="14338" max="14350" width="2.6640625" style="103" customWidth="1"/>
    <col min="14351" max="14352" width="26.6640625" style="103" customWidth="1"/>
    <col min="14353" max="14381" width="2.6640625" style="103" customWidth="1"/>
    <col min="14382" max="14592" width="9" style="103"/>
    <col min="14593" max="14593" width="1.109375" style="103" customWidth="1"/>
    <col min="14594" max="14606" width="2.6640625" style="103" customWidth="1"/>
    <col min="14607" max="14608" width="26.6640625" style="103" customWidth="1"/>
    <col min="14609" max="14637" width="2.6640625" style="103" customWidth="1"/>
    <col min="14638" max="14848" width="9" style="103"/>
    <col min="14849" max="14849" width="1.109375" style="103" customWidth="1"/>
    <col min="14850" max="14862" width="2.6640625" style="103" customWidth="1"/>
    <col min="14863" max="14864" width="26.6640625" style="103" customWidth="1"/>
    <col min="14865" max="14893" width="2.6640625" style="103" customWidth="1"/>
    <col min="14894" max="15104" width="9" style="103"/>
    <col min="15105" max="15105" width="1.109375" style="103" customWidth="1"/>
    <col min="15106" max="15118" width="2.6640625" style="103" customWidth="1"/>
    <col min="15119" max="15120" width="26.6640625" style="103" customWidth="1"/>
    <col min="15121" max="15149" width="2.6640625" style="103" customWidth="1"/>
    <col min="15150" max="15360" width="9" style="103"/>
    <col min="15361" max="15361" width="1.109375" style="103" customWidth="1"/>
    <col min="15362" max="15374" width="2.6640625" style="103" customWidth="1"/>
    <col min="15375" max="15376" width="26.6640625" style="103" customWidth="1"/>
    <col min="15377" max="15405" width="2.6640625" style="103" customWidth="1"/>
    <col min="15406" max="15616" width="9" style="103"/>
    <col min="15617" max="15617" width="1.109375" style="103" customWidth="1"/>
    <col min="15618" max="15630" width="2.6640625" style="103" customWidth="1"/>
    <col min="15631" max="15632" width="26.6640625" style="103" customWidth="1"/>
    <col min="15633" max="15661" width="2.6640625" style="103" customWidth="1"/>
    <col min="15662" max="15872" width="9" style="103"/>
    <col min="15873" max="15873" width="1.109375" style="103" customWidth="1"/>
    <col min="15874" max="15886" width="2.6640625" style="103" customWidth="1"/>
    <col min="15887" max="15888" width="26.6640625" style="103" customWidth="1"/>
    <col min="15889" max="15917" width="2.6640625" style="103" customWidth="1"/>
    <col min="15918" max="16128" width="9" style="103"/>
    <col min="16129" max="16129" width="1.109375" style="103" customWidth="1"/>
    <col min="16130" max="16142" width="2.6640625" style="103" customWidth="1"/>
    <col min="16143" max="16144" width="26.6640625" style="103" customWidth="1"/>
    <col min="16145" max="16173" width="2.6640625" style="103" customWidth="1"/>
    <col min="16174" max="16384" width="9" style="103"/>
  </cols>
  <sheetData>
    <row r="1" spans="1:16" s="447" customFormat="1" ht="33" customHeight="1" x14ac:dyDescent="0.2">
      <c r="A1" s="451"/>
      <c r="B1" s="463" t="s">
        <v>842</v>
      </c>
      <c r="C1" s="528"/>
      <c r="D1" s="528"/>
      <c r="E1" s="528"/>
      <c r="F1" s="526"/>
      <c r="G1" s="526"/>
      <c r="H1" s="526"/>
      <c r="I1" s="526"/>
      <c r="J1" s="526"/>
      <c r="K1" s="526"/>
      <c r="L1" s="526"/>
      <c r="M1" s="526"/>
      <c r="N1" s="526"/>
      <c r="O1" s="526"/>
      <c r="P1" s="527" t="s">
        <v>723</v>
      </c>
    </row>
    <row r="2" spans="1:16" s="447" customFormat="1" ht="21.75" customHeight="1" x14ac:dyDescent="0.2">
      <c r="A2" s="451"/>
      <c r="B2" s="3282"/>
      <c r="C2" s="3272"/>
      <c r="D2" s="3272"/>
      <c r="E2" s="3272"/>
      <c r="F2" s="3272"/>
      <c r="G2" s="3272"/>
      <c r="H2" s="3272"/>
      <c r="I2" s="3272"/>
      <c r="J2" s="3272"/>
      <c r="K2" s="3272"/>
      <c r="L2" s="3272"/>
      <c r="M2" s="3272"/>
      <c r="N2" s="3272"/>
      <c r="O2" s="3272"/>
      <c r="P2" s="3272"/>
    </row>
    <row r="3" spans="1:16" s="95" customFormat="1" ht="37.5" customHeight="1" x14ac:dyDescent="0.2">
      <c r="B3" s="3283" t="s">
        <v>843</v>
      </c>
      <c r="C3" s="3284"/>
      <c r="D3" s="3284"/>
      <c r="E3" s="3284"/>
      <c r="F3" s="3284"/>
      <c r="G3" s="3284"/>
      <c r="H3" s="3284"/>
      <c r="I3" s="3284"/>
      <c r="J3" s="3284"/>
      <c r="K3" s="3284"/>
      <c r="L3" s="3284"/>
      <c r="M3" s="3284"/>
      <c r="N3" s="3284"/>
      <c r="O3" s="3284"/>
      <c r="P3" s="3284"/>
    </row>
    <row r="4" spans="1:16" s="447" customFormat="1" ht="11.25" customHeight="1" thickBot="1" x14ac:dyDescent="0.25">
      <c r="A4" s="450"/>
      <c r="B4" s="3285"/>
      <c r="C4" s="3286"/>
      <c r="D4" s="3286"/>
      <c r="E4" s="3286"/>
      <c r="F4" s="3286"/>
      <c r="G4" s="3286"/>
      <c r="H4" s="3286"/>
      <c r="I4" s="3286"/>
      <c r="J4" s="3286"/>
      <c r="K4" s="3286"/>
      <c r="L4" s="3286"/>
      <c r="M4" s="3286"/>
      <c r="N4" s="3286"/>
      <c r="O4" s="3286"/>
      <c r="P4" s="3286"/>
    </row>
    <row r="5" spans="1:16" s="447" customFormat="1" ht="36" customHeight="1" x14ac:dyDescent="0.2">
      <c r="A5" s="450"/>
      <c r="B5" s="3287" t="s">
        <v>60</v>
      </c>
      <c r="C5" s="3288"/>
      <c r="D5" s="3288"/>
      <c r="E5" s="3288"/>
      <c r="F5" s="3288"/>
      <c r="G5" s="3288"/>
      <c r="H5" s="3288"/>
      <c r="I5" s="3288"/>
      <c r="J5" s="3288"/>
      <c r="K5" s="3288"/>
      <c r="L5" s="3288"/>
      <c r="M5" s="3288"/>
      <c r="N5" s="3289"/>
      <c r="O5" s="3290"/>
      <c r="P5" s="3291"/>
    </row>
    <row r="6" spans="1:16" s="447" customFormat="1" ht="36" customHeight="1" x14ac:dyDescent="0.2">
      <c r="B6" s="3292" t="s">
        <v>150</v>
      </c>
      <c r="C6" s="3293"/>
      <c r="D6" s="3293"/>
      <c r="E6" s="3293"/>
      <c r="F6" s="3293"/>
      <c r="G6" s="3293"/>
      <c r="H6" s="3293"/>
      <c r="I6" s="3293"/>
      <c r="J6" s="3293"/>
      <c r="K6" s="3293"/>
      <c r="L6" s="3293"/>
      <c r="M6" s="3293"/>
      <c r="N6" s="3294"/>
      <c r="O6" s="3295" t="s">
        <v>549</v>
      </c>
      <c r="P6" s="3296"/>
    </row>
    <row r="7" spans="1:16" ht="36" customHeight="1" x14ac:dyDescent="0.2">
      <c r="B7" s="3297" t="s">
        <v>439</v>
      </c>
      <c r="C7" s="3298"/>
      <c r="D7" s="3298"/>
      <c r="E7" s="3298"/>
      <c r="F7" s="3298"/>
      <c r="G7" s="3298"/>
      <c r="H7" s="3298"/>
      <c r="I7" s="3298"/>
      <c r="J7" s="3298"/>
      <c r="K7" s="3298"/>
      <c r="L7" s="3298"/>
      <c r="M7" s="3298"/>
      <c r="N7" s="3299"/>
      <c r="O7" s="2921" t="s">
        <v>440</v>
      </c>
      <c r="P7" s="2922"/>
    </row>
    <row r="8" spans="1:16" ht="21" customHeight="1" x14ac:dyDescent="0.2">
      <c r="B8" s="3300" t="s">
        <v>53</v>
      </c>
      <c r="C8" s="3301"/>
      <c r="D8" s="3301"/>
      <c r="E8" s="3301"/>
      <c r="F8" s="3301"/>
      <c r="G8" s="3301" t="s">
        <v>54</v>
      </c>
      <c r="H8" s="3301"/>
      <c r="I8" s="3301"/>
      <c r="J8" s="3301"/>
      <c r="K8" s="3301"/>
      <c r="L8" s="3301"/>
      <c r="M8" s="3301"/>
      <c r="N8" s="3301"/>
      <c r="O8" s="2925" t="s">
        <v>625</v>
      </c>
      <c r="P8" s="2928" t="s">
        <v>841</v>
      </c>
    </row>
    <row r="9" spans="1:16" ht="21" customHeight="1" x14ac:dyDescent="0.2">
      <c r="B9" s="3300"/>
      <c r="C9" s="3301"/>
      <c r="D9" s="3301"/>
      <c r="E9" s="3301"/>
      <c r="F9" s="3301"/>
      <c r="G9" s="3301"/>
      <c r="H9" s="3301"/>
      <c r="I9" s="3301"/>
      <c r="J9" s="3301"/>
      <c r="K9" s="3301"/>
      <c r="L9" s="3301"/>
      <c r="M9" s="3301"/>
      <c r="N9" s="3301"/>
      <c r="O9" s="2926"/>
      <c r="P9" s="2928"/>
    </row>
    <row r="10" spans="1:16" ht="21" customHeight="1" x14ac:dyDescent="0.2">
      <c r="B10" s="3300"/>
      <c r="C10" s="3301"/>
      <c r="D10" s="3301"/>
      <c r="E10" s="3301"/>
      <c r="F10" s="3301"/>
      <c r="G10" s="3301"/>
      <c r="H10" s="3301"/>
      <c r="I10" s="3301"/>
      <c r="J10" s="3301"/>
      <c r="K10" s="3301"/>
      <c r="L10" s="3301"/>
      <c r="M10" s="3301"/>
      <c r="N10" s="3301"/>
      <c r="O10" s="2927"/>
      <c r="P10" s="2928"/>
    </row>
    <row r="11" spans="1:16" ht="21" customHeight="1" x14ac:dyDescent="0.2">
      <c r="B11" s="3302"/>
      <c r="C11" s="3303"/>
      <c r="D11" s="3303"/>
      <c r="E11" s="3303"/>
      <c r="F11" s="3303"/>
      <c r="G11" s="3303"/>
      <c r="H11" s="3303"/>
      <c r="I11" s="3303"/>
      <c r="J11" s="3303"/>
      <c r="K11" s="3303"/>
      <c r="L11" s="3303"/>
      <c r="M11" s="3303"/>
      <c r="N11" s="3303"/>
      <c r="O11" s="265"/>
      <c r="P11" s="235"/>
    </row>
    <row r="12" spans="1:16" ht="21" customHeight="1" x14ac:dyDescent="0.2">
      <c r="B12" s="3302"/>
      <c r="C12" s="3303"/>
      <c r="D12" s="3303"/>
      <c r="E12" s="3303"/>
      <c r="F12" s="3303"/>
      <c r="G12" s="3303"/>
      <c r="H12" s="3303"/>
      <c r="I12" s="3303"/>
      <c r="J12" s="3303"/>
      <c r="K12" s="3303"/>
      <c r="L12" s="3303"/>
      <c r="M12" s="3303"/>
      <c r="N12" s="3303"/>
      <c r="O12" s="265"/>
      <c r="P12" s="235"/>
    </row>
    <row r="13" spans="1:16" ht="21" customHeight="1" x14ac:dyDescent="0.2">
      <c r="B13" s="3302"/>
      <c r="C13" s="3303"/>
      <c r="D13" s="3303"/>
      <c r="E13" s="3303"/>
      <c r="F13" s="3303"/>
      <c r="G13" s="3303"/>
      <c r="H13" s="3303"/>
      <c r="I13" s="3303"/>
      <c r="J13" s="3303"/>
      <c r="K13" s="3303"/>
      <c r="L13" s="3303"/>
      <c r="M13" s="3303"/>
      <c r="N13" s="3303"/>
      <c r="O13" s="265"/>
      <c r="P13" s="235"/>
    </row>
    <row r="14" spans="1:16" ht="21" customHeight="1" x14ac:dyDescent="0.2">
      <c r="B14" s="3302"/>
      <c r="C14" s="3303"/>
      <c r="D14" s="3303"/>
      <c r="E14" s="3303"/>
      <c r="F14" s="3303"/>
      <c r="G14" s="3303"/>
      <c r="H14" s="3303"/>
      <c r="I14" s="3303"/>
      <c r="J14" s="3303"/>
      <c r="K14" s="3303"/>
      <c r="L14" s="3303"/>
      <c r="M14" s="3303"/>
      <c r="N14" s="3303"/>
      <c r="O14" s="265"/>
      <c r="P14" s="234"/>
    </row>
    <row r="15" spans="1:16" ht="21" customHeight="1" x14ac:dyDescent="0.2">
      <c r="B15" s="3302"/>
      <c r="C15" s="3303"/>
      <c r="D15" s="3303"/>
      <c r="E15" s="3303"/>
      <c r="F15" s="3303"/>
      <c r="G15" s="3303"/>
      <c r="H15" s="3303"/>
      <c r="I15" s="3303"/>
      <c r="J15" s="3303"/>
      <c r="K15" s="3303"/>
      <c r="L15" s="3303"/>
      <c r="M15" s="3303"/>
      <c r="N15" s="3303"/>
      <c r="O15" s="265"/>
      <c r="P15" s="234"/>
    </row>
    <row r="16" spans="1:16" ht="21" customHeight="1" x14ac:dyDescent="0.2">
      <c r="B16" s="3302"/>
      <c r="C16" s="3303"/>
      <c r="D16" s="3303"/>
      <c r="E16" s="3303"/>
      <c r="F16" s="3303"/>
      <c r="G16" s="3303"/>
      <c r="H16" s="3303"/>
      <c r="I16" s="3303"/>
      <c r="J16" s="3303"/>
      <c r="K16" s="3303"/>
      <c r="L16" s="3303"/>
      <c r="M16" s="3303"/>
      <c r="N16" s="3303"/>
      <c r="O16" s="265"/>
      <c r="P16" s="234"/>
    </row>
    <row r="17" spans="2:16" ht="21" customHeight="1" x14ac:dyDescent="0.2">
      <c r="B17" s="3302"/>
      <c r="C17" s="3303"/>
      <c r="D17" s="3303"/>
      <c r="E17" s="3303"/>
      <c r="F17" s="3303"/>
      <c r="G17" s="3303"/>
      <c r="H17" s="3303"/>
      <c r="I17" s="3303"/>
      <c r="J17" s="3303"/>
      <c r="K17" s="3303"/>
      <c r="L17" s="3303"/>
      <c r="M17" s="3303"/>
      <c r="N17" s="3303"/>
      <c r="O17" s="265"/>
      <c r="P17" s="234"/>
    </row>
    <row r="18" spans="2:16" ht="21" customHeight="1" x14ac:dyDescent="0.2">
      <c r="B18" s="3302"/>
      <c r="C18" s="3303"/>
      <c r="D18" s="3303"/>
      <c r="E18" s="3303"/>
      <c r="F18" s="3303"/>
      <c r="G18" s="3303"/>
      <c r="H18" s="3303"/>
      <c r="I18" s="3303"/>
      <c r="J18" s="3303"/>
      <c r="K18" s="3303"/>
      <c r="L18" s="3303"/>
      <c r="M18" s="3303"/>
      <c r="N18" s="3303"/>
      <c r="O18" s="265"/>
      <c r="P18" s="234"/>
    </row>
    <row r="19" spans="2:16" ht="21" customHeight="1" x14ac:dyDescent="0.2">
      <c r="B19" s="3302"/>
      <c r="C19" s="3303"/>
      <c r="D19" s="3303"/>
      <c r="E19" s="3303"/>
      <c r="F19" s="3303"/>
      <c r="G19" s="3303"/>
      <c r="H19" s="3303"/>
      <c r="I19" s="3303"/>
      <c r="J19" s="3303"/>
      <c r="K19" s="3303"/>
      <c r="L19" s="3303"/>
      <c r="M19" s="3303"/>
      <c r="N19" s="3303"/>
      <c r="O19" s="265"/>
      <c r="P19" s="234"/>
    </row>
    <row r="20" spans="2:16" ht="21" customHeight="1" x14ac:dyDescent="0.2">
      <c r="B20" s="3306"/>
      <c r="C20" s="3307"/>
      <c r="D20" s="3307"/>
      <c r="E20" s="3307"/>
      <c r="F20" s="3307"/>
      <c r="G20" s="3307"/>
      <c r="H20" s="3307"/>
      <c r="I20" s="3307"/>
      <c r="J20" s="3307"/>
      <c r="K20" s="3307"/>
      <c r="L20" s="3307"/>
      <c r="M20" s="3307"/>
      <c r="N20" s="3307"/>
      <c r="O20" s="266"/>
      <c r="P20" s="233"/>
    </row>
    <row r="21" spans="2:16" ht="21" customHeight="1" x14ac:dyDescent="0.2">
      <c r="B21" s="3306"/>
      <c r="C21" s="3307"/>
      <c r="D21" s="3307"/>
      <c r="E21" s="3307"/>
      <c r="F21" s="3307"/>
      <c r="G21" s="3307"/>
      <c r="H21" s="3307"/>
      <c r="I21" s="3307"/>
      <c r="J21" s="3307"/>
      <c r="K21" s="3307"/>
      <c r="L21" s="3307"/>
      <c r="M21" s="3307"/>
      <c r="N21" s="3307"/>
      <c r="O21" s="266"/>
      <c r="P21" s="233"/>
    </row>
    <row r="22" spans="2:16" ht="21" customHeight="1" thickBot="1" x14ac:dyDescent="0.25">
      <c r="B22" s="3308"/>
      <c r="C22" s="3309"/>
      <c r="D22" s="3309"/>
      <c r="E22" s="3309"/>
      <c r="F22" s="3309"/>
      <c r="G22" s="3309"/>
      <c r="H22" s="3309"/>
      <c r="I22" s="3309"/>
      <c r="J22" s="3309"/>
      <c r="K22" s="3309"/>
      <c r="L22" s="3309"/>
      <c r="M22" s="3309"/>
      <c r="N22" s="3309"/>
      <c r="O22" s="267"/>
      <c r="P22" s="232"/>
    </row>
    <row r="23" spans="2:16" ht="21" customHeight="1" thickBot="1" x14ac:dyDescent="0.25">
      <c r="B23" s="227"/>
      <c r="C23" s="227"/>
      <c r="D23" s="227"/>
      <c r="E23" s="227"/>
      <c r="F23" s="227"/>
      <c r="G23" s="227"/>
      <c r="H23" s="227"/>
      <c r="I23" s="227"/>
      <c r="J23" s="227"/>
      <c r="K23" s="227"/>
      <c r="L23" s="227"/>
      <c r="M23" s="227"/>
      <c r="N23" s="227"/>
      <c r="O23" s="227"/>
      <c r="P23" s="227"/>
    </row>
    <row r="24" spans="2:16" ht="21" customHeight="1" x14ac:dyDescent="0.2">
      <c r="B24" s="3310" t="s">
        <v>623</v>
      </c>
      <c r="C24" s="3311"/>
      <c r="D24" s="3311"/>
      <c r="E24" s="3311"/>
      <c r="F24" s="3311"/>
      <c r="G24" s="3311"/>
      <c r="H24" s="3311"/>
      <c r="I24" s="3311"/>
      <c r="J24" s="3312"/>
      <c r="K24" s="3312"/>
      <c r="L24" s="3312"/>
      <c r="M24" s="3312"/>
      <c r="N24" s="3313"/>
      <c r="O24" s="3316" t="s">
        <v>840</v>
      </c>
      <c r="P24" s="231"/>
    </row>
    <row r="25" spans="2:16" ht="42.75" customHeight="1" x14ac:dyDescent="0.2">
      <c r="B25" s="3314"/>
      <c r="C25" s="3315"/>
      <c r="D25" s="3315"/>
      <c r="E25" s="3315"/>
      <c r="F25" s="3315"/>
      <c r="G25" s="3315"/>
      <c r="H25" s="3315"/>
      <c r="I25" s="3315"/>
      <c r="J25" s="2645"/>
      <c r="K25" s="2645"/>
      <c r="L25" s="2645"/>
      <c r="M25" s="2645"/>
      <c r="N25" s="2646"/>
      <c r="O25" s="2644"/>
      <c r="P25" s="230" t="s">
        <v>621</v>
      </c>
    </row>
    <row r="26" spans="2:16" ht="24.75" customHeight="1" thickBot="1" x14ac:dyDescent="0.25">
      <c r="B26" s="3317"/>
      <c r="C26" s="3318"/>
      <c r="D26" s="3318"/>
      <c r="E26" s="3318"/>
      <c r="F26" s="3318"/>
      <c r="G26" s="3318"/>
      <c r="H26" s="3318"/>
      <c r="I26" s="3318"/>
      <c r="J26" s="3319"/>
      <c r="K26" s="3319"/>
      <c r="L26" s="3319"/>
      <c r="M26" s="3319"/>
      <c r="N26" s="3320"/>
      <c r="O26" s="229"/>
      <c r="P26" s="228"/>
    </row>
    <row r="27" spans="2:16" ht="13.5" customHeight="1" x14ac:dyDescent="0.2">
      <c r="B27" s="227"/>
      <c r="C27" s="227"/>
      <c r="D27" s="227"/>
      <c r="E27" s="227"/>
      <c r="F27" s="227"/>
      <c r="G27" s="227"/>
      <c r="H27" s="227"/>
      <c r="I27" s="227"/>
      <c r="J27" s="525"/>
      <c r="K27" s="525"/>
      <c r="L27" s="525"/>
      <c r="M27" s="525"/>
      <c r="N27" s="525"/>
      <c r="O27" s="226"/>
      <c r="P27" s="226"/>
    </row>
    <row r="28" spans="2:16" ht="27" customHeight="1" x14ac:dyDescent="0.2">
      <c r="B28" s="3321" t="s">
        <v>620</v>
      </c>
      <c r="C28" s="3305"/>
      <c r="D28" s="3305"/>
      <c r="E28" s="3305"/>
      <c r="F28" s="3305"/>
      <c r="G28" s="3305"/>
      <c r="H28" s="3305"/>
      <c r="I28" s="3305"/>
      <c r="J28" s="3305"/>
      <c r="K28" s="3305"/>
      <c r="L28" s="3305"/>
      <c r="M28" s="3305"/>
      <c r="N28" s="3305"/>
      <c r="O28" s="3305"/>
      <c r="P28" s="3305"/>
    </row>
    <row r="29" spans="2:16" ht="20.25" customHeight="1" x14ac:dyDescent="0.2">
      <c r="B29" s="3321" t="s">
        <v>619</v>
      </c>
      <c r="C29" s="3305"/>
      <c r="D29" s="3305"/>
      <c r="E29" s="3305"/>
      <c r="F29" s="3305"/>
      <c r="G29" s="3305"/>
      <c r="H29" s="3305"/>
      <c r="I29" s="3305"/>
      <c r="J29" s="3305"/>
      <c r="K29" s="3305"/>
      <c r="L29" s="3305"/>
      <c r="M29" s="3305"/>
      <c r="N29" s="3305"/>
      <c r="O29" s="3305"/>
      <c r="P29" s="3305"/>
    </row>
    <row r="30" spans="2:16" ht="13.5" customHeight="1" x14ac:dyDescent="0.2">
      <c r="B30" s="268"/>
      <c r="C30" s="524"/>
      <c r="D30" s="524"/>
      <c r="E30" s="524"/>
      <c r="F30" s="524"/>
      <c r="G30" s="524"/>
      <c r="H30" s="524"/>
      <c r="I30" s="524"/>
      <c r="J30" s="524"/>
      <c r="K30" s="524"/>
      <c r="L30" s="524"/>
      <c r="M30" s="524"/>
      <c r="N30" s="524"/>
      <c r="O30" s="524"/>
      <c r="P30" s="524"/>
    </row>
    <row r="31" spans="2:16" ht="21" customHeight="1" x14ac:dyDescent="0.2">
      <c r="B31" s="3304" t="s">
        <v>618</v>
      </c>
      <c r="C31" s="3305"/>
      <c r="D31" s="3305"/>
      <c r="E31" s="3305"/>
      <c r="F31" s="3305"/>
      <c r="G31" s="3305"/>
      <c r="H31" s="3305"/>
      <c r="I31" s="3305"/>
      <c r="J31" s="3305"/>
      <c r="K31" s="3305"/>
      <c r="L31" s="3305"/>
      <c r="M31" s="3305"/>
      <c r="N31" s="3305"/>
      <c r="O31" s="3305"/>
      <c r="P31" s="3305"/>
    </row>
    <row r="32" spans="2:16" ht="21" customHeight="1" x14ac:dyDescent="0.2">
      <c r="B32" s="3305"/>
      <c r="C32" s="3305"/>
      <c r="D32" s="3305"/>
      <c r="E32" s="3305"/>
      <c r="F32" s="3305"/>
      <c r="G32" s="3305"/>
      <c r="H32" s="3305"/>
      <c r="I32" s="3305"/>
      <c r="J32" s="3305"/>
      <c r="K32" s="3305"/>
      <c r="L32" s="3305"/>
      <c r="M32" s="3305"/>
      <c r="N32" s="3305"/>
      <c r="O32" s="3305"/>
      <c r="P32" s="3305"/>
    </row>
    <row r="33" spans="2:16" ht="21" customHeight="1" x14ac:dyDescent="0.2">
      <c r="B33" s="3305"/>
      <c r="C33" s="3305"/>
      <c r="D33" s="3305"/>
      <c r="E33" s="3305"/>
      <c r="F33" s="3305"/>
      <c r="G33" s="3305"/>
      <c r="H33" s="3305"/>
      <c r="I33" s="3305"/>
      <c r="J33" s="3305"/>
      <c r="K33" s="3305"/>
      <c r="L33" s="3305"/>
      <c r="M33" s="3305"/>
      <c r="N33" s="3305"/>
      <c r="O33" s="3305"/>
      <c r="P33" s="3305"/>
    </row>
    <row r="34" spans="2:16" ht="21" customHeight="1" x14ac:dyDescent="0.2">
      <c r="B34" s="3305"/>
      <c r="C34" s="3305"/>
      <c r="D34" s="3305"/>
      <c r="E34" s="3305"/>
      <c r="F34" s="3305"/>
      <c r="G34" s="3305"/>
      <c r="H34" s="3305"/>
      <c r="I34" s="3305"/>
      <c r="J34" s="3305"/>
      <c r="K34" s="3305"/>
      <c r="L34" s="3305"/>
      <c r="M34" s="3305"/>
      <c r="N34" s="3305"/>
      <c r="O34" s="3305"/>
      <c r="P34" s="3305"/>
    </row>
    <row r="35" spans="2:16" ht="21" customHeight="1" x14ac:dyDescent="0.2">
      <c r="B35" s="3305"/>
      <c r="C35" s="3305"/>
      <c r="D35" s="3305"/>
      <c r="E35" s="3305"/>
      <c r="F35" s="3305"/>
      <c r="G35" s="3305"/>
      <c r="H35" s="3305"/>
      <c r="I35" s="3305"/>
      <c r="J35" s="3305"/>
      <c r="K35" s="3305"/>
      <c r="L35" s="3305"/>
      <c r="M35" s="3305"/>
      <c r="N35" s="3305"/>
      <c r="O35" s="3305"/>
      <c r="P35" s="3305"/>
    </row>
    <row r="36" spans="2:16" ht="21" customHeight="1" x14ac:dyDescent="0.2">
      <c r="B36" s="261"/>
      <c r="C36" s="261"/>
      <c r="D36" s="261"/>
      <c r="E36" s="261"/>
      <c r="F36" s="261"/>
      <c r="G36" s="261"/>
      <c r="H36" s="261"/>
      <c r="I36" s="261"/>
      <c r="J36" s="261"/>
      <c r="K36" s="261"/>
      <c r="L36" s="261"/>
      <c r="M36" s="261"/>
      <c r="N36" s="261"/>
      <c r="O36" s="261"/>
      <c r="P36" s="261"/>
    </row>
    <row r="37" spans="2:16" ht="21" customHeight="1" x14ac:dyDescent="0.2">
      <c r="B37" s="261"/>
      <c r="C37" s="261"/>
      <c r="D37" s="261"/>
      <c r="E37" s="261"/>
      <c r="F37" s="261"/>
      <c r="G37" s="261"/>
      <c r="H37" s="261"/>
      <c r="I37" s="261"/>
      <c r="J37" s="261"/>
      <c r="K37" s="261"/>
      <c r="L37" s="261"/>
      <c r="M37" s="261"/>
      <c r="N37" s="261"/>
      <c r="O37" s="261"/>
      <c r="P37" s="261"/>
    </row>
    <row r="38" spans="2:16" ht="21" customHeight="1" x14ac:dyDescent="0.2">
      <c r="B38" s="261"/>
      <c r="C38" s="261"/>
      <c r="D38" s="261"/>
      <c r="E38" s="261"/>
      <c r="F38" s="261"/>
      <c r="G38" s="261"/>
      <c r="H38" s="261"/>
      <c r="I38" s="261"/>
      <c r="J38" s="261"/>
      <c r="K38" s="261"/>
      <c r="L38" s="261"/>
      <c r="M38" s="261"/>
      <c r="N38" s="261"/>
      <c r="O38" s="261"/>
      <c r="P38" s="261"/>
    </row>
    <row r="39" spans="2:16" ht="21" customHeight="1" x14ac:dyDescent="0.2">
      <c r="B39" s="261"/>
      <c r="C39" s="261"/>
      <c r="D39" s="261"/>
      <c r="E39" s="261"/>
      <c r="F39" s="261"/>
      <c r="G39" s="261"/>
      <c r="H39" s="261"/>
      <c r="I39" s="261"/>
      <c r="J39" s="261"/>
      <c r="K39" s="261"/>
      <c r="L39" s="261"/>
      <c r="M39" s="261"/>
      <c r="N39" s="261"/>
      <c r="O39" s="261"/>
      <c r="P39" s="261"/>
    </row>
    <row r="40" spans="2:16" ht="21" customHeight="1" x14ac:dyDescent="0.2">
      <c r="B40" s="261"/>
      <c r="C40" s="261"/>
      <c r="D40" s="261"/>
      <c r="E40" s="261"/>
      <c r="F40" s="261"/>
      <c r="G40" s="261"/>
      <c r="H40" s="261"/>
      <c r="I40" s="261"/>
      <c r="J40" s="261"/>
      <c r="K40" s="261"/>
      <c r="L40" s="261"/>
      <c r="M40" s="261"/>
      <c r="N40" s="261"/>
      <c r="O40" s="261"/>
      <c r="P40" s="261"/>
    </row>
    <row r="41" spans="2:16" ht="16.5" customHeight="1" x14ac:dyDescent="0.2">
      <c r="B41" s="261"/>
      <c r="C41" s="261"/>
      <c r="D41" s="261"/>
      <c r="E41" s="261"/>
      <c r="F41" s="261"/>
      <c r="G41" s="261"/>
      <c r="H41" s="261"/>
      <c r="I41" s="261"/>
      <c r="J41" s="261"/>
      <c r="K41" s="261"/>
      <c r="L41" s="261"/>
      <c r="M41" s="261"/>
      <c r="N41" s="261"/>
      <c r="O41" s="261"/>
      <c r="P41" s="261"/>
    </row>
    <row r="42" spans="2:16" ht="21" customHeight="1" x14ac:dyDescent="0.2"/>
    <row r="43" spans="2:16" ht="21" customHeight="1" x14ac:dyDescent="0.2"/>
    <row r="44" spans="2:16" ht="21" customHeight="1" x14ac:dyDescent="0.2"/>
    <row r="45" spans="2:16" ht="21" customHeight="1" x14ac:dyDescent="0.2"/>
    <row r="46" spans="2:16" ht="21" customHeight="1" x14ac:dyDescent="0.2"/>
    <row r="47" spans="2:16" ht="21" customHeight="1" x14ac:dyDescent="0.2"/>
    <row r="48" spans="2:16" ht="21" customHeight="1" x14ac:dyDescent="0.2"/>
    <row r="49" ht="21" customHeight="1" x14ac:dyDescent="0.2"/>
    <row r="50" ht="21" customHeight="1" x14ac:dyDescent="0.2"/>
    <row r="51" ht="21" customHeight="1" x14ac:dyDescent="0.2"/>
    <row r="52" ht="21" customHeight="1" x14ac:dyDescent="0.2"/>
    <row r="53" ht="21" customHeight="1" x14ac:dyDescent="0.2"/>
    <row r="54" ht="21" customHeight="1" x14ac:dyDescent="0.2"/>
    <row r="55" ht="21" customHeight="1" x14ac:dyDescent="0.2"/>
    <row r="56" ht="21" customHeight="1" x14ac:dyDescent="0.2"/>
    <row r="57" ht="21" customHeight="1" x14ac:dyDescent="0.2"/>
    <row r="58" ht="21" customHeight="1" x14ac:dyDescent="0.2"/>
    <row r="59" ht="21" customHeight="1" x14ac:dyDescent="0.2"/>
    <row r="60" ht="21" customHeight="1" x14ac:dyDescent="0.2"/>
    <row r="61" ht="21" customHeight="1" x14ac:dyDescent="0.2"/>
    <row r="62" ht="21" customHeight="1" x14ac:dyDescent="0.2"/>
    <row r="63" ht="21" customHeight="1" x14ac:dyDescent="0.2"/>
    <row r="64" ht="21" customHeight="1" x14ac:dyDescent="0.2"/>
    <row r="65" ht="21" customHeight="1" x14ac:dyDescent="0.2"/>
    <row r="66" ht="21" customHeight="1" x14ac:dyDescent="0.2"/>
    <row r="67" ht="21" customHeight="1" x14ac:dyDescent="0.2"/>
    <row r="68" ht="21" customHeight="1" x14ac:dyDescent="0.2"/>
    <row r="69" ht="21" customHeight="1" x14ac:dyDescent="0.2"/>
    <row r="70" ht="21" customHeight="1" x14ac:dyDescent="0.2"/>
    <row r="71" ht="21" customHeight="1" x14ac:dyDescent="0.2"/>
    <row r="72" ht="21" customHeight="1" x14ac:dyDescent="0.2"/>
    <row r="73" ht="21" customHeight="1" x14ac:dyDescent="0.2"/>
    <row r="74" ht="21" customHeight="1" x14ac:dyDescent="0.2"/>
    <row r="75" ht="21" customHeight="1" x14ac:dyDescent="0.2"/>
    <row r="76" ht="21" customHeight="1" x14ac:dyDescent="0.2"/>
    <row r="77" ht="21" customHeight="1" x14ac:dyDescent="0.2"/>
    <row r="78" ht="21" customHeight="1" x14ac:dyDescent="0.2"/>
    <row r="79" ht="21" customHeight="1" x14ac:dyDescent="0.2"/>
    <row r="80" ht="21" customHeight="1" x14ac:dyDescent="0.2"/>
    <row r="81" ht="21" customHeight="1" x14ac:dyDescent="0.2"/>
    <row r="82" ht="21" customHeight="1" x14ac:dyDescent="0.2"/>
    <row r="83" ht="21" customHeight="1" x14ac:dyDescent="0.2"/>
    <row r="84" ht="21" customHeight="1" x14ac:dyDescent="0.2"/>
    <row r="85" ht="21" customHeight="1" x14ac:dyDescent="0.2"/>
    <row r="86" ht="21" customHeight="1" x14ac:dyDescent="0.2"/>
    <row r="87" ht="21" customHeight="1" x14ac:dyDescent="0.2"/>
    <row r="88" ht="21" customHeight="1" x14ac:dyDescent="0.2"/>
    <row r="89" ht="21" customHeight="1" x14ac:dyDescent="0.2"/>
    <row r="90" ht="21" customHeight="1" x14ac:dyDescent="0.2"/>
    <row r="91" ht="21" customHeight="1" x14ac:dyDescent="0.2"/>
    <row r="92" ht="21" customHeight="1" x14ac:dyDescent="0.2"/>
    <row r="93" ht="21" customHeight="1" x14ac:dyDescent="0.2"/>
    <row r="94" ht="21" customHeight="1" x14ac:dyDescent="0.2"/>
    <row r="95" ht="21" customHeight="1" x14ac:dyDescent="0.2"/>
    <row r="96" ht="21" customHeight="1" x14ac:dyDescent="0.2"/>
    <row r="97" ht="21" customHeight="1" x14ac:dyDescent="0.2"/>
    <row r="98" ht="21" customHeight="1" x14ac:dyDescent="0.2"/>
    <row r="99" ht="21" customHeight="1" x14ac:dyDescent="0.2"/>
    <row r="100" ht="21" customHeight="1" x14ac:dyDescent="0.2"/>
    <row r="101" ht="21" customHeight="1" x14ac:dyDescent="0.2"/>
    <row r="102" ht="21" customHeight="1" x14ac:dyDescent="0.2"/>
    <row r="103" ht="21" customHeight="1" x14ac:dyDescent="0.2"/>
    <row r="104" ht="21" customHeight="1" x14ac:dyDescent="0.2"/>
    <row r="105" ht="21" customHeight="1" x14ac:dyDescent="0.2"/>
    <row r="106" ht="21" customHeight="1" x14ac:dyDescent="0.2"/>
    <row r="107" ht="21" customHeight="1" x14ac:dyDescent="0.2"/>
    <row r="108" ht="21" customHeight="1" x14ac:dyDescent="0.2"/>
    <row r="109" ht="21" customHeight="1" x14ac:dyDescent="0.2"/>
    <row r="110" ht="21" customHeight="1" x14ac:dyDescent="0.2"/>
    <row r="111" ht="21" customHeight="1" x14ac:dyDescent="0.2"/>
    <row r="112" ht="21" customHeight="1" x14ac:dyDescent="0.2"/>
    <row r="113" ht="21" customHeight="1" x14ac:dyDescent="0.2"/>
    <row r="114" ht="21" customHeight="1" x14ac:dyDescent="0.2"/>
    <row r="115" ht="21" customHeight="1" x14ac:dyDescent="0.2"/>
    <row r="116" ht="21" customHeight="1" x14ac:dyDescent="0.2"/>
    <row r="117" ht="21" customHeight="1" x14ac:dyDescent="0.2"/>
    <row r="118" ht="21" customHeight="1" x14ac:dyDescent="0.2"/>
    <row r="119" ht="21" customHeight="1" x14ac:dyDescent="0.2"/>
    <row r="120" ht="21" customHeight="1" x14ac:dyDescent="0.2"/>
    <row r="121" ht="21" customHeight="1" x14ac:dyDescent="0.2"/>
    <row r="122" ht="21" customHeight="1" x14ac:dyDescent="0.2"/>
    <row r="123" ht="21" customHeight="1" x14ac:dyDescent="0.2"/>
    <row r="124" ht="21" customHeight="1" x14ac:dyDescent="0.2"/>
    <row r="125" ht="21" customHeight="1" x14ac:dyDescent="0.2"/>
    <row r="126" ht="21" customHeight="1" x14ac:dyDescent="0.2"/>
    <row r="127" ht="21" customHeight="1" x14ac:dyDescent="0.2"/>
    <row r="128" ht="21" customHeight="1" x14ac:dyDescent="0.2"/>
    <row r="129" ht="21" customHeight="1" x14ac:dyDescent="0.2"/>
    <row r="130" ht="21" customHeight="1" x14ac:dyDescent="0.2"/>
    <row r="131" ht="21" customHeight="1" x14ac:dyDescent="0.2"/>
    <row r="132" ht="21" customHeight="1" x14ac:dyDescent="0.2"/>
    <row r="133" ht="21" customHeight="1" x14ac:dyDescent="0.2"/>
    <row r="134" ht="21" customHeight="1" x14ac:dyDescent="0.2"/>
    <row r="135" ht="21" customHeight="1" x14ac:dyDescent="0.2"/>
    <row r="136" ht="21" customHeight="1" x14ac:dyDescent="0.2"/>
    <row r="137" ht="21" customHeight="1" x14ac:dyDescent="0.2"/>
    <row r="138" ht="21" customHeight="1" x14ac:dyDescent="0.2"/>
    <row r="139" ht="21" customHeight="1" x14ac:dyDescent="0.2"/>
    <row r="140" ht="21" customHeight="1" x14ac:dyDescent="0.2"/>
    <row r="141" ht="21" customHeight="1" x14ac:dyDescent="0.2"/>
    <row r="142" ht="21" customHeight="1" x14ac:dyDescent="0.2"/>
    <row r="143" ht="21" customHeight="1" x14ac:dyDescent="0.2"/>
    <row r="144" ht="21" customHeight="1" x14ac:dyDescent="0.2"/>
    <row r="145" ht="21" customHeight="1" x14ac:dyDescent="0.2"/>
    <row r="146" ht="21" customHeight="1" x14ac:dyDescent="0.2"/>
    <row r="147" ht="21" customHeight="1" x14ac:dyDescent="0.2"/>
    <row r="148" ht="21" customHeight="1" x14ac:dyDescent="0.2"/>
    <row r="149" ht="21" customHeight="1" x14ac:dyDescent="0.2"/>
    <row r="150" ht="21" customHeight="1" x14ac:dyDescent="0.2"/>
    <row r="151" ht="21" customHeight="1" x14ac:dyDescent="0.2"/>
    <row r="152" ht="21" customHeight="1" x14ac:dyDescent="0.2"/>
    <row r="153" ht="21" customHeight="1" x14ac:dyDescent="0.2"/>
    <row r="154" ht="21" customHeight="1" x14ac:dyDescent="0.2"/>
    <row r="155" ht="21" customHeight="1" x14ac:dyDescent="0.2"/>
    <row r="156" ht="21" customHeight="1" x14ac:dyDescent="0.2"/>
    <row r="157" ht="21" customHeight="1" x14ac:dyDescent="0.2"/>
    <row r="158" ht="21" customHeight="1" x14ac:dyDescent="0.2"/>
    <row r="159" ht="21" customHeight="1" x14ac:dyDescent="0.2"/>
    <row r="160" ht="21" customHeight="1" x14ac:dyDescent="0.2"/>
    <row r="161" ht="21" customHeight="1" x14ac:dyDescent="0.2"/>
    <row r="162" ht="21" customHeight="1" x14ac:dyDescent="0.2"/>
    <row r="163" ht="21" customHeight="1" x14ac:dyDescent="0.2"/>
    <row r="164" ht="21" customHeight="1" x14ac:dyDescent="0.2"/>
    <row r="165" ht="21" customHeight="1" x14ac:dyDescent="0.2"/>
    <row r="166" ht="21" customHeight="1" x14ac:dyDescent="0.2"/>
    <row r="167" ht="21" customHeight="1" x14ac:dyDescent="0.2"/>
    <row r="168" ht="21" customHeight="1" x14ac:dyDescent="0.2"/>
    <row r="169" ht="21" customHeight="1" x14ac:dyDescent="0.2"/>
    <row r="170" ht="21" customHeight="1" x14ac:dyDescent="0.2"/>
    <row r="171" ht="21" customHeight="1" x14ac:dyDescent="0.2"/>
    <row r="172" ht="21" customHeight="1" x14ac:dyDescent="0.2"/>
    <row r="173" ht="21" customHeight="1" x14ac:dyDescent="0.2"/>
    <row r="174" ht="21" customHeight="1" x14ac:dyDescent="0.2"/>
    <row r="175" ht="21" customHeight="1" x14ac:dyDescent="0.2"/>
    <row r="176" ht="21" customHeight="1" x14ac:dyDescent="0.2"/>
    <row r="177" ht="21" customHeight="1" x14ac:dyDescent="0.2"/>
    <row r="178" ht="21" customHeight="1" x14ac:dyDescent="0.2"/>
    <row r="179" ht="21" customHeight="1" x14ac:dyDescent="0.2"/>
    <row r="180" ht="21" customHeight="1" x14ac:dyDescent="0.2"/>
    <row r="181" ht="21" customHeight="1" x14ac:dyDescent="0.2"/>
    <row r="182" ht="21" customHeight="1" x14ac:dyDescent="0.2"/>
    <row r="183" ht="21" customHeight="1" x14ac:dyDescent="0.2"/>
    <row r="184" ht="21" customHeight="1" x14ac:dyDescent="0.2"/>
    <row r="185" ht="21" customHeight="1" x14ac:dyDescent="0.2"/>
    <row r="186" ht="21" customHeight="1" x14ac:dyDescent="0.2"/>
    <row r="187" ht="21" customHeight="1" x14ac:dyDescent="0.2"/>
    <row r="188" ht="21" customHeight="1" x14ac:dyDescent="0.2"/>
    <row r="189" ht="21" customHeight="1" x14ac:dyDescent="0.2"/>
    <row r="190" ht="21" customHeight="1" x14ac:dyDescent="0.2"/>
    <row r="191" ht="21" customHeight="1" x14ac:dyDescent="0.2"/>
    <row r="192" ht="21" customHeight="1" x14ac:dyDescent="0.2"/>
    <row r="193" ht="21" customHeight="1" x14ac:dyDescent="0.2"/>
    <row r="194" ht="21" customHeight="1" x14ac:dyDescent="0.2"/>
    <row r="195" ht="21" customHeight="1" x14ac:dyDescent="0.2"/>
    <row r="196" ht="21" customHeight="1" x14ac:dyDescent="0.2"/>
    <row r="197" ht="21" customHeight="1" x14ac:dyDescent="0.2"/>
    <row r="198" ht="21" customHeight="1" x14ac:dyDescent="0.2"/>
    <row r="199" ht="21" customHeight="1" x14ac:dyDescent="0.2"/>
    <row r="200" ht="21" customHeight="1" x14ac:dyDescent="0.2"/>
    <row r="201" ht="21" customHeight="1" x14ac:dyDescent="0.2"/>
    <row r="202" ht="21" customHeight="1" x14ac:dyDescent="0.2"/>
    <row r="203" ht="21" customHeight="1" x14ac:dyDescent="0.2"/>
    <row r="204" ht="21" customHeight="1" x14ac:dyDescent="0.2"/>
    <row r="205" ht="21" customHeight="1" x14ac:dyDescent="0.2"/>
    <row r="206" ht="21" customHeight="1" x14ac:dyDescent="0.2"/>
    <row r="207" ht="21" customHeight="1" x14ac:dyDescent="0.2"/>
    <row r="208" ht="21" customHeight="1" x14ac:dyDescent="0.2"/>
    <row r="209" ht="21" customHeight="1" x14ac:dyDescent="0.2"/>
    <row r="210" ht="21" customHeight="1" x14ac:dyDescent="0.2"/>
    <row r="211" ht="21" customHeight="1" x14ac:dyDescent="0.2"/>
    <row r="212" ht="21" customHeight="1" x14ac:dyDescent="0.2"/>
    <row r="213" ht="21" customHeight="1" x14ac:dyDescent="0.2"/>
    <row r="214" ht="21" customHeight="1" x14ac:dyDescent="0.2"/>
    <row r="215" ht="21" customHeight="1" x14ac:dyDescent="0.2"/>
    <row r="216" ht="21" customHeight="1" x14ac:dyDescent="0.2"/>
    <row r="217" ht="21" customHeight="1" x14ac:dyDescent="0.2"/>
    <row r="218" ht="21" customHeight="1" x14ac:dyDescent="0.2"/>
    <row r="219" ht="21" customHeight="1" x14ac:dyDescent="0.2"/>
    <row r="220" ht="21" customHeight="1" x14ac:dyDescent="0.2"/>
    <row r="221" ht="21" customHeight="1" x14ac:dyDescent="0.2"/>
    <row r="222" ht="21" customHeight="1" x14ac:dyDescent="0.2"/>
    <row r="223" ht="21" customHeight="1" x14ac:dyDescent="0.2"/>
    <row r="224" ht="21" customHeight="1" x14ac:dyDescent="0.2"/>
    <row r="225" ht="21" customHeight="1" x14ac:dyDescent="0.2"/>
    <row r="226" ht="21" customHeight="1" x14ac:dyDescent="0.2"/>
    <row r="227" ht="21" customHeight="1" x14ac:dyDescent="0.2"/>
    <row r="228" ht="21" customHeight="1" x14ac:dyDescent="0.2"/>
    <row r="229" ht="21" customHeight="1" x14ac:dyDescent="0.2"/>
    <row r="230" ht="21" customHeight="1" x14ac:dyDescent="0.2"/>
    <row r="231" ht="21" customHeight="1" x14ac:dyDescent="0.2"/>
    <row r="232" ht="21" customHeight="1" x14ac:dyDescent="0.2"/>
    <row r="233" ht="21" customHeight="1" x14ac:dyDescent="0.2"/>
    <row r="234" ht="21" customHeight="1" x14ac:dyDescent="0.2"/>
    <row r="235" ht="21" customHeight="1" x14ac:dyDescent="0.2"/>
    <row r="236" ht="21" customHeight="1" x14ac:dyDescent="0.2"/>
    <row r="237" ht="21" customHeight="1" x14ac:dyDescent="0.2"/>
    <row r="238" ht="21" customHeight="1" x14ac:dyDescent="0.2"/>
    <row r="239" ht="21" customHeight="1" x14ac:dyDescent="0.2"/>
    <row r="240" ht="21" customHeight="1" x14ac:dyDescent="0.2"/>
    <row r="241" ht="21" customHeight="1" x14ac:dyDescent="0.2"/>
    <row r="242" ht="21" customHeight="1" x14ac:dyDescent="0.2"/>
    <row r="243" ht="21" customHeight="1" x14ac:dyDescent="0.2"/>
    <row r="244" ht="21" customHeight="1" x14ac:dyDescent="0.2"/>
    <row r="245" ht="21" customHeight="1" x14ac:dyDescent="0.2"/>
    <row r="246" ht="21" customHeight="1" x14ac:dyDescent="0.2"/>
    <row r="247" ht="21" customHeight="1" x14ac:dyDescent="0.2"/>
    <row r="248" ht="21" customHeight="1" x14ac:dyDescent="0.2"/>
    <row r="249" ht="21" customHeight="1" x14ac:dyDescent="0.2"/>
    <row r="250" ht="21" customHeight="1" x14ac:dyDescent="0.2"/>
    <row r="251" ht="21" customHeight="1" x14ac:dyDescent="0.2"/>
    <row r="252" ht="21" customHeight="1" x14ac:dyDescent="0.2"/>
    <row r="253" ht="21" customHeight="1" x14ac:dyDescent="0.2"/>
    <row r="254" ht="21" customHeight="1" x14ac:dyDescent="0.2"/>
    <row r="255" ht="21" customHeight="1" x14ac:dyDescent="0.2"/>
    <row r="256" ht="21" customHeight="1" x14ac:dyDescent="0.2"/>
    <row r="257" ht="21" customHeight="1" x14ac:dyDescent="0.2"/>
    <row r="258" ht="21" customHeight="1" x14ac:dyDescent="0.2"/>
    <row r="259" ht="21" customHeight="1" x14ac:dyDescent="0.2"/>
    <row r="260" ht="21" customHeight="1" x14ac:dyDescent="0.2"/>
    <row r="261" ht="21" customHeight="1" x14ac:dyDescent="0.2"/>
    <row r="262" ht="21" customHeight="1" x14ac:dyDescent="0.2"/>
    <row r="263" ht="21" customHeight="1" x14ac:dyDescent="0.2"/>
    <row r="264" ht="21" customHeight="1" x14ac:dyDescent="0.2"/>
    <row r="265" ht="21" customHeight="1" x14ac:dyDescent="0.2"/>
    <row r="266" ht="21" customHeight="1" x14ac:dyDescent="0.2"/>
    <row r="267" ht="21" customHeight="1" x14ac:dyDescent="0.2"/>
    <row r="268" ht="21" customHeight="1" x14ac:dyDescent="0.2"/>
    <row r="269" ht="21" customHeight="1" x14ac:dyDescent="0.2"/>
    <row r="270" ht="21" customHeight="1" x14ac:dyDescent="0.2"/>
    <row r="271" ht="21" customHeight="1" x14ac:dyDescent="0.2"/>
    <row r="272" ht="21" customHeight="1" x14ac:dyDescent="0.2"/>
    <row r="273" ht="21" customHeight="1" x14ac:dyDescent="0.2"/>
    <row r="274" ht="21" customHeight="1" x14ac:dyDescent="0.2"/>
    <row r="275" ht="21" customHeight="1" x14ac:dyDescent="0.2"/>
    <row r="276" ht="21" customHeight="1" x14ac:dyDescent="0.2"/>
    <row r="277" ht="21" customHeight="1" x14ac:dyDescent="0.2"/>
    <row r="278" ht="21" customHeight="1" x14ac:dyDescent="0.2"/>
    <row r="279" ht="21" customHeight="1" x14ac:dyDescent="0.2"/>
    <row r="280" ht="21" customHeight="1" x14ac:dyDescent="0.2"/>
    <row r="281" ht="21" customHeight="1" x14ac:dyDescent="0.2"/>
    <row r="282" ht="21" customHeight="1" x14ac:dyDescent="0.2"/>
    <row r="283" ht="21" customHeight="1" x14ac:dyDescent="0.2"/>
    <row r="284" ht="21" customHeight="1" x14ac:dyDescent="0.2"/>
    <row r="285" ht="21" customHeight="1" x14ac:dyDescent="0.2"/>
    <row r="286" ht="21" customHeight="1" x14ac:dyDescent="0.2"/>
    <row r="287" ht="21" customHeight="1" x14ac:dyDescent="0.2"/>
    <row r="288" ht="21" customHeight="1" x14ac:dyDescent="0.2"/>
    <row r="289" ht="21" customHeight="1" x14ac:dyDescent="0.2"/>
    <row r="290" ht="21" customHeight="1" x14ac:dyDescent="0.2"/>
    <row r="291" ht="21" customHeight="1" x14ac:dyDescent="0.2"/>
    <row r="292" ht="21" customHeight="1" x14ac:dyDescent="0.2"/>
    <row r="293" ht="21" customHeight="1" x14ac:dyDescent="0.2"/>
    <row r="294" ht="21" customHeight="1" x14ac:dyDescent="0.2"/>
    <row r="295" ht="21" customHeight="1" x14ac:dyDescent="0.2"/>
    <row r="296" ht="21" customHeight="1" x14ac:dyDescent="0.2"/>
    <row r="297" ht="21" customHeight="1" x14ac:dyDescent="0.2"/>
    <row r="298" ht="21" customHeight="1" x14ac:dyDescent="0.2"/>
    <row r="299" ht="21" customHeight="1" x14ac:dyDescent="0.2"/>
    <row r="300" ht="21" customHeight="1" x14ac:dyDescent="0.2"/>
    <row r="301" ht="21" customHeight="1" x14ac:dyDescent="0.2"/>
    <row r="302" ht="21" customHeight="1" x14ac:dyDescent="0.2"/>
    <row r="303" ht="21" customHeight="1" x14ac:dyDescent="0.2"/>
    <row r="304" ht="21" customHeight="1" x14ac:dyDescent="0.2"/>
    <row r="305" ht="21" customHeight="1" x14ac:dyDescent="0.2"/>
    <row r="306" ht="21" customHeight="1" x14ac:dyDescent="0.2"/>
    <row r="307" ht="21" customHeight="1" x14ac:dyDescent="0.2"/>
    <row r="308" ht="21" customHeight="1" x14ac:dyDescent="0.2"/>
    <row r="309" ht="21" customHeight="1" x14ac:dyDescent="0.2"/>
    <row r="310" ht="21" customHeight="1" x14ac:dyDescent="0.2"/>
    <row r="311" ht="21" customHeight="1" x14ac:dyDescent="0.2"/>
    <row r="312" ht="21" customHeight="1" x14ac:dyDescent="0.2"/>
    <row r="313" ht="21" customHeight="1" x14ac:dyDescent="0.2"/>
    <row r="314" ht="21" customHeight="1" x14ac:dyDescent="0.2"/>
    <row r="315" ht="21" customHeight="1" x14ac:dyDescent="0.2"/>
    <row r="316" ht="21" customHeight="1" x14ac:dyDescent="0.2"/>
    <row r="317" ht="21" customHeight="1" x14ac:dyDescent="0.2"/>
    <row r="318" ht="21" customHeight="1" x14ac:dyDescent="0.2"/>
    <row r="319" ht="21" customHeight="1" x14ac:dyDescent="0.2"/>
    <row r="320" ht="21" customHeight="1" x14ac:dyDescent="0.2"/>
    <row r="321" ht="21" customHeight="1" x14ac:dyDescent="0.2"/>
    <row r="322" ht="21" customHeight="1" x14ac:dyDescent="0.2"/>
    <row r="323" ht="21" customHeight="1" x14ac:dyDescent="0.2"/>
    <row r="324" ht="21" customHeight="1" x14ac:dyDescent="0.2"/>
    <row r="325" ht="21" customHeight="1" x14ac:dyDescent="0.2"/>
    <row r="326" ht="21" customHeight="1" x14ac:dyDescent="0.2"/>
    <row r="327" ht="21" customHeight="1" x14ac:dyDescent="0.2"/>
    <row r="328" ht="21" customHeight="1" x14ac:dyDescent="0.2"/>
    <row r="329" ht="21" customHeight="1" x14ac:dyDescent="0.2"/>
    <row r="330" ht="21" customHeight="1" x14ac:dyDescent="0.2"/>
    <row r="331" ht="21" customHeight="1" x14ac:dyDescent="0.2"/>
    <row r="332" ht="21" customHeight="1" x14ac:dyDescent="0.2"/>
    <row r="333" ht="21" customHeight="1" x14ac:dyDescent="0.2"/>
    <row r="334" ht="21" customHeight="1" x14ac:dyDescent="0.2"/>
    <row r="335" ht="21" customHeight="1" x14ac:dyDescent="0.2"/>
    <row r="336" ht="21" customHeight="1" x14ac:dyDescent="0.2"/>
    <row r="337" ht="21" customHeight="1" x14ac:dyDescent="0.2"/>
    <row r="338" ht="21" customHeight="1" x14ac:dyDescent="0.2"/>
    <row r="339" ht="21" customHeight="1" x14ac:dyDescent="0.2"/>
    <row r="340" ht="21" customHeight="1" x14ac:dyDescent="0.2"/>
    <row r="341" ht="21" customHeight="1" x14ac:dyDescent="0.2"/>
    <row r="342" ht="21" customHeight="1" x14ac:dyDescent="0.2"/>
    <row r="343" ht="21" customHeight="1" x14ac:dyDescent="0.2"/>
    <row r="344" ht="21" customHeight="1" x14ac:dyDescent="0.2"/>
    <row r="345" ht="21" customHeight="1" x14ac:dyDescent="0.2"/>
    <row r="346" ht="21" customHeight="1" x14ac:dyDescent="0.2"/>
    <row r="347" ht="21" customHeight="1" x14ac:dyDescent="0.2"/>
    <row r="348" ht="21" customHeight="1" x14ac:dyDescent="0.2"/>
    <row r="349" ht="21" customHeight="1" x14ac:dyDescent="0.2"/>
  </sheetData>
  <customSheetViews>
    <customSheetView guid="{FA98832E-F01A-4598-9960-E27C2FDAB118}" scale="90" showPageBreaks="1" showGridLines="0" view="pageBreakPreview">
      <selection activeCell="J20" sqref="J20"/>
      <pageMargins left="0.7" right="0.7" top="0.75" bottom="0.75" header="0.3" footer="0.3"/>
      <pageSetup paperSize="9" scale="98" orientation="portrait" r:id="rId1"/>
    </customSheetView>
    <customSheetView guid="{8494577A-77FB-45FD-BD2B-C737BCFAD5B3}" scale="90" showPageBreaks="1" showGridLines="0" view="pageBreakPreview">
      <selection activeCell="J20" sqref="J20"/>
      <pageMargins left="0.7" right="0.7" top="0.75" bottom="0.75" header="0.3" footer="0.3"/>
      <pageSetup paperSize="9" scale="98" orientation="portrait" r:id="rId2"/>
    </customSheetView>
  </customSheetViews>
  <mergeCells count="43">
    <mergeCell ref="B31:P35"/>
    <mergeCell ref="B20:F20"/>
    <mergeCell ref="G20:N20"/>
    <mergeCell ref="B21:F21"/>
    <mergeCell ref="G21:N21"/>
    <mergeCell ref="B22:F22"/>
    <mergeCell ref="G22:N22"/>
    <mergeCell ref="B24:N25"/>
    <mergeCell ref="O24:O25"/>
    <mergeCell ref="B26:N26"/>
    <mergeCell ref="B28:P28"/>
    <mergeCell ref="B29:P29"/>
    <mergeCell ref="B17:F17"/>
    <mergeCell ref="G17:N17"/>
    <mergeCell ref="B18:F18"/>
    <mergeCell ref="G18:N18"/>
    <mergeCell ref="B19:F19"/>
    <mergeCell ref="G19:N19"/>
    <mergeCell ref="B14:F14"/>
    <mergeCell ref="G14:N14"/>
    <mergeCell ref="B15:F15"/>
    <mergeCell ref="G15:N15"/>
    <mergeCell ref="B16:F16"/>
    <mergeCell ref="G16:N16"/>
    <mergeCell ref="B11:F11"/>
    <mergeCell ref="G11:N11"/>
    <mergeCell ref="B12:F12"/>
    <mergeCell ref="G12:N12"/>
    <mergeCell ref="B13:F13"/>
    <mergeCell ref="G13:N13"/>
    <mergeCell ref="B6:N6"/>
    <mergeCell ref="O6:P6"/>
    <mergeCell ref="B7:N7"/>
    <mergeCell ref="O7:P7"/>
    <mergeCell ref="B8:F10"/>
    <mergeCell ref="G8:N10"/>
    <mergeCell ref="O8:O10"/>
    <mergeCell ref="P8:P10"/>
    <mergeCell ref="B2:P2"/>
    <mergeCell ref="B3:P3"/>
    <mergeCell ref="B4:P4"/>
    <mergeCell ref="B5:N5"/>
    <mergeCell ref="O5:P5"/>
  </mergeCells>
  <phoneticPr fontId="6"/>
  <pageMargins left="0.7" right="0.7" top="0.75" bottom="0.75" header="0.3" footer="0.3"/>
  <pageSetup paperSize="9" scale="98" orientation="portrait" r:id="rId3"/>
</worksheet>
</file>

<file path=xl/worksheets/sheet9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12"/>
  <sheetViews>
    <sheetView view="pageBreakPreview" zoomScale="60" zoomScaleNormal="145" workbookViewId="0">
      <selection activeCell="L23" sqref="L23"/>
    </sheetView>
  </sheetViews>
  <sheetFormatPr defaultRowHeight="13.2" x14ac:dyDescent="0.2"/>
  <cols>
    <col min="1" max="1" width="3.77734375" style="56" customWidth="1"/>
    <col min="2" max="2" width="20.33203125" style="56" customWidth="1"/>
    <col min="3" max="3" width="3.88671875" style="56" bestFit="1" customWidth="1"/>
    <col min="4" max="7" width="16.33203125" style="56" customWidth="1"/>
    <col min="8" max="8" width="3.77734375" style="56" customWidth="1"/>
    <col min="9" max="9" width="2.44140625" style="56" customWidth="1"/>
    <col min="10" max="256" width="9" style="56"/>
    <col min="257" max="257" width="3.77734375" style="56" customWidth="1"/>
    <col min="258" max="258" width="20.33203125" style="56" customWidth="1"/>
    <col min="259" max="259" width="3.88671875" style="56" bestFit="1" customWidth="1"/>
    <col min="260" max="263" width="16.33203125" style="56" customWidth="1"/>
    <col min="264" max="264" width="3.77734375" style="56" customWidth="1"/>
    <col min="265" max="265" width="2.44140625" style="56" customWidth="1"/>
    <col min="266" max="512" width="9" style="56"/>
    <col min="513" max="513" width="3.77734375" style="56" customWidth="1"/>
    <col min="514" max="514" width="20.33203125" style="56" customWidth="1"/>
    <col min="515" max="515" width="3.88671875" style="56" bestFit="1" customWidth="1"/>
    <col min="516" max="519" width="16.33203125" style="56" customWidth="1"/>
    <col min="520" max="520" width="3.77734375" style="56" customWidth="1"/>
    <col min="521" max="521" width="2.44140625" style="56" customWidth="1"/>
    <col min="522" max="768" width="9" style="56"/>
    <col min="769" max="769" width="3.77734375" style="56" customWidth="1"/>
    <col min="770" max="770" width="20.33203125" style="56" customWidth="1"/>
    <col min="771" max="771" width="3.88671875" style="56" bestFit="1" customWidth="1"/>
    <col min="772" max="775" width="16.33203125" style="56" customWidth="1"/>
    <col min="776" max="776" width="3.77734375" style="56" customWidth="1"/>
    <col min="777" max="777" width="2.44140625" style="56" customWidth="1"/>
    <col min="778" max="1024" width="9" style="56"/>
    <col min="1025" max="1025" width="3.77734375" style="56" customWidth="1"/>
    <col min="1026" max="1026" width="20.33203125" style="56" customWidth="1"/>
    <col min="1027" max="1027" width="3.88671875" style="56" bestFit="1" customWidth="1"/>
    <col min="1028" max="1031" width="16.33203125" style="56" customWidth="1"/>
    <col min="1032" max="1032" width="3.77734375" style="56" customWidth="1"/>
    <col min="1033" max="1033" width="2.44140625" style="56" customWidth="1"/>
    <col min="1034" max="1280" width="9" style="56"/>
    <col min="1281" max="1281" width="3.77734375" style="56" customWidth="1"/>
    <col min="1282" max="1282" width="20.33203125" style="56" customWidth="1"/>
    <col min="1283" max="1283" width="3.88671875" style="56" bestFit="1" customWidth="1"/>
    <col min="1284" max="1287" width="16.33203125" style="56" customWidth="1"/>
    <col min="1288" max="1288" width="3.77734375" style="56" customWidth="1"/>
    <col min="1289" max="1289" width="2.44140625" style="56" customWidth="1"/>
    <col min="1290" max="1536" width="9" style="56"/>
    <col min="1537" max="1537" width="3.77734375" style="56" customWidth="1"/>
    <col min="1538" max="1538" width="20.33203125" style="56" customWidth="1"/>
    <col min="1539" max="1539" width="3.88671875" style="56" bestFit="1" customWidth="1"/>
    <col min="1540" max="1543" width="16.33203125" style="56" customWidth="1"/>
    <col min="1544" max="1544" width="3.77734375" style="56" customWidth="1"/>
    <col min="1545" max="1545" width="2.44140625" style="56" customWidth="1"/>
    <col min="1546" max="1792" width="9" style="56"/>
    <col min="1793" max="1793" width="3.77734375" style="56" customWidth="1"/>
    <col min="1794" max="1794" width="20.33203125" style="56" customWidth="1"/>
    <col min="1795" max="1795" width="3.88671875" style="56" bestFit="1" customWidth="1"/>
    <col min="1796" max="1799" width="16.33203125" style="56" customWidth="1"/>
    <col min="1800" max="1800" width="3.77734375" style="56" customWidth="1"/>
    <col min="1801" max="1801" width="2.44140625" style="56" customWidth="1"/>
    <col min="1802" max="2048" width="9" style="56"/>
    <col min="2049" max="2049" width="3.77734375" style="56" customWidth="1"/>
    <col min="2050" max="2050" width="20.33203125" style="56" customWidth="1"/>
    <col min="2051" max="2051" width="3.88671875" style="56" bestFit="1" customWidth="1"/>
    <col min="2052" max="2055" width="16.33203125" style="56" customWidth="1"/>
    <col min="2056" max="2056" width="3.77734375" style="56" customWidth="1"/>
    <col min="2057" max="2057" width="2.44140625" style="56" customWidth="1"/>
    <col min="2058" max="2304" width="9" style="56"/>
    <col min="2305" max="2305" width="3.77734375" style="56" customWidth="1"/>
    <col min="2306" max="2306" width="20.33203125" style="56" customWidth="1"/>
    <col min="2307" max="2307" width="3.88671875" style="56" bestFit="1" customWidth="1"/>
    <col min="2308" max="2311" width="16.33203125" style="56" customWidth="1"/>
    <col min="2312" max="2312" width="3.77734375" style="56" customWidth="1"/>
    <col min="2313" max="2313" width="2.44140625" style="56" customWidth="1"/>
    <col min="2314" max="2560" width="9" style="56"/>
    <col min="2561" max="2561" width="3.77734375" style="56" customWidth="1"/>
    <col min="2562" max="2562" width="20.33203125" style="56" customWidth="1"/>
    <col min="2563" max="2563" width="3.88671875" style="56" bestFit="1" customWidth="1"/>
    <col min="2564" max="2567" width="16.33203125" style="56" customWidth="1"/>
    <col min="2568" max="2568" width="3.77734375" style="56" customWidth="1"/>
    <col min="2569" max="2569" width="2.44140625" style="56" customWidth="1"/>
    <col min="2570" max="2816" width="9" style="56"/>
    <col min="2817" max="2817" width="3.77734375" style="56" customWidth="1"/>
    <col min="2818" max="2818" width="20.33203125" style="56" customWidth="1"/>
    <col min="2819" max="2819" width="3.88671875" style="56" bestFit="1" customWidth="1"/>
    <col min="2820" max="2823" width="16.33203125" style="56" customWidth="1"/>
    <col min="2824" max="2824" width="3.77734375" style="56" customWidth="1"/>
    <col min="2825" max="2825" width="2.44140625" style="56" customWidth="1"/>
    <col min="2826" max="3072" width="9" style="56"/>
    <col min="3073" max="3073" width="3.77734375" style="56" customWidth="1"/>
    <col min="3074" max="3074" width="20.33203125" style="56" customWidth="1"/>
    <col min="3075" max="3075" width="3.88671875" style="56" bestFit="1" customWidth="1"/>
    <col min="3076" max="3079" width="16.33203125" style="56" customWidth="1"/>
    <col min="3080" max="3080" width="3.77734375" style="56" customWidth="1"/>
    <col min="3081" max="3081" width="2.44140625" style="56" customWidth="1"/>
    <col min="3082" max="3328" width="9" style="56"/>
    <col min="3329" max="3329" width="3.77734375" style="56" customWidth="1"/>
    <col min="3330" max="3330" width="20.33203125" style="56" customWidth="1"/>
    <col min="3331" max="3331" width="3.88671875" style="56" bestFit="1" customWidth="1"/>
    <col min="3332" max="3335" width="16.33203125" style="56" customWidth="1"/>
    <col min="3336" max="3336" width="3.77734375" style="56" customWidth="1"/>
    <col min="3337" max="3337" width="2.44140625" style="56" customWidth="1"/>
    <col min="3338" max="3584" width="9" style="56"/>
    <col min="3585" max="3585" width="3.77734375" style="56" customWidth="1"/>
    <col min="3586" max="3586" width="20.33203125" style="56" customWidth="1"/>
    <col min="3587" max="3587" width="3.88671875" style="56" bestFit="1" customWidth="1"/>
    <col min="3588" max="3591" width="16.33203125" style="56" customWidth="1"/>
    <col min="3592" max="3592" width="3.77734375" style="56" customWidth="1"/>
    <col min="3593" max="3593" width="2.44140625" style="56" customWidth="1"/>
    <col min="3594" max="3840" width="9" style="56"/>
    <col min="3841" max="3841" width="3.77734375" style="56" customWidth="1"/>
    <col min="3842" max="3842" width="20.33203125" style="56" customWidth="1"/>
    <col min="3843" max="3843" width="3.88671875" style="56" bestFit="1" customWidth="1"/>
    <col min="3844" max="3847" width="16.33203125" style="56" customWidth="1"/>
    <col min="3848" max="3848" width="3.77734375" style="56" customWidth="1"/>
    <col min="3849" max="3849" width="2.44140625" style="56" customWidth="1"/>
    <col min="3850" max="4096" width="9" style="56"/>
    <col min="4097" max="4097" width="3.77734375" style="56" customWidth="1"/>
    <col min="4098" max="4098" width="20.33203125" style="56" customWidth="1"/>
    <col min="4099" max="4099" width="3.88671875" style="56" bestFit="1" customWidth="1"/>
    <col min="4100" max="4103" width="16.33203125" style="56" customWidth="1"/>
    <col min="4104" max="4104" width="3.77734375" style="56" customWidth="1"/>
    <col min="4105" max="4105" width="2.44140625" style="56" customWidth="1"/>
    <col min="4106" max="4352" width="9" style="56"/>
    <col min="4353" max="4353" width="3.77734375" style="56" customWidth="1"/>
    <col min="4354" max="4354" width="20.33203125" style="56" customWidth="1"/>
    <col min="4355" max="4355" width="3.88671875" style="56" bestFit="1" customWidth="1"/>
    <col min="4356" max="4359" width="16.33203125" style="56" customWidth="1"/>
    <col min="4360" max="4360" width="3.77734375" style="56" customWidth="1"/>
    <col min="4361" max="4361" width="2.44140625" style="56" customWidth="1"/>
    <col min="4362" max="4608" width="9" style="56"/>
    <col min="4609" max="4609" width="3.77734375" style="56" customWidth="1"/>
    <col min="4610" max="4610" width="20.33203125" style="56" customWidth="1"/>
    <col min="4611" max="4611" width="3.88671875" style="56" bestFit="1" customWidth="1"/>
    <col min="4612" max="4615" width="16.33203125" style="56" customWidth="1"/>
    <col min="4616" max="4616" width="3.77734375" style="56" customWidth="1"/>
    <col min="4617" max="4617" width="2.44140625" style="56" customWidth="1"/>
    <col min="4618" max="4864" width="9" style="56"/>
    <col min="4865" max="4865" width="3.77734375" style="56" customWidth="1"/>
    <col min="4866" max="4866" width="20.33203125" style="56" customWidth="1"/>
    <col min="4867" max="4867" width="3.88671875" style="56" bestFit="1" customWidth="1"/>
    <col min="4868" max="4871" width="16.33203125" style="56" customWidth="1"/>
    <col min="4872" max="4872" width="3.77734375" style="56" customWidth="1"/>
    <col min="4873" max="4873" width="2.44140625" style="56" customWidth="1"/>
    <col min="4874" max="5120" width="9" style="56"/>
    <col min="5121" max="5121" width="3.77734375" style="56" customWidth="1"/>
    <col min="5122" max="5122" width="20.33203125" style="56" customWidth="1"/>
    <col min="5123" max="5123" width="3.88671875" style="56" bestFit="1" customWidth="1"/>
    <col min="5124" max="5127" width="16.33203125" style="56" customWidth="1"/>
    <col min="5128" max="5128" width="3.77734375" style="56" customWidth="1"/>
    <col min="5129" max="5129" width="2.44140625" style="56" customWidth="1"/>
    <col min="5130" max="5376" width="9" style="56"/>
    <col min="5377" max="5377" width="3.77734375" style="56" customWidth="1"/>
    <col min="5378" max="5378" width="20.33203125" style="56" customWidth="1"/>
    <col min="5379" max="5379" width="3.88671875" style="56" bestFit="1" customWidth="1"/>
    <col min="5380" max="5383" width="16.33203125" style="56" customWidth="1"/>
    <col min="5384" max="5384" width="3.77734375" style="56" customWidth="1"/>
    <col min="5385" max="5385" width="2.44140625" style="56" customWidth="1"/>
    <col min="5386" max="5632" width="9" style="56"/>
    <col min="5633" max="5633" width="3.77734375" style="56" customWidth="1"/>
    <col min="5634" max="5634" width="20.33203125" style="56" customWidth="1"/>
    <col min="5635" max="5635" width="3.88671875" style="56" bestFit="1" customWidth="1"/>
    <col min="5636" max="5639" width="16.33203125" style="56" customWidth="1"/>
    <col min="5640" max="5640" width="3.77734375" style="56" customWidth="1"/>
    <col min="5641" max="5641" width="2.44140625" style="56" customWidth="1"/>
    <col min="5642" max="5888" width="9" style="56"/>
    <col min="5889" max="5889" width="3.77734375" style="56" customWidth="1"/>
    <col min="5890" max="5890" width="20.33203125" style="56" customWidth="1"/>
    <col min="5891" max="5891" width="3.88671875" style="56" bestFit="1" customWidth="1"/>
    <col min="5892" max="5895" width="16.33203125" style="56" customWidth="1"/>
    <col min="5896" max="5896" width="3.77734375" style="56" customWidth="1"/>
    <col min="5897" max="5897" width="2.44140625" style="56" customWidth="1"/>
    <col min="5898" max="6144" width="9" style="56"/>
    <col min="6145" max="6145" width="3.77734375" style="56" customWidth="1"/>
    <col min="6146" max="6146" width="20.33203125" style="56" customWidth="1"/>
    <col min="6147" max="6147" width="3.88671875" style="56" bestFit="1" customWidth="1"/>
    <col min="6148" max="6151" width="16.33203125" style="56" customWidth="1"/>
    <col min="6152" max="6152" width="3.77734375" style="56" customWidth="1"/>
    <col min="6153" max="6153" width="2.44140625" style="56" customWidth="1"/>
    <col min="6154" max="6400" width="9" style="56"/>
    <col min="6401" max="6401" width="3.77734375" style="56" customWidth="1"/>
    <col min="6402" max="6402" width="20.33203125" style="56" customWidth="1"/>
    <col min="6403" max="6403" width="3.88671875" style="56" bestFit="1" customWidth="1"/>
    <col min="6404" max="6407" width="16.33203125" style="56" customWidth="1"/>
    <col min="6408" max="6408" width="3.77734375" style="56" customWidth="1"/>
    <col min="6409" max="6409" width="2.44140625" style="56" customWidth="1"/>
    <col min="6410" max="6656" width="9" style="56"/>
    <col min="6657" max="6657" width="3.77734375" style="56" customWidth="1"/>
    <col min="6658" max="6658" width="20.33203125" style="56" customWidth="1"/>
    <col min="6659" max="6659" width="3.88671875" style="56" bestFit="1" customWidth="1"/>
    <col min="6660" max="6663" width="16.33203125" style="56" customWidth="1"/>
    <col min="6664" max="6664" width="3.77734375" style="56" customWidth="1"/>
    <col min="6665" max="6665" width="2.44140625" style="56" customWidth="1"/>
    <col min="6666" max="6912" width="9" style="56"/>
    <col min="6913" max="6913" width="3.77734375" style="56" customWidth="1"/>
    <col min="6914" max="6914" width="20.33203125" style="56" customWidth="1"/>
    <col min="6915" max="6915" width="3.88671875" style="56" bestFit="1" customWidth="1"/>
    <col min="6916" max="6919" width="16.33203125" style="56" customWidth="1"/>
    <col min="6920" max="6920" width="3.77734375" style="56" customWidth="1"/>
    <col min="6921" max="6921" width="2.44140625" style="56" customWidth="1"/>
    <col min="6922" max="7168" width="9" style="56"/>
    <col min="7169" max="7169" width="3.77734375" style="56" customWidth="1"/>
    <col min="7170" max="7170" width="20.33203125" style="56" customWidth="1"/>
    <col min="7171" max="7171" width="3.88671875" style="56" bestFit="1" customWidth="1"/>
    <col min="7172" max="7175" width="16.33203125" style="56" customWidth="1"/>
    <col min="7176" max="7176" width="3.77734375" style="56" customWidth="1"/>
    <col min="7177" max="7177" width="2.44140625" style="56" customWidth="1"/>
    <col min="7178" max="7424" width="9" style="56"/>
    <col min="7425" max="7425" width="3.77734375" style="56" customWidth="1"/>
    <col min="7426" max="7426" width="20.33203125" style="56" customWidth="1"/>
    <col min="7427" max="7427" width="3.88671875" style="56" bestFit="1" customWidth="1"/>
    <col min="7428" max="7431" width="16.33203125" style="56" customWidth="1"/>
    <col min="7432" max="7432" width="3.77734375" style="56" customWidth="1"/>
    <col min="7433" max="7433" width="2.44140625" style="56" customWidth="1"/>
    <col min="7434" max="7680" width="9" style="56"/>
    <col min="7681" max="7681" width="3.77734375" style="56" customWidth="1"/>
    <col min="7682" max="7682" width="20.33203125" style="56" customWidth="1"/>
    <col min="7683" max="7683" width="3.88671875" style="56" bestFit="1" customWidth="1"/>
    <col min="7684" max="7687" width="16.33203125" style="56" customWidth="1"/>
    <col min="7688" max="7688" width="3.77734375" style="56" customWidth="1"/>
    <col min="7689" max="7689" width="2.44140625" style="56" customWidth="1"/>
    <col min="7690" max="7936" width="9" style="56"/>
    <col min="7937" max="7937" width="3.77734375" style="56" customWidth="1"/>
    <col min="7938" max="7938" width="20.33203125" style="56" customWidth="1"/>
    <col min="7939" max="7939" width="3.88671875" style="56" bestFit="1" customWidth="1"/>
    <col min="7940" max="7943" width="16.33203125" style="56" customWidth="1"/>
    <col min="7944" max="7944" width="3.77734375" style="56" customWidth="1"/>
    <col min="7945" max="7945" width="2.44140625" style="56" customWidth="1"/>
    <col min="7946" max="8192" width="9" style="56"/>
    <col min="8193" max="8193" width="3.77734375" style="56" customWidth="1"/>
    <col min="8194" max="8194" width="20.33203125" style="56" customWidth="1"/>
    <col min="8195" max="8195" width="3.88671875" style="56" bestFit="1" customWidth="1"/>
    <col min="8196" max="8199" width="16.33203125" style="56" customWidth="1"/>
    <col min="8200" max="8200" width="3.77734375" style="56" customWidth="1"/>
    <col min="8201" max="8201" width="2.44140625" style="56" customWidth="1"/>
    <col min="8202" max="8448" width="9" style="56"/>
    <col min="8449" max="8449" width="3.77734375" style="56" customWidth="1"/>
    <col min="8450" max="8450" width="20.33203125" style="56" customWidth="1"/>
    <col min="8451" max="8451" width="3.88671875" style="56" bestFit="1" customWidth="1"/>
    <col min="8452" max="8455" width="16.33203125" style="56" customWidth="1"/>
    <col min="8456" max="8456" width="3.77734375" style="56" customWidth="1"/>
    <col min="8457" max="8457" width="2.44140625" style="56" customWidth="1"/>
    <col min="8458" max="8704" width="9" style="56"/>
    <col min="8705" max="8705" width="3.77734375" style="56" customWidth="1"/>
    <col min="8706" max="8706" width="20.33203125" style="56" customWidth="1"/>
    <col min="8707" max="8707" width="3.88671875" style="56" bestFit="1" customWidth="1"/>
    <col min="8708" max="8711" width="16.33203125" style="56" customWidth="1"/>
    <col min="8712" max="8712" width="3.77734375" style="56" customWidth="1"/>
    <col min="8713" max="8713" width="2.44140625" style="56" customWidth="1"/>
    <col min="8714" max="8960" width="9" style="56"/>
    <col min="8961" max="8961" width="3.77734375" style="56" customWidth="1"/>
    <col min="8962" max="8962" width="20.33203125" style="56" customWidth="1"/>
    <col min="8963" max="8963" width="3.88671875" style="56" bestFit="1" customWidth="1"/>
    <col min="8964" max="8967" width="16.33203125" style="56" customWidth="1"/>
    <col min="8968" max="8968" width="3.77734375" style="56" customWidth="1"/>
    <col min="8969" max="8969" width="2.44140625" style="56" customWidth="1"/>
    <col min="8970" max="9216" width="9" style="56"/>
    <col min="9217" max="9217" width="3.77734375" style="56" customWidth="1"/>
    <col min="9218" max="9218" width="20.33203125" style="56" customWidth="1"/>
    <col min="9219" max="9219" width="3.88671875" style="56" bestFit="1" customWidth="1"/>
    <col min="9220" max="9223" width="16.33203125" style="56" customWidth="1"/>
    <col min="9224" max="9224" width="3.77734375" style="56" customWidth="1"/>
    <col min="9225" max="9225" width="2.44140625" style="56" customWidth="1"/>
    <col min="9226" max="9472" width="9" style="56"/>
    <col min="9473" max="9473" width="3.77734375" style="56" customWidth="1"/>
    <col min="9474" max="9474" width="20.33203125" style="56" customWidth="1"/>
    <col min="9475" max="9475" width="3.88671875" style="56" bestFit="1" customWidth="1"/>
    <col min="9476" max="9479" width="16.33203125" style="56" customWidth="1"/>
    <col min="9480" max="9480" width="3.77734375" style="56" customWidth="1"/>
    <col min="9481" max="9481" width="2.44140625" style="56" customWidth="1"/>
    <col min="9482" max="9728" width="9" style="56"/>
    <col min="9729" max="9729" width="3.77734375" style="56" customWidth="1"/>
    <col min="9730" max="9730" width="20.33203125" style="56" customWidth="1"/>
    <col min="9731" max="9731" width="3.88671875" style="56" bestFit="1" customWidth="1"/>
    <col min="9732" max="9735" width="16.33203125" style="56" customWidth="1"/>
    <col min="9736" max="9736" width="3.77734375" style="56" customWidth="1"/>
    <col min="9737" max="9737" width="2.44140625" style="56" customWidth="1"/>
    <col min="9738" max="9984" width="9" style="56"/>
    <col min="9985" max="9985" width="3.77734375" style="56" customWidth="1"/>
    <col min="9986" max="9986" width="20.33203125" style="56" customWidth="1"/>
    <col min="9987" max="9987" width="3.88671875" style="56" bestFit="1" customWidth="1"/>
    <col min="9988" max="9991" width="16.33203125" style="56" customWidth="1"/>
    <col min="9992" max="9992" width="3.77734375" style="56" customWidth="1"/>
    <col min="9993" max="9993" width="2.44140625" style="56" customWidth="1"/>
    <col min="9994" max="10240" width="9" style="56"/>
    <col min="10241" max="10241" width="3.77734375" style="56" customWidth="1"/>
    <col min="10242" max="10242" width="20.33203125" style="56" customWidth="1"/>
    <col min="10243" max="10243" width="3.88671875" style="56" bestFit="1" customWidth="1"/>
    <col min="10244" max="10247" width="16.33203125" style="56" customWidth="1"/>
    <col min="10248" max="10248" width="3.77734375" style="56" customWidth="1"/>
    <col min="10249" max="10249" width="2.44140625" style="56" customWidth="1"/>
    <col min="10250" max="10496" width="9" style="56"/>
    <col min="10497" max="10497" width="3.77734375" style="56" customWidth="1"/>
    <col min="10498" max="10498" width="20.33203125" style="56" customWidth="1"/>
    <col min="10499" max="10499" width="3.88671875" style="56" bestFit="1" customWidth="1"/>
    <col min="10500" max="10503" width="16.33203125" style="56" customWidth="1"/>
    <col min="10504" max="10504" width="3.77734375" style="56" customWidth="1"/>
    <col min="10505" max="10505" width="2.44140625" style="56" customWidth="1"/>
    <col min="10506" max="10752" width="9" style="56"/>
    <col min="10753" max="10753" width="3.77734375" style="56" customWidth="1"/>
    <col min="10754" max="10754" width="20.33203125" style="56" customWidth="1"/>
    <col min="10755" max="10755" width="3.88671875" style="56" bestFit="1" customWidth="1"/>
    <col min="10756" max="10759" width="16.33203125" style="56" customWidth="1"/>
    <col min="10760" max="10760" width="3.77734375" style="56" customWidth="1"/>
    <col min="10761" max="10761" width="2.44140625" style="56" customWidth="1"/>
    <col min="10762" max="11008" width="9" style="56"/>
    <col min="11009" max="11009" width="3.77734375" style="56" customWidth="1"/>
    <col min="11010" max="11010" width="20.33203125" style="56" customWidth="1"/>
    <col min="11011" max="11011" width="3.88671875" style="56" bestFit="1" customWidth="1"/>
    <col min="11012" max="11015" width="16.33203125" style="56" customWidth="1"/>
    <col min="11016" max="11016" width="3.77734375" style="56" customWidth="1"/>
    <col min="11017" max="11017" width="2.44140625" style="56" customWidth="1"/>
    <col min="11018" max="11264" width="9" style="56"/>
    <col min="11265" max="11265" width="3.77734375" style="56" customWidth="1"/>
    <col min="11266" max="11266" width="20.33203125" style="56" customWidth="1"/>
    <col min="11267" max="11267" width="3.88671875" style="56" bestFit="1" customWidth="1"/>
    <col min="11268" max="11271" width="16.33203125" style="56" customWidth="1"/>
    <col min="11272" max="11272" width="3.77734375" style="56" customWidth="1"/>
    <col min="11273" max="11273" width="2.44140625" style="56" customWidth="1"/>
    <col min="11274" max="11520" width="9" style="56"/>
    <col min="11521" max="11521" width="3.77734375" style="56" customWidth="1"/>
    <col min="11522" max="11522" width="20.33203125" style="56" customWidth="1"/>
    <col min="11523" max="11523" width="3.88671875" style="56" bestFit="1" customWidth="1"/>
    <col min="11524" max="11527" width="16.33203125" style="56" customWidth="1"/>
    <col min="11528" max="11528" width="3.77734375" style="56" customWidth="1"/>
    <col min="11529" max="11529" width="2.44140625" style="56" customWidth="1"/>
    <col min="11530" max="11776" width="9" style="56"/>
    <col min="11777" max="11777" width="3.77734375" style="56" customWidth="1"/>
    <col min="11778" max="11778" width="20.33203125" style="56" customWidth="1"/>
    <col min="11779" max="11779" width="3.88671875" style="56" bestFit="1" customWidth="1"/>
    <col min="11780" max="11783" width="16.33203125" style="56" customWidth="1"/>
    <col min="11784" max="11784" width="3.77734375" style="56" customWidth="1"/>
    <col min="11785" max="11785" width="2.44140625" style="56" customWidth="1"/>
    <col min="11786" max="12032" width="9" style="56"/>
    <col min="12033" max="12033" width="3.77734375" style="56" customWidth="1"/>
    <col min="12034" max="12034" width="20.33203125" style="56" customWidth="1"/>
    <col min="12035" max="12035" width="3.88671875" style="56" bestFit="1" customWidth="1"/>
    <col min="12036" max="12039" width="16.33203125" style="56" customWidth="1"/>
    <col min="12040" max="12040" width="3.77734375" style="56" customWidth="1"/>
    <col min="12041" max="12041" width="2.44140625" style="56" customWidth="1"/>
    <col min="12042" max="12288" width="9" style="56"/>
    <col min="12289" max="12289" width="3.77734375" style="56" customWidth="1"/>
    <col min="12290" max="12290" width="20.33203125" style="56" customWidth="1"/>
    <col min="12291" max="12291" width="3.88671875" style="56" bestFit="1" customWidth="1"/>
    <col min="12292" max="12295" width="16.33203125" style="56" customWidth="1"/>
    <col min="12296" max="12296" width="3.77734375" style="56" customWidth="1"/>
    <col min="12297" max="12297" width="2.44140625" style="56" customWidth="1"/>
    <col min="12298" max="12544" width="9" style="56"/>
    <col min="12545" max="12545" width="3.77734375" style="56" customWidth="1"/>
    <col min="12546" max="12546" width="20.33203125" style="56" customWidth="1"/>
    <col min="12547" max="12547" width="3.88671875" style="56" bestFit="1" customWidth="1"/>
    <col min="12548" max="12551" width="16.33203125" style="56" customWidth="1"/>
    <col min="12552" max="12552" width="3.77734375" style="56" customWidth="1"/>
    <col min="12553" max="12553" width="2.44140625" style="56" customWidth="1"/>
    <col min="12554" max="12800" width="9" style="56"/>
    <col min="12801" max="12801" width="3.77734375" style="56" customWidth="1"/>
    <col min="12802" max="12802" width="20.33203125" style="56" customWidth="1"/>
    <col min="12803" max="12803" width="3.88671875" style="56" bestFit="1" customWidth="1"/>
    <col min="12804" max="12807" width="16.33203125" style="56" customWidth="1"/>
    <col min="12808" max="12808" width="3.77734375" style="56" customWidth="1"/>
    <col min="12809" max="12809" width="2.44140625" style="56" customWidth="1"/>
    <col min="12810" max="13056" width="9" style="56"/>
    <col min="13057" max="13057" width="3.77734375" style="56" customWidth="1"/>
    <col min="13058" max="13058" width="20.33203125" style="56" customWidth="1"/>
    <col min="13059" max="13059" width="3.88671875" style="56" bestFit="1" customWidth="1"/>
    <col min="13060" max="13063" width="16.33203125" style="56" customWidth="1"/>
    <col min="13064" max="13064" width="3.77734375" style="56" customWidth="1"/>
    <col min="13065" max="13065" width="2.44140625" style="56" customWidth="1"/>
    <col min="13066" max="13312" width="9" style="56"/>
    <col min="13313" max="13313" width="3.77734375" style="56" customWidth="1"/>
    <col min="13314" max="13314" width="20.33203125" style="56" customWidth="1"/>
    <col min="13315" max="13315" width="3.88671875" style="56" bestFit="1" customWidth="1"/>
    <col min="13316" max="13319" width="16.33203125" style="56" customWidth="1"/>
    <col min="13320" max="13320" width="3.77734375" style="56" customWidth="1"/>
    <col min="13321" max="13321" width="2.44140625" style="56" customWidth="1"/>
    <col min="13322" max="13568" width="9" style="56"/>
    <col min="13569" max="13569" width="3.77734375" style="56" customWidth="1"/>
    <col min="13570" max="13570" width="20.33203125" style="56" customWidth="1"/>
    <col min="13571" max="13571" width="3.88671875" style="56" bestFit="1" customWidth="1"/>
    <col min="13572" max="13575" width="16.33203125" style="56" customWidth="1"/>
    <col min="13576" max="13576" width="3.77734375" style="56" customWidth="1"/>
    <col min="13577" max="13577" width="2.44140625" style="56" customWidth="1"/>
    <col min="13578" max="13824" width="9" style="56"/>
    <col min="13825" max="13825" width="3.77734375" style="56" customWidth="1"/>
    <col min="13826" max="13826" width="20.33203125" style="56" customWidth="1"/>
    <col min="13827" max="13827" width="3.88671875" style="56" bestFit="1" customWidth="1"/>
    <col min="13828" max="13831" width="16.33203125" style="56" customWidth="1"/>
    <col min="13832" max="13832" width="3.77734375" style="56" customWidth="1"/>
    <col min="13833" max="13833" width="2.44140625" style="56" customWidth="1"/>
    <col min="13834" max="14080" width="9" style="56"/>
    <col min="14081" max="14081" width="3.77734375" style="56" customWidth="1"/>
    <col min="14082" max="14082" width="20.33203125" style="56" customWidth="1"/>
    <col min="14083" max="14083" width="3.88671875" style="56" bestFit="1" customWidth="1"/>
    <col min="14084" max="14087" width="16.33203125" style="56" customWidth="1"/>
    <col min="14088" max="14088" width="3.77734375" style="56" customWidth="1"/>
    <col min="14089" max="14089" width="2.44140625" style="56" customWidth="1"/>
    <col min="14090" max="14336" width="9" style="56"/>
    <col min="14337" max="14337" width="3.77734375" style="56" customWidth="1"/>
    <col min="14338" max="14338" width="20.33203125" style="56" customWidth="1"/>
    <col min="14339" max="14339" width="3.88671875" style="56" bestFit="1" customWidth="1"/>
    <col min="14340" max="14343" width="16.33203125" style="56" customWidth="1"/>
    <col min="14344" max="14344" width="3.77734375" style="56" customWidth="1"/>
    <col min="14345" max="14345" width="2.44140625" style="56" customWidth="1"/>
    <col min="14346" max="14592" width="9" style="56"/>
    <col min="14593" max="14593" width="3.77734375" style="56" customWidth="1"/>
    <col min="14594" max="14594" width="20.33203125" style="56" customWidth="1"/>
    <col min="14595" max="14595" width="3.88671875" style="56" bestFit="1" customWidth="1"/>
    <col min="14596" max="14599" width="16.33203125" style="56" customWidth="1"/>
    <col min="14600" max="14600" width="3.77734375" style="56" customWidth="1"/>
    <col min="14601" max="14601" width="2.44140625" style="56" customWidth="1"/>
    <col min="14602" max="14848" width="9" style="56"/>
    <col min="14849" max="14849" width="3.77734375" style="56" customWidth="1"/>
    <col min="14850" max="14850" width="20.33203125" style="56" customWidth="1"/>
    <col min="14851" max="14851" width="3.88671875" style="56" bestFit="1" customWidth="1"/>
    <col min="14852" max="14855" width="16.33203125" style="56" customWidth="1"/>
    <col min="14856" max="14856" width="3.77734375" style="56" customWidth="1"/>
    <col min="14857" max="14857" width="2.44140625" style="56" customWidth="1"/>
    <col min="14858" max="15104" width="9" style="56"/>
    <col min="15105" max="15105" width="3.77734375" style="56" customWidth="1"/>
    <col min="15106" max="15106" width="20.33203125" style="56" customWidth="1"/>
    <col min="15107" max="15107" width="3.88671875" style="56" bestFit="1" customWidth="1"/>
    <col min="15108" max="15111" width="16.33203125" style="56" customWidth="1"/>
    <col min="15112" max="15112" width="3.77734375" style="56" customWidth="1"/>
    <col min="15113" max="15113" width="2.44140625" style="56" customWidth="1"/>
    <col min="15114" max="15360" width="9" style="56"/>
    <col min="15361" max="15361" width="3.77734375" style="56" customWidth="1"/>
    <col min="15362" max="15362" width="20.33203125" style="56" customWidth="1"/>
    <col min="15363" max="15363" width="3.88671875" style="56" bestFit="1" customWidth="1"/>
    <col min="15364" max="15367" width="16.33203125" style="56" customWidth="1"/>
    <col min="15368" max="15368" width="3.77734375" style="56" customWidth="1"/>
    <col min="15369" max="15369" width="2.44140625" style="56" customWidth="1"/>
    <col min="15370" max="15616" width="9" style="56"/>
    <col min="15617" max="15617" width="3.77734375" style="56" customWidth="1"/>
    <col min="15618" max="15618" width="20.33203125" style="56" customWidth="1"/>
    <col min="15619" max="15619" width="3.88671875" style="56" bestFit="1" customWidth="1"/>
    <col min="15620" max="15623" width="16.33203125" style="56" customWidth="1"/>
    <col min="15624" max="15624" width="3.77734375" style="56" customWidth="1"/>
    <col min="15625" max="15625" width="2.44140625" style="56" customWidth="1"/>
    <col min="15626" max="15872" width="9" style="56"/>
    <col min="15873" max="15873" width="3.77734375" style="56" customWidth="1"/>
    <col min="15874" max="15874" width="20.33203125" style="56" customWidth="1"/>
    <col min="15875" max="15875" width="3.88671875" style="56" bestFit="1" customWidth="1"/>
    <col min="15876" max="15879" width="16.33203125" style="56" customWidth="1"/>
    <col min="15880" max="15880" width="3.77734375" style="56" customWidth="1"/>
    <col min="15881" max="15881" width="2.44140625" style="56" customWidth="1"/>
    <col min="15882" max="16128" width="9" style="56"/>
    <col min="16129" max="16129" width="3.77734375" style="56" customWidth="1"/>
    <col min="16130" max="16130" width="20.33203125" style="56" customWidth="1"/>
    <col min="16131" max="16131" width="3.88671875" style="56" bestFit="1" customWidth="1"/>
    <col min="16132" max="16135" width="16.33203125" style="56" customWidth="1"/>
    <col min="16136" max="16136" width="3.77734375" style="56" customWidth="1"/>
    <col min="16137" max="16137" width="2.44140625" style="56" customWidth="1"/>
    <col min="16138" max="16384" width="9" style="56"/>
  </cols>
  <sheetData>
    <row r="1" spans="1:15" ht="16.2" x14ac:dyDescent="0.2">
      <c r="A1" s="55"/>
      <c r="B1" s="463" t="s">
        <v>857</v>
      </c>
    </row>
    <row r="2" spans="1:15" ht="16.2" x14ac:dyDescent="0.2">
      <c r="A2" s="55"/>
      <c r="H2" s="254" t="s">
        <v>723</v>
      </c>
    </row>
    <row r="3" spans="1:15" ht="16.2" x14ac:dyDescent="0.2">
      <c r="A3" s="223"/>
      <c r="B3" s="2287" t="s">
        <v>856</v>
      </c>
      <c r="C3" s="2287"/>
      <c r="D3" s="2287"/>
      <c r="E3" s="2287"/>
      <c r="F3" s="2287"/>
      <c r="G3" s="2287"/>
      <c r="H3" s="2287"/>
    </row>
    <row r="4" spans="1:15" ht="16.2" x14ac:dyDescent="0.2">
      <c r="A4" s="255"/>
      <c r="B4" s="255"/>
      <c r="C4" s="255"/>
      <c r="D4" s="255"/>
      <c r="E4" s="255"/>
      <c r="F4" s="255"/>
      <c r="G4" s="255"/>
      <c r="O4" s="58"/>
    </row>
    <row r="5" spans="1:15" ht="30" customHeight="1" x14ac:dyDescent="0.2">
      <c r="A5" s="255"/>
      <c r="B5" s="273" t="s">
        <v>215</v>
      </c>
      <c r="C5" s="2288"/>
      <c r="D5" s="2289"/>
      <c r="E5" s="2289"/>
      <c r="F5" s="2289"/>
      <c r="G5" s="2289"/>
      <c r="H5" s="2290"/>
    </row>
    <row r="6" spans="1:15" ht="30" customHeight="1" x14ac:dyDescent="0.2">
      <c r="A6" s="255"/>
      <c r="B6" s="273" t="s">
        <v>133</v>
      </c>
      <c r="C6" s="2288"/>
      <c r="D6" s="2289"/>
      <c r="E6" s="2289"/>
      <c r="F6" s="2289"/>
      <c r="G6" s="2289"/>
      <c r="H6" s="2290"/>
    </row>
    <row r="7" spans="1:15" ht="30" customHeight="1" x14ac:dyDescent="0.2">
      <c r="A7" s="255"/>
      <c r="B7" s="273" t="s">
        <v>331</v>
      </c>
      <c r="C7" s="2288"/>
      <c r="D7" s="2289"/>
      <c r="E7" s="2289"/>
      <c r="F7" s="2289"/>
      <c r="G7" s="2289"/>
      <c r="H7" s="2290"/>
    </row>
    <row r="8" spans="1:15" ht="30" customHeight="1" x14ac:dyDescent="0.2">
      <c r="B8" s="529" t="s">
        <v>150</v>
      </c>
      <c r="C8" s="1913" t="s">
        <v>332</v>
      </c>
      <c r="D8" s="2291"/>
      <c r="E8" s="2291"/>
      <c r="F8" s="2291"/>
      <c r="G8" s="2291"/>
      <c r="H8" s="2292"/>
      <c r="I8" s="75"/>
    </row>
    <row r="9" spans="1:15" ht="45" customHeight="1" x14ac:dyDescent="0.2">
      <c r="B9" s="2293" t="s">
        <v>855</v>
      </c>
      <c r="C9" s="269">
        <v>1</v>
      </c>
      <c r="D9" s="2307" t="s">
        <v>854</v>
      </c>
      <c r="E9" s="2307"/>
      <c r="F9" s="2308"/>
      <c r="G9" s="2308"/>
      <c r="H9" s="2308"/>
    </row>
    <row r="10" spans="1:15" ht="45" customHeight="1" x14ac:dyDescent="0.2">
      <c r="B10" s="2294"/>
      <c r="C10" s="269">
        <v>2</v>
      </c>
      <c r="D10" s="2309" t="s">
        <v>853</v>
      </c>
      <c r="E10" s="2310"/>
      <c r="F10" s="2308"/>
      <c r="G10" s="2308"/>
      <c r="H10" s="2308"/>
    </row>
    <row r="11" spans="1:15" x14ac:dyDescent="0.2">
      <c r="B11" s="64" t="s">
        <v>44</v>
      </c>
    </row>
    <row r="12" spans="1:15" x14ac:dyDescent="0.2">
      <c r="B12" s="2312" t="s">
        <v>852</v>
      </c>
      <c r="C12" s="2312"/>
      <c r="D12" s="2312"/>
      <c r="E12" s="2312"/>
      <c r="F12" s="2312"/>
      <c r="G12" s="2312"/>
      <c r="H12" s="2312"/>
    </row>
  </sheetData>
  <customSheetViews>
    <customSheetView guid="{FA98832E-F01A-4598-9960-E27C2FDAB118}" scale="60" showPageBreaks="1" fitToPage="1" view="pageBreakPreview">
      <selection activeCell="J20" sqref="J20"/>
      <pageMargins left="0.70866141732283472" right="0.70866141732283472" top="0.74803149606299213" bottom="0.74803149606299213" header="0.31496062992125984" footer="0.31496062992125984"/>
      <printOptions horizontalCentered="1"/>
      <pageSetup paperSize="9" orientation="landscape" r:id="rId1"/>
    </customSheetView>
    <customSheetView guid="{8494577A-77FB-45FD-BD2B-C737BCFAD5B3}" scale="60" showPageBreaks="1" fitToPage="1" view="pageBreakPreview">
      <selection activeCell="J20" sqref="J20"/>
      <pageMargins left="0.70866141732283472" right="0.70866141732283472" top="0.74803149606299213" bottom="0.74803149606299213" header="0.31496062992125984" footer="0.31496062992125984"/>
      <printOptions horizontalCentered="1"/>
      <pageSetup paperSize="9" orientation="landscape" r:id="rId2"/>
    </customSheetView>
  </customSheetViews>
  <mergeCells count="11">
    <mergeCell ref="F10:H10"/>
    <mergeCell ref="B12:H12"/>
    <mergeCell ref="B3:H3"/>
    <mergeCell ref="C5:H5"/>
    <mergeCell ref="C6:H6"/>
    <mergeCell ref="C7:H7"/>
    <mergeCell ref="C8:H8"/>
    <mergeCell ref="B9:B10"/>
    <mergeCell ref="D9:E9"/>
    <mergeCell ref="F9:H9"/>
    <mergeCell ref="D10:E10"/>
  </mergeCells>
  <phoneticPr fontId="6"/>
  <printOptions horizontalCentered="1"/>
  <pageMargins left="0.70866141732283472" right="0.70866141732283472" top="0.74803149606299213" bottom="0.74803149606299213" header="0.31496062992125984" footer="0.31496062992125984"/>
  <pageSetup paperSize="9" orientation="landscape" r:id="rId3"/>
</worksheet>
</file>

<file path=xl/worksheets/sheet9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8"/>
  <sheetViews>
    <sheetView view="pageBreakPreview" topLeftCell="A7" zoomScale="90" zoomScaleNormal="100" zoomScaleSheetLayoutView="90" workbookViewId="0">
      <selection activeCell="K10" sqref="K10"/>
    </sheetView>
  </sheetViews>
  <sheetFormatPr defaultColWidth="9" defaultRowHeight="16.2" x14ac:dyDescent="0.2"/>
  <cols>
    <col min="1" max="1" width="1.88671875" style="55" customWidth="1"/>
    <col min="2" max="2" width="21.109375" style="55" customWidth="1"/>
    <col min="3" max="3" width="10.21875" style="55" customWidth="1"/>
    <col min="4" max="4" width="22.77734375" style="55" customWidth="1"/>
    <col min="5" max="5" width="33.109375" style="55" customWidth="1"/>
    <col min="6" max="8" width="10.109375" style="55" customWidth="1"/>
    <col min="9" max="16384" width="9" style="55"/>
  </cols>
  <sheetData>
    <row r="1" spans="1:6" ht="27.75" customHeight="1" x14ac:dyDescent="0.2">
      <c r="B1" s="463" t="s">
        <v>933</v>
      </c>
      <c r="E1" s="254" t="s">
        <v>913</v>
      </c>
    </row>
    <row r="2" spans="1:6" ht="24.75" customHeight="1" x14ac:dyDescent="0.2">
      <c r="E2" s="566"/>
      <c r="F2" s="566"/>
    </row>
    <row r="3" spans="1:6" ht="34.5" customHeight="1" x14ac:dyDescent="0.2">
      <c r="A3" s="3327" t="s">
        <v>932</v>
      </c>
      <c r="B3" s="3327"/>
      <c r="C3" s="3327"/>
      <c r="D3" s="3327"/>
      <c r="E3" s="3327"/>
      <c r="F3" s="223"/>
    </row>
    <row r="4" spans="1:6" ht="24.75" customHeight="1" x14ac:dyDescent="0.2">
      <c r="A4" s="255"/>
      <c r="B4" s="255"/>
      <c r="C4" s="255"/>
      <c r="D4" s="255"/>
      <c r="E4" s="255"/>
      <c r="F4" s="255"/>
    </row>
    <row r="5" spans="1:6" ht="38.25" customHeight="1" x14ac:dyDescent="0.2">
      <c r="A5" s="255"/>
      <c r="B5" s="65" t="s">
        <v>60</v>
      </c>
      <c r="C5" s="3328"/>
      <c r="D5" s="3329"/>
      <c r="E5" s="3330"/>
      <c r="F5" s="223"/>
    </row>
    <row r="6" spans="1:6" ht="38.25" customHeight="1" x14ac:dyDescent="0.2">
      <c r="A6" s="255"/>
      <c r="B6" s="65" t="s">
        <v>195</v>
      </c>
      <c r="C6" s="3328" t="s">
        <v>931</v>
      </c>
      <c r="D6" s="3329"/>
      <c r="E6" s="3330"/>
      <c r="F6" s="223"/>
    </row>
    <row r="7" spans="1:6" ht="38.25" customHeight="1" x14ac:dyDescent="0.2">
      <c r="B7" s="565" t="s">
        <v>38</v>
      </c>
      <c r="C7" s="3328" t="s">
        <v>930</v>
      </c>
      <c r="D7" s="3329"/>
      <c r="E7" s="3330"/>
      <c r="F7" s="223"/>
    </row>
    <row r="8" spans="1:6" ht="38.25" customHeight="1" x14ac:dyDescent="0.2">
      <c r="B8" s="3323" t="s">
        <v>929</v>
      </c>
      <c r="C8" s="564"/>
      <c r="D8" s="563" t="s">
        <v>928</v>
      </c>
      <c r="E8" s="222" t="s">
        <v>927</v>
      </c>
      <c r="F8" s="223"/>
    </row>
    <row r="9" spans="1:6" ht="38.25" customHeight="1" x14ac:dyDescent="0.2">
      <c r="B9" s="3324"/>
      <c r="C9" s="222" t="s">
        <v>926</v>
      </c>
      <c r="D9" s="222"/>
      <c r="E9" s="222" t="s">
        <v>924</v>
      </c>
      <c r="F9" s="223"/>
    </row>
    <row r="10" spans="1:6" ht="38.25" customHeight="1" x14ac:dyDescent="0.2">
      <c r="B10" s="3324"/>
      <c r="C10" s="222" t="s">
        <v>925</v>
      </c>
      <c r="D10" s="222"/>
      <c r="E10" s="222" t="s">
        <v>924</v>
      </c>
      <c r="F10" s="223"/>
    </row>
    <row r="11" spans="1:6" ht="38.25" customHeight="1" x14ac:dyDescent="0.2">
      <c r="B11" s="3325"/>
      <c r="C11" s="222"/>
      <c r="D11" s="222"/>
      <c r="E11" s="222"/>
      <c r="F11" s="223"/>
    </row>
    <row r="12" spans="1:6" ht="27" customHeight="1" x14ac:dyDescent="0.2">
      <c r="B12" s="67" t="s">
        <v>923</v>
      </c>
      <c r="C12" s="67"/>
      <c r="D12" s="67"/>
      <c r="E12" s="561"/>
      <c r="F12" s="561"/>
    </row>
    <row r="13" spans="1:6" ht="33.75" customHeight="1" x14ac:dyDescent="0.2">
      <c r="B13" s="3326" t="s">
        <v>922</v>
      </c>
      <c r="C13" s="3322"/>
      <c r="D13" s="3322"/>
      <c r="E13" s="3322"/>
      <c r="F13" s="561"/>
    </row>
    <row r="14" spans="1:6" ht="87" customHeight="1" x14ac:dyDescent="0.2">
      <c r="B14" s="562"/>
      <c r="C14" s="3331"/>
      <c r="D14" s="3331"/>
      <c r="E14" s="3331"/>
      <c r="F14" s="561"/>
    </row>
    <row r="15" spans="1:6" ht="35.25" customHeight="1" x14ac:dyDescent="0.2">
      <c r="B15" s="3326" t="s">
        <v>921</v>
      </c>
      <c r="C15" s="3326"/>
      <c r="D15" s="3326"/>
      <c r="E15" s="3326"/>
    </row>
    <row r="16" spans="1:6" ht="24" customHeight="1" x14ac:dyDescent="0.2">
      <c r="B16" s="3322" t="s">
        <v>920</v>
      </c>
      <c r="C16" s="3322"/>
      <c r="D16" s="3322"/>
      <c r="E16" s="3322"/>
    </row>
    <row r="17" spans="2:5" ht="24" customHeight="1" x14ac:dyDescent="0.2">
      <c r="B17" s="3326" t="s">
        <v>919</v>
      </c>
      <c r="C17" s="3326"/>
      <c r="D17" s="3326"/>
      <c r="E17" s="3326"/>
    </row>
    <row r="18" spans="2:5" ht="24" customHeight="1" x14ac:dyDescent="0.2">
      <c r="B18" s="3326" t="s">
        <v>918</v>
      </c>
      <c r="C18" s="3326"/>
      <c r="D18" s="3326"/>
      <c r="E18" s="3326"/>
    </row>
  </sheetData>
  <customSheetViews>
    <customSheetView guid="{FA98832E-F01A-4598-9960-E27C2FDAB118}" scale="90" showPageBreaks="1" printArea="1" view="pageBreakPreview">
      <selection activeCell="J20" sqref="J20"/>
      <pageMargins left="0.70866141732283472" right="0.70866141732283472" top="0.74803149606299213" bottom="0.74803149606299213" header="0.31496062992125984" footer="0.31496062992125984"/>
      <printOptions horizontalCentered="1"/>
      <pageSetup paperSize="9" orientation="portrait" r:id="rId1"/>
    </customSheetView>
    <customSheetView guid="{8494577A-77FB-45FD-BD2B-C737BCFAD5B3}" scale="90" showPageBreaks="1" printArea="1" view="pageBreakPreview">
      <selection activeCell="J20" sqref="J20"/>
      <pageMargins left="0.70866141732283472" right="0.70866141732283472" top="0.74803149606299213" bottom="0.74803149606299213" header="0.31496062992125984" footer="0.31496062992125984"/>
      <printOptions horizontalCentered="1"/>
      <pageSetup paperSize="9" orientation="portrait" r:id="rId2"/>
    </customSheetView>
  </customSheetViews>
  <mergeCells count="11">
    <mergeCell ref="A3:E3"/>
    <mergeCell ref="C7:E7"/>
    <mergeCell ref="C5:E5"/>
    <mergeCell ref="C6:E6"/>
    <mergeCell ref="C14:E14"/>
    <mergeCell ref="B13:E13"/>
    <mergeCell ref="B16:E16"/>
    <mergeCell ref="B8:B11"/>
    <mergeCell ref="B15:E15"/>
    <mergeCell ref="B17:E17"/>
    <mergeCell ref="B18:E18"/>
  </mergeCells>
  <phoneticPr fontId="6"/>
  <printOptions horizontalCentered="1"/>
  <pageMargins left="0.70866141732283472" right="0.70866141732283472" top="0.74803149606299213" bottom="0.74803149606299213" header="0.31496062992125984" footer="0.31496062992125984"/>
  <pageSetup paperSize="9" orientation="portrait" r:id="rId3"/>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8</vt:i4>
      </vt:variant>
      <vt:variant>
        <vt:lpstr>名前付き一覧</vt:lpstr>
      </vt:variant>
      <vt:variant>
        <vt:i4>58</vt:i4>
      </vt:variant>
    </vt:vector>
  </HeadingPairs>
  <TitlesOfParts>
    <vt:vector size="156" baseType="lpstr">
      <vt:lpstr>1</vt:lpstr>
      <vt:lpstr>2</vt:lpstr>
      <vt:lpstr>3</vt:lpstr>
      <vt:lpstr>4</vt:lpstr>
      <vt:lpstr>5</vt:lpstr>
      <vt:lpstr>7</vt:lpstr>
      <vt:lpstr>8</vt:lpstr>
      <vt:lpstr>9(Ⅰ)</vt:lpstr>
      <vt:lpstr>9(Ⅱ)</vt:lpstr>
      <vt:lpstr>10</vt:lpstr>
      <vt:lpstr>11</vt:lpstr>
      <vt:lpstr>11【記載例】</vt:lpstr>
      <vt:lpstr>12</vt:lpstr>
      <vt:lpstr>13</vt:lpstr>
      <vt:lpstr>14</vt:lpstr>
      <vt:lpstr>15</vt:lpstr>
      <vt:lpstr>16</vt:lpstr>
      <vt:lpstr>16【記入例】</vt:lpstr>
      <vt:lpstr>16【注釈付き】</vt:lpstr>
      <vt:lpstr>17</vt:lpstr>
      <vt:lpstr>17【記入例】</vt:lpstr>
      <vt:lpstr>18</vt:lpstr>
      <vt:lpstr>18-1</vt:lpstr>
      <vt:lpstr>19</vt:lpstr>
      <vt:lpstr>19【記載例】</vt:lpstr>
      <vt:lpstr>20</vt:lpstr>
      <vt:lpstr>21</vt:lpstr>
      <vt:lpstr>21(記載例)</vt:lpstr>
      <vt:lpstr>22</vt:lpstr>
      <vt:lpstr>22【記載例】</vt:lpstr>
      <vt:lpstr>23</vt:lpstr>
      <vt:lpstr>23（記載例）</vt:lpstr>
      <vt:lpstr>25</vt:lpstr>
      <vt:lpstr>25【記載例】</vt:lpstr>
      <vt:lpstr>25-1</vt:lpstr>
      <vt:lpstr>26</vt:lpstr>
      <vt:lpstr>26の2</vt:lpstr>
      <vt:lpstr>27</vt:lpstr>
      <vt:lpstr>27【記載例】</vt:lpstr>
      <vt:lpstr>27【注釈付き】</vt:lpstr>
      <vt:lpstr>28</vt:lpstr>
      <vt:lpstr>29（生活介護・施設入所支援）</vt:lpstr>
      <vt:lpstr>29（短期入所）</vt:lpstr>
      <vt:lpstr>29（共同生活援助）</vt:lpstr>
      <vt:lpstr>32</vt:lpstr>
      <vt:lpstr>33</vt:lpstr>
      <vt:lpstr>34</vt:lpstr>
      <vt:lpstr>35 </vt:lpstr>
      <vt:lpstr>36</vt:lpstr>
      <vt:lpstr>39</vt:lpstr>
      <vt:lpstr>40</vt:lpstr>
      <vt:lpstr>41</vt:lpstr>
      <vt:lpstr>41（別添）</vt:lpstr>
      <vt:lpstr>41の２</vt:lpstr>
      <vt:lpstr>41の２（別添）</vt:lpstr>
      <vt:lpstr>42</vt:lpstr>
      <vt:lpstr>42別添1スコア表</vt:lpstr>
      <vt:lpstr>42別添２実績</vt:lpstr>
      <vt:lpstr>42別添3 地域連携活動実施状況報告書</vt:lpstr>
      <vt:lpstr>42別添4利用者の知識・能力向上に係る実施状況報告書</vt:lpstr>
      <vt:lpstr>43</vt:lpstr>
      <vt:lpstr>44</vt:lpstr>
      <vt:lpstr>45</vt:lpstr>
      <vt:lpstr>46</vt:lpstr>
      <vt:lpstr>（別添１）</vt:lpstr>
      <vt:lpstr>（別添２）</vt:lpstr>
      <vt:lpstr>47</vt:lpstr>
      <vt:lpstr>48</vt:lpstr>
      <vt:lpstr>49</vt:lpstr>
      <vt:lpstr>50</vt:lpstr>
      <vt:lpstr>52</vt:lpstr>
      <vt:lpstr>53</vt:lpstr>
      <vt:lpstr>５３－１（単独）</vt:lpstr>
      <vt:lpstr>５３－１（協働）</vt:lpstr>
      <vt:lpstr>５３-２　</vt:lpstr>
      <vt:lpstr>５３－３　</vt:lpstr>
      <vt:lpstr>54</vt:lpstr>
      <vt:lpstr>55</vt:lpstr>
      <vt:lpstr>54 55 別添</vt:lpstr>
      <vt:lpstr>56-1</vt:lpstr>
      <vt:lpstr>56-2</vt:lpstr>
      <vt:lpstr>57</vt:lpstr>
      <vt:lpstr>58</vt:lpstr>
      <vt:lpstr>59</vt:lpstr>
      <vt:lpstr>60</vt:lpstr>
      <vt:lpstr>61</vt:lpstr>
      <vt:lpstr>62-1</vt:lpstr>
      <vt:lpstr>62-2</vt:lpstr>
      <vt:lpstr>63</vt:lpstr>
      <vt:lpstr>64</vt:lpstr>
      <vt:lpstr>65</vt:lpstr>
      <vt:lpstr>65-２</vt:lpstr>
      <vt:lpstr>66</vt:lpstr>
      <vt:lpstr>67</vt:lpstr>
      <vt:lpstr>68</vt:lpstr>
      <vt:lpstr>69</vt:lpstr>
      <vt:lpstr>70</vt:lpstr>
      <vt:lpstr>71</vt:lpstr>
      <vt:lpstr>'9(Ⅰ)'!Excel_BuiltIn_Print_Area</vt:lpstr>
      <vt:lpstr>'9(Ⅱ)'!Excel_BuiltIn_Print_Area</vt:lpstr>
      <vt:lpstr>'1'!Print_Area</vt:lpstr>
      <vt:lpstr>'18-1'!Print_Area</vt:lpstr>
      <vt:lpstr>'2'!Print_Area</vt:lpstr>
      <vt:lpstr>'21'!Print_Area</vt:lpstr>
      <vt:lpstr>'21(記載例)'!Print_Area</vt:lpstr>
      <vt:lpstr>'22'!Print_Area</vt:lpstr>
      <vt:lpstr>'22【記載例】'!Print_Area</vt:lpstr>
      <vt:lpstr>'25'!Print_Area</vt:lpstr>
      <vt:lpstr>'25-1'!Print_Area</vt:lpstr>
      <vt:lpstr>'26'!Print_Area</vt:lpstr>
      <vt:lpstr>'26の2'!Print_Area</vt:lpstr>
      <vt:lpstr>'27'!Print_Area</vt:lpstr>
      <vt:lpstr>'27【注釈付き】'!Print_Area</vt:lpstr>
      <vt:lpstr>'29（共同生活援助）'!Print_Area</vt:lpstr>
      <vt:lpstr>'29（生活介護・施設入所支援）'!Print_Area</vt:lpstr>
      <vt:lpstr>'29（短期入所）'!Print_Area</vt:lpstr>
      <vt:lpstr>'3'!Print_Area</vt:lpstr>
      <vt:lpstr>'34'!Print_Area</vt:lpstr>
      <vt:lpstr>'36'!Print_Area</vt:lpstr>
      <vt:lpstr>'4'!Print_Area</vt:lpstr>
      <vt:lpstr>'41'!Print_Area</vt:lpstr>
      <vt:lpstr>'41の２'!Print_Area</vt:lpstr>
      <vt:lpstr>'42'!Print_Area</vt:lpstr>
      <vt:lpstr>'42別添1スコア表'!Print_Area</vt:lpstr>
      <vt:lpstr>'42別添２実績'!Print_Area</vt:lpstr>
      <vt:lpstr>'43'!Print_Area</vt:lpstr>
      <vt:lpstr>'44'!Print_Area</vt:lpstr>
      <vt:lpstr>'45'!Print_Area</vt:lpstr>
      <vt:lpstr>'48'!Print_Area</vt:lpstr>
      <vt:lpstr>'5'!Print_Area</vt:lpstr>
      <vt:lpstr>'５３－１（協働）'!Print_Area</vt:lpstr>
      <vt:lpstr>'５３－１（単独）'!Print_Area</vt:lpstr>
      <vt:lpstr>'５３-２　'!Print_Area</vt:lpstr>
      <vt:lpstr>'５３－３　'!Print_Area</vt:lpstr>
      <vt:lpstr>'54'!Print_Area</vt:lpstr>
      <vt:lpstr>'54 55 別添'!Print_Area</vt:lpstr>
      <vt:lpstr>'55'!Print_Area</vt:lpstr>
      <vt:lpstr>'56-1'!Print_Area</vt:lpstr>
      <vt:lpstr>'56-2'!Print_Area</vt:lpstr>
      <vt:lpstr>'57'!Print_Area</vt:lpstr>
      <vt:lpstr>'58'!Print_Area</vt:lpstr>
      <vt:lpstr>'59'!Print_Area</vt:lpstr>
      <vt:lpstr>'60'!Print_Area</vt:lpstr>
      <vt:lpstr>'61'!Print_Area</vt:lpstr>
      <vt:lpstr>'62-1'!Print_Area</vt:lpstr>
      <vt:lpstr>'62-2'!Print_Area</vt:lpstr>
      <vt:lpstr>'63'!Print_Area</vt:lpstr>
      <vt:lpstr>'64'!Print_Area</vt:lpstr>
      <vt:lpstr>'65'!Print_Area</vt:lpstr>
      <vt:lpstr>'65-２'!Print_Area</vt:lpstr>
      <vt:lpstr>'66'!Print_Area</vt:lpstr>
      <vt:lpstr>'67'!Print_Area</vt:lpstr>
      <vt:lpstr>'7'!Print_Area</vt:lpstr>
      <vt:lpstr>'71'!Print_Area</vt:lpstr>
      <vt:lpstr>'9(Ⅰ)'!Print_Area</vt:lpstr>
      <vt:lpstr>'9(Ⅱ)'!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大谷　文彦</cp:lastModifiedBy>
  <cp:lastPrinted>2024-04-01T10:18:56Z</cp:lastPrinted>
  <dcterms:created xsi:type="dcterms:W3CDTF">2009-03-03T11:11:50Z</dcterms:created>
  <dcterms:modified xsi:type="dcterms:W3CDTF">2024-04-05T07:03:02Z</dcterms:modified>
</cp:coreProperties>
</file>